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7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0" fontId="2" fillId="0" borderId="51"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182" fontId="2" fillId="0" borderId="0" xfId="0" applyNumberFormat="1" applyFont="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43"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8" t="s">
        <v>0</v>
      </c>
      <c r="F1" s="418"/>
      <c r="G1" s="418"/>
      <c r="H1" s="418"/>
      <c r="I1" s="2"/>
      <c r="J1" s="2"/>
      <c r="K1" s="2"/>
      <c r="L1" s="2"/>
    </row>
    <row r="2" spans="1:13" ht="24" customHeight="1" x14ac:dyDescent="0.2">
      <c r="A2" s="2"/>
      <c r="B2" s="2"/>
      <c r="C2" s="2"/>
      <c r="D2" s="2"/>
      <c r="E2" s="2"/>
      <c r="F2" s="41">
        <v>6</v>
      </c>
      <c r="G2" s="16">
        <v>7</v>
      </c>
      <c r="H2" s="2"/>
      <c r="I2" s="2"/>
      <c r="J2" s="2"/>
      <c r="K2" s="2"/>
      <c r="L2" s="2"/>
      <c r="M2" s="2"/>
    </row>
    <row r="3" spans="1:13" ht="24" customHeight="1" x14ac:dyDescent="0.2"/>
    <row r="4" spans="1:13" ht="20.25" customHeight="1" x14ac:dyDescent="0.2">
      <c r="D4" s="3"/>
      <c r="E4" s="4" t="s">
        <v>1</v>
      </c>
      <c r="F4" s="3"/>
      <c r="H4" s="23">
        <f>G2</f>
        <v>7</v>
      </c>
    </row>
    <row r="5" spans="1:13" ht="10.5" customHeight="1" thickBot="1" x14ac:dyDescent="0.25">
      <c r="E5" s="5"/>
    </row>
    <row r="6" spans="1:13" ht="21" customHeight="1" x14ac:dyDescent="0.2">
      <c r="E6" s="38"/>
      <c r="F6" s="419" t="s">
        <v>2</v>
      </c>
      <c r="G6" s="420"/>
      <c r="H6" s="420"/>
      <c r="I6" s="421"/>
    </row>
    <row r="7" spans="1:13" ht="21" customHeight="1" x14ac:dyDescent="0.2">
      <c r="E7" s="6"/>
      <c r="F7" s="7"/>
      <c r="G7" s="8" t="s">
        <v>3</v>
      </c>
      <c r="H7" s="39" t="s">
        <v>147</v>
      </c>
      <c r="I7" s="40" t="s">
        <v>146</v>
      </c>
    </row>
    <row r="8" spans="1:13" ht="21" customHeight="1" x14ac:dyDescent="0.2">
      <c r="E8" s="65" t="s">
        <v>4</v>
      </c>
      <c r="F8" s="43">
        <v>2355091</v>
      </c>
      <c r="G8" s="43">
        <v>992350</v>
      </c>
      <c r="H8" s="43">
        <v>948268</v>
      </c>
      <c r="I8" s="44">
        <v>414473</v>
      </c>
    </row>
    <row r="9" spans="1:13" ht="21" customHeight="1" x14ac:dyDescent="0.2">
      <c r="E9" s="66" t="s">
        <v>5</v>
      </c>
      <c r="F9" s="45">
        <v>940783</v>
      </c>
      <c r="G9" s="45">
        <v>396409</v>
      </c>
      <c r="H9" s="45">
        <v>373082</v>
      </c>
      <c r="I9" s="46">
        <v>171292</v>
      </c>
    </row>
    <row r="10" spans="1:13" ht="21" customHeight="1" x14ac:dyDescent="0.2">
      <c r="E10" s="66" t="s">
        <v>6</v>
      </c>
      <c r="F10" s="45">
        <v>310607</v>
      </c>
      <c r="G10" s="45">
        <v>137786</v>
      </c>
      <c r="H10" s="45">
        <v>119002</v>
      </c>
      <c r="I10" s="46">
        <v>53819</v>
      </c>
    </row>
    <row r="11" spans="1:13" ht="21" customHeight="1" x14ac:dyDescent="0.2">
      <c r="E11" s="66" t="s">
        <v>14</v>
      </c>
      <c r="F11" s="45">
        <v>189230</v>
      </c>
      <c r="G11" s="45">
        <v>80260</v>
      </c>
      <c r="H11" s="45">
        <v>78644</v>
      </c>
      <c r="I11" s="46">
        <v>30326</v>
      </c>
    </row>
    <row r="12" spans="1:13" ht="21" customHeight="1" x14ac:dyDescent="0.2">
      <c r="E12" s="66" t="s">
        <v>7</v>
      </c>
      <c r="F12" s="45">
        <v>124809</v>
      </c>
      <c r="G12" s="45">
        <v>49440</v>
      </c>
      <c r="H12" s="45">
        <v>52328</v>
      </c>
      <c r="I12" s="46">
        <v>23041</v>
      </c>
    </row>
    <row r="13" spans="1:13" ht="21" customHeight="1" x14ac:dyDescent="0.2">
      <c r="E13" s="66" t="s">
        <v>8</v>
      </c>
      <c r="F13" s="45">
        <v>73943</v>
      </c>
      <c r="G13" s="45">
        <v>31607</v>
      </c>
      <c r="H13" s="45">
        <v>30151</v>
      </c>
      <c r="I13" s="46">
        <v>12185</v>
      </c>
    </row>
    <row r="14" spans="1:13" ht="21" customHeight="1" x14ac:dyDescent="0.2">
      <c r="E14" s="66" t="s">
        <v>9</v>
      </c>
      <c r="F14" s="45">
        <v>53371</v>
      </c>
      <c r="G14" s="45">
        <v>19622</v>
      </c>
      <c r="H14" s="45">
        <v>21773</v>
      </c>
      <c r="I14" s="46">
        <v>11976</v>
      </c>
    </row>
    <row r="15" spans="1:13" ht="21" customHeight="1" x14ac:dyDescent="0.2">
      <c r="E15" s="66" t="s">
        <v>10</v>
      </c>
      <c r="F15" s="45">
        <v>109168</v>
      </c>
      <c r="G15" s="45">
        <v>44954</v>
      </c>
      <c r="H15" s="45">
        <v>44280</v>
      </c>
      <c r="I15" s="46">
        <v>19934</v>
      </c>
    </row>
    <row r="16" spans="1:13" ht="21" customHeight="1" x14ac:dyDescent="0.2">
      <c r="E16" s="66" t="s">
        <v>11</v>
      </c>
      <c r="F16" s="45">
        <v>57626</v>
      </c>
      <c r="G16" s="45">
        <v>24496</v>
      </c>
      <c r="H16" s="45">
        <v>22844</v>
      </c>
      <c r="I16" s="46">
        <v>10286</v>
      </c>
    </row>
    <row r="17" spans="5:13" ht="21" customHeight="1" x14ac:dyDescent="0.2">
      <c r="E17" s="66" t="s">
        <v>12</v>
      </c>
      <c r="F17" s="45">
        <v>66183</v>
      </c>
      <c r="G17" s="45">
        <v>27180</v>
      </c>
      <c r="H17" s="45">
        <v>26852</v>
      </c>
      <c r="I17" s="46">
        <v>12151</v>
      </c>
    </row>
    <row r="18" spans="5:13" ht="21" customHeight="1" x14ac:dyDescent="0.2">
      <c r="E18" s="66" t="s">
        <v>13</v>
      </c>
      <c r="F18" s="45">
        <v>18457</v>
      </c>
      <c r="G18" s="45">
        <v>6772</v>
      </c>
      <c r="H18" s="45">
        <v>7571</v>
      </c>
      <c r="I18" s="46">
        <v>4114</v>
      </c>
      <c r="M18" s="1" t="s">
        <v>87</v>
      </c>
    </row>
    <row r="19" spans="5:13" ht="21" customHeight="1" x14ac:dyDescent="0.2">
      <c r="E19" s="66" t="s">
        <v>15</v>
      </c>
      <c r="F19" s="45">
        <v>15926</v>
      </c>
      <c r="G19" s="45">
        <v>6663</v>
      </c>
      <c r="H19" s="45">
        <v>6403</v>
      </c>
      <c r="I19" s="46">
        <v>2860</v>
      </c>
    </row>
    <row r="20" spans="5:13" ht="21" customHeight="1" x14ac:dyDescent="0.2">
      <c r="E20" s="66" t="s">
        <v>16</v>
      </c>
      <c r="F20" s="45">
        <v>49704</v>
      </c>
      <c r="G20" s="45">
        <v>21776</v>
      </c>
      <c r="H20" s="45">
        <v>20653</v>
      </c>
      <c r="I20" s="46">
        <v>7275</v>
      </c>
    </row>
    <row r="21" spans="5:13" ht="21" customHeight="1" x14ac:dyDescent="0.2">
      <c r="E21" s="66" t="s">
        <v>17</v>
      </c>
      <c r="F21" s="45">
        <v>59080</v>
      </c>
      <c r="G21" s="45">
        <v>25712</v>
      </c>
      <c r="H21" s="45">
        <v>24753</v>
      </c>
      <c r="I21" s="46">
        <v>8615</v>
      </c>
    </row>
    <row r="22" spans="5:13" ht="21" customHeight="1" x14ac:dyDescent="0.2">
      <c r="E22" s="66" t="s">
        <v>18</v>
      </c>
      <c r="F22" s="45">
        <v>58511</v>
      </c>
      <c r="G22" s="45">
        <v>24739</v>
      </c>
      <c r="H22" s="45">
        <v>24375</v>
      </c>
      <c r="I22" s="46">
        <v>9397</v>
      </c>
    </row>
    <row r="23" spans="5:13" ht="21" customHeight="1" x14ac:dyDescent="0.2">
      <c r="E23" s="66" t="s">
        <v>19</v>
      </c>
      <c r="F23" s="45">
        <v>26734</v>
      </c>
      <c r="G23" s="45">
        <v>11310</v>
      </c>
      <c r="H23" s="45">
        <v>11136</v>
      </c>
      <c r="I23" s="46">
        <v>4288</v>
      </c>
    </row>
    <row r="24" spans="5:13" ht="21" customHeight="1" x14ac:dyDescent="0.2">
      <c r="E24" s="66" t="s">
        <v>20</v>
      </c>
      <c r="F24" s="45">
        <v>34374</v>
      </c>
      <c r="G24" s="45">
        <v>14764</v>
      </c>
      <c r="H24" s="45">
        <v>14425</v>
      </c>
      <c r="I24" s="46">
        <v>5185</v>
      </c>
    </row>
    <row r="25" spans="5:13" ht="21" customHeight="1" x14ac:dyDescent="0.2">
      <c r="E25" s="66" t="s">
        <v>21</v>
      </c>
      <c r="F25" s="45">
        <v>34591</v>
      </c>
      <c r="G25" s="45">
        <v>14826</v>
      </c>
      <c r="H25" s="45">
        <v>14359</v>
      </c>
      <c r="I25" s="46">
        <v>5406</v>
      </c>
    </row>
    <row r="26" spans="5:13" ht="21" customHeight="1" x14ac:dyDescent="0.2">
      <c r="E26" s="66" t="s">
        <v>22</v>
      </c>
      <c r="F26" s="45">
        <v>13641</v>
      </c>
      <c r="G26" s="45">
        <v>5484</v>
      </c>
      <c r="H26" s="45">
        <v>5691</v>
      </c>
      <c r="I26" s="46">
        <v>2466</v>
      </c>
    </row>
    <row r="27" spans="5:13" ht="21" customHeight="1" x14ac:dyDescent="0.2">
      <c r="E27" s="66" t="s">
        <v>23</v>
      </c>
      <c r="F27" s="45">
        <v>22644</v>
      </c>
      <c r="G27" s="45">
        <v>8901</v>
      </c>
      <c r="H27" s="45">
        <v>10259</v>
      </c>
      <c r="I27" s="46">
        <v>3484</v>
      </c>
    </row>
    <row r="28" spans="5:13" ht="21" customHeight="1" x14ac:dyDescent="0.2">
      <c r="E28" s="66" t="s">
        <v>24</v>
      </c>
      <c r="F28" s="45">
        <v>10094</v>
      </c>
      <c r="G28" s="45">
        <v>3662</v>
      </c>
      <c r="H28" s="45">
        <v>4316</v>
      </c>
      <c r="I28" s="46">
        <v>2116</v>
      </c>
    </row>
    <row r="29" spans="5:13" ht="21" customHeight="1" x14ac:dyDescent="0.2">
      <c r="E29" s="66" t="s">
        <v>25</v>
      </c>
      <c r="F29" s="45">
        <v>13546</v>
      </c>
      <c r="G29" s="45">
        <v>5940</v>
      </c>
      <c r="H29" s="45">
        <v>5625</v>
      </c>
      <c r="I29" s="46">
        <v>1981</v>
      </c>
    </row>
    <row r="30" spans="5:13" ht="21" customHeight="1" x14ac:dyDescent="0.2">
      <c r="E30" s="66" t="s">
        <v>26</v>
      </c>
      <c r="F30" s="45">
        <v>11097</v>
      </c>
      <c r="G30" s="45">
        <v>4385</v>
      </c>
      <c r="H30" s="45">
        <v>4737</v>
      </c>
      <c r="I30" s="46">
        <v>1975</v>
      </c>
    </row>
    <row r="31" spans="5:13" ht="21" customHeight="1" x14ac:dyDescent="0.2">
      <c r="E31" s="66" t="s">
        <v>27</v>
      </c>
      <c r="F31" s="45">
        <v>9846</v>
      </c>
      <c r="G31" s="45">
        <v>3755</v>
      </c>
      <c r="H31" s="45">
        <v>4144</v>
      </c>
      <c r="I31" s="46">
        <v>1947</v>
      </c>
    </row>
    <row r="32" spans="5:13" ht="21" customHeight="1" x14ac:dyDescent="0.2">
      <c r="E32" s="66" t="s">
        <v>28</v>
      </c>
      <c r="F32" s="45">
        <v>3207</v>
      </c>
      <c r="G32" s="45">
        <v>1387</v>
      </c>
      <c r="H32" s="45">
        <v>1361</v>
      </c>
      <c r="I32" s="46">
        <v>459</v>
      </c>
    </row>
    <row r="33" spans="5:9" ht="21" customHeight="1" x14ac:dyDescent="0.2">
      <c r="E33" s="66" t="s">
        <v>29</v>
      </c>
      <c r="F33" s="45">
        <v>5005</v>
      </c>
      <c r="G33" s="45">
        <v>2105</v>
      </c>
      <c r="H33" s="45">
        <v>2133</v>
      </c>
      <c r="I33" s="46">
        <v>767</v>
      </c>
    </row>
    <row r="34" spans="5:9" ht="21" customHeight="1" x14ac:dyDescent="0.2">
      <c r="E34" s="66" t="s">
        <v>30</v>
      </c>
      <c r="F34" s="45">
        <v>3732</v>
      </c>
      <c r="G34" s="45">
        <v>1531</v>
      </c>
      <c r="H34" s="45">
        <v>1477</v>
      </c>
      <c r="I34" s="46">
        <v>724</v>
      </c>
    </row>
    <row r="35" spans="5:9" ht="21" customHeight="1" x14ac:dyDescent="0.2">
      <c r="E35" s="66" t="s">
        <v>31</v>
      </c>
      <c r="F35" s="45">
        <v>4016</v>
      </c>
      <c r="G35" s="45">
        <v>1801</v>
      </c>
      <c r="H35" s="45">
        <v>1490</v>
      </c>
      <c r="I35" s="46">
        <v>725</v>
      </c>
    </row>
    <row r="36" spans="5:9" ht="21" customHeight="1" x14ac:dyDescent="0.2">
      <c r="E36" s="66" t="s">
        <v>32</v>
      </c>
      <c r="F36" s="45">
        <v>4713</v>
      </c>
      <c r="G36" s="45">
        <v>2005</v>
      </c>
      <c r="H36" s="45">
        <v>1907</v>
      </c>
      <c r="I36" s="46">
        <v>801</v>
      </c>
    </row>
    <row r="37" spans="5:9" ht="21" customHeight="1" x14ac:dyDescent="0.2">
      <c r="E37" s="66" t="s">
        <v>33</v>
      </c>
      <c r="F37" s="45">
        <v>4110</v>
      </c>
      <c r="G37" s="45">
        <v>1707</v>
      </c>
      <c r="H37" s="45">
        <v>1686</v>
      </c>
      <c r="I37" s="46">
        <v>717</v>
      </c>
    </row>
    <row r="38" spans="5:9" ht="21" customHeight="1" x14ac:dyDescent="0.2">
      <c r="E38" s="66" t="s">
        <v>34</v>
      </c>
      <c r="F38" s="45">
        <v>3016</v>
      </c>
      <c r="G38" s="45">
        <v>1230</v>
      </c>
      <c r="H38" s="45">
        <v>1240</v>
      </c>
      <c r="I38" s="46">
        <v>546</v>
      </c>
    </row>
    <row r="39" spans="5:9" ht="21" customHeight="1" x14ac:dyDescent="0.2">
      <c r="E39" s="66" t="s">
        <v>35</v>
      </c>
      <c r="F39" s="45">
        <v>9832</v>
      </c>
      <c r="G39" s="45">
        <v>3920</v>
      </c>
      <c r="H39" s="45">
        <v>4087</v>
      </c>
      <c r="I39" s="46">
        <v>1825</v>
      </c>
    </row>
    <row r="40" spans="5:9" ht="21" customHeight="1" x14ac:dyDescent="0.2">
      <c r="E40" s="66" t="s">
        <v>36</v>
      </c>
      <c r="F40" s="45">
        <v>12413</v>
      </c>
      <c r="G40" s="45">
        <v>5711</v>
      </c>
      <c r="H40" s="45">
        <v>5073</v>
      </c>
      <c r="I40" s="46">
        <v>1629</v>
      </c>
    </row>
    <row r="41" spans="5:9" ht="21" customHeight="1" thickBot="1" x14ac:dyDescent="0.25">
      <c r="E41" s="67" t="s">
        <v>37</v>
      </c>
      <c r="F41" s="47">
        <v>1082</v>
      </c>
      <c r="G41" s="47">
        <v>510</v>
      </c>
      <c r="H41" s="47">
        <v>411</v>
      </c>
      <c r="I41" s="48">
        <v>161</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7</v>
      </c>
      <c r="M1" s="445">
        <f>IF(L1&lt;3,L1+12-2,L1-2)</f>
        <v>5</v>
      </c>
      <c r="N1" s="445"/>
    </row>
    <row r="2" spans="2:112" ht="24" customHeight="1" thickBot="1" x14ac:dyDescent="0.25">
      <c r="B2" s="142" t="s">
        <v>128</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13974</v>
      </c>
      <c r="H6" s="184">
        <v>19346</v>
      </c>
      <c r="I6" s="184">
        <v>20225</v>
      </c>
      <c r="J6" s="184">
        <v>24743</v>
      </c>
      <c r="K6" s="184">
        <v>24139</v>
      </c>
      <c r="L6" s="187">
        <v>102427</v>
      </c>
      <c r="M6" s="188">
        <v>102427</v>
      </c>
      <c r="N6" s="183">
        <v>0</v>
      </c>
      <c r="O6" s="184">
        <v>2</v>
      </c>
      <c r="P6" s="189">
        <v>2</v>
      </c>
      <c r="Q6" s="186">
        <v>0</v>
      </c>
      <c r="R6" s="184">
        <v>27</v>
      </c>
      <c r="S6" s="184">
        <v>114</v>
      </c>
      <c r="T6" s="184">
        <v>259</v>
      </c>
      <c r="U6" s="184">
        <v>520</v>
      </c>
      <c r="V6" s="184">
        <v>970</v>
      </c>
      <c r="W6" s="189">
        <v>1890</v>
      </c>
      <c r="X6" s="188">
        <v>1892</v>
      </c>
      <c r="Y6" s="183">
        <v>1217</v>
      </c>
      <c r="Z6" s="184">
        <v>3245</v>
      </c>
      <c r="AA6" s="189">
        <v>4462</v>
      </c>
      <c r="AB6" s="186">
        <v>0</v>
      </c>
      <c r="AC6" s="184">
        <v>8607</v>
      </c>
      <c r="AD6" s="184">
        <v>14073</v>
      </c>
      <c r="AE6" s="184">
        <v>9205</v>
      </c>
      <c r="AF6" s="184">
        <v>7095</v>
      </c>
      <c r="AG6" s="184">
        <v>4623</v>
      </c>
      <c r="AH6" s="189">
        <v>43603</v>
      </c>
      <c r="AI6" s="188">
        <v>48065</v>
      </c>
      <c r="AJ6" s="183">
        <v>278</v>
      </c>
      <c r="AK6" s="184">
        <v>581</v>
      </c>
      <c r="AL6" s="189">
        <v>859</v>
      </c>
      <c r="AM6" s="186">
        <v>0</v>
      </c>
      <c r="AN6" s="184">
        <v>1256</v>
      </c>
      <c r="AO6" s="184">
        <v>1510</v>
      </c>
      <c r="AP6" s="184">
        <v>1074</v>
      </c>
      <c r="AQ6" s="184">
        <v>910</v>
      </c>
      <c r="AR6" s="184">
        <v>647</v>
      </c>
      <c r="AS6" s="189">
        <v>5397</v>
      </c>
      <c r="AT6" s="188">
        <v>6256</v>
      </c>
      <c r="AU6" s="183">
        <v>0</v>
      </c>
      <c r="AV6" s="184">
        <v>0</v>
      </c>
      <c r="AW6" s="189">
        <v>0</v>
      </c>
      <c r="AX6" s="186">
        <v>0</v>
      </c>
      <c r="AY6" s="184">
        <v>13683</v>
      </c>
      <c r="AZ6" s="184">
        <v>12679</v>
      </c>
      <c r="BA6" s="184">
        <v>7397</v>
      </c>
      <c r="BB6" s="184">
        <v>3385</v>
      </c>
      <c r="BC6" s="184">
        <v>1280</v>
      </c>
      <c r="BD6" s="187">
        <v>38424</v>
      </c>
      <c r="BE6" s="188">
        <v>38424</v>
      </c>
      <c r="BF6" s="183">
        <v>0</v>
      </c>
      <c r="BG6" s="184">
        <v>0</v>
      </c>
      <c r="BH6" s="189">
        <v>0</v>
      </c>
      <c r="BI6" s="186">
        <v>0</v>
      </c>
      <c r="BJ6" s="184">
        <v>2788</v>
      </c>
      <c r="BK6" s="184">
        <v>3994</v>
      </c>
      <c r="BL6" s="184">
        <v>2321</v>
      </c>
      <c r="BM6" s="184">
        <v>1313</v>
      </c>
      <c r="BN6" s="184">
        <v>294</v>
      </c>
      <c r="BO6" s="189">
        <v>10710</v>
      </c>
      <c r="BP6" s="188">
        <v>10710</v>
      </c>
      <c r="BQ6" s="183">
        <v>22</v>
      </c>
      <c r="BR6" s="184">
        <v>109</v>
      </c>
      <c r="BS6" s="189">
        <v>131</v>
      </c>
      <c r="BT6" s="186">
        <v>0</v>
      </c>
      <c r="BU6" s="184">
        <v>1077</v>
      </c>
      <c r="BV6" s="184">
        <v>2023</v>
      </c>
      <c r="BW6" s="184">
        <v>2788</v>
      </c>
      <c r="BX6" s="184">
        <v>2577</v>
      </c>
      <c r="BY6" s="184">
        <v>1069</v>
      </c>
      <c r="BZ6" s="189">
        <v>9534</v>
      </c>
      <c r="CA6" s="188">
        <v>9665</v>
      </c>
      <c r="CB6" s="183">
        <v>0</v>
      </c>
      <c r="CC6" s="184">
        <v>0</v>
      </c>
      <c r="CD6" s="189">
        <v>0</v>
      </c>
      <c r="CE6" s="186">
        <v>0</v>
      </c>
      <c r="CF6" s="184">
        <v>102</v>
      </c>
      <c r="CG6" s="184">
        <v>239</v>
      </c>
      <c r="CH6" s="184">
        <v>389</v>
      </c>
      <c r="CI6" s="184">
        <v>280</v>
      </c>
      <c r="CJ6" s="184">
        <v>121</v>
      </c>
      <c r="CK6" s="189">
        <v>1131</v>
      </c>
      <c r="CL6" s="188">
        <v>1131</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951</v>
      </c>
      <c r="H7" s="191">
        <v>8799</v>
      </c>
      <c r="I7" s="191">
        <v>9036</v>
      </c>
      <c r="J7" s="191">
        <v>10059</v>
      </c>
      <c r="K7" s="191">
        <v>9886</v>
      </c>
      <c r="L7" s="194">
        <v>42731</v>
      </c>
      <c r="M7" s="195">
        <v>42731</v>
      </c>
      <c r="N7" s="190">
        <v>0</v>
      </c>
      <c r="O7" s="191">
        <v>2</v>
      </c>
      <c r="P7" s="196">
        <v>2</v>
      </c>
      <c r="Q7" s="193">
        <v>0</v>
      </c>
      <c r="R7" s="191">
        <v>11</v>
      </c>
      <c r="S7" s="191">
        <v>46</v>
      </c>
      <c r="T7" s="191">
        <v>115</v>
      </c>
      <c r="U7" s="191">
        <v>242</v>
      </c>
      <c r="V7" s="191">
        <v>465</v>
      </c>
      <c r="W7" s="196">
        <v>879</v>
      </c>
      <c r="X7" s="195">
        <v>881</v>
      </c>
      <c r="Y7" s="190">
        <v>545</v>
      </c>
      <c r="Z7" s="191">
        <v>1942</v>
      </c>
      <c r="AA7" s="196">
        <v>2487</v>
      </c>
      <c r="AB7" s="193">
        <v>0</v>
      </c>
      <c r="AC7" s="191">
        <v>3298</v>
      </c>
      <c r="AD7" s="191">
        <v>7700</v>
      </c>
      <c r="AE7" s="191">
        <v>5186</v>
      </c>
      <c r="AF7" s="191">
        <v>3511</v>
      </c>
      <c r="AG7" s="191">
        <v>2021</v>
      </c>
      <c r="AH7" s="196">
        <v>21716</v>
      </c>
      <c r="AI7" s="195">
        <v>24203</v>
      </c>
      <c r="AJ7" s="190">
        <v>82</v>
      </c>
      <c r="AK7" s="191">
        <v>296</v>
      </c>
      <c r="AL7" s="196">
        <v>378</v>
      </c>
      <c r="AM7" s="193">
        <v>0</v>
      </c>
      <c r="AN7" s="191">
        <v>371</v>
      </c>
      <c r="AO7" s="191">
        <v>488</v>
      </c>
      <c r="AP7" s="191">
        <v>421</v>
      </c>
      <c r="AQ7" s="191">
        <v>309</v>
      </c>
      <c r="AR7" s="191">
        <v>285</v>
      </c>
      <c r="AS7" s="196">
        <v>1874</v>
      </c>
      <c r="AT7" s="195">
        <v>2252</v>
      </c>
      <c r="AU7" s="190">
        <v>0</v>
      </c>
      <c r="AV7" s="191">
        <v>0</v>
      </c>
      <c r="AW7" s="196">
        <v>0</v>
      </c>
      <c r="AX7" s="193">
        <v>0</v>
      </c>
      <c r="AY7" s="191">
        <v>4781</v>
      </c>
      <c r="AZ7" s="191">
        <v>5260</v>
      </c>
      <c r="BA7" s="191">
        <v>2942</v>
      </c>
      <c r="BB7" s="191">
        <v>1288</v>
      </c>
      <c r="BC7" s="191">
        <v>651</v>
      </c>
      <c r="BD7" s="194">
        <v>14922</v>
      </c>
      <c r="BE7" s="195">
        <v>14922</v>
      </c>
      <c r="BF7" s="190">
        <v>0</v>
      </c>
      <c r="BG7" s="191">
        <v>0</v>
      </c>
      <c r="BH7" s="196">
        <v>0</v>
      </c>
      <c r="BI7" s="193">
        <v>0</v>
      </c>
      <c r="BJ7" s="191">
        <v>902</v>
      </c>
      <c r="BK7" s="191">
        <v>1853</v>
      </c>
      <c r="BL7" s="191">
        <v>1116</v>
      </c>
      <c r="BM7" s="191">
        <v>620</v>
      </c>
      <c r="BN7" s="191">
        <v>126</v>
      </c>
      <c r="BO7" s="196">
        <v>4617</v>
      </c>
      <c r="BP7" s="195">
        <v>4617</v>
      </c>
      <c r="BQ7" s="190">
        <v>3</v>
      </c>
      <c r="BR7" s="191">
        <v>48</v>
      </c>
      <c r="BS7" s="196">
        <v>51</v>
      </c>
      <c r="BT7" s="193">
        <v>0</v>
      </c>
      <c r="BU7" s="191">
        <v>427</v>
      </c>
      <c r="BV7" s="191">
        <v>856</v>
      </c>
      <c r="BW7" s="191">
        <v>1102</v>
      </c>
      <c r="BX7" s="191">
        <v>950</v>
      </c>
      <c r="BY7" s="191">
        <v>423</v>
      </c>
      <c r="BZ7" s="196">
        <v>3758</v>
      </c>
      <c r="CA7" s="195">
        <v>3809</v>
      </c>
      <c r="CB7" s="190">
        <v>0</v>
      </c>
      <c r="CC7" s="191">
        <v>0</v>
      </c>
      <c r="CD7" s="196">
        <v>0</v>
      </c>
      <c r="CE7" s="193">
        <v>0</v>
      </c>
      <c r="CF7" s="191">
        <v>52</v>
      </c>
      <c r="CG7" s="191">
        <v>118</v>
      </c>
      <c r="CH7" s="191">
        <v>222</v>
      </c>
      <c r="CI7" s="191">
        <v>168</v>
      </c>
      <c r="CJ7" s="191">
        <v>84</v>
      </c>
      <c r="CK7" s="196">
        <v>644</v>
      </c>
      <c r="CL7" s="195">
        <v>644</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2128</v>
      </c>
      <c r="H8" s="191">
        <v>2149</v>
      </c>
      <c r="I8" s="191">
        <v>1998</v>
      </c>
      <c r="J8" s="191">
        <v>2449</v>
      </c>
      <c r="K8" s="191">
        <v>2755</v>
      </c>
      <c r="L8" s="194">
        <v>11479</v>
      </c>
      <c r="M8" s="195">
        <v>11479</v>
      </c>
      <c r="N8" s="190">
        <v>0</v>
      </c>
      <c r="O8" s="191">
        <v>0</v>
      </c>
      <c r="P8" s="196">
        <v>0</v>
      </c>
      <c r="Q8" s="193">
        <v>0</v>
      </c>
      <c r="R8" s="191">
        <v>10</v>
      </c>
      <c r="S8" s="191">
        <v>11</v>
      </c>
      <c r="T8" s="191">
        <v>10</v>
      </c>
      <c r="U8" s="191">
        <v>38</v>
      </c>
      <c r="V8" s="191">
        <v>99</v>
      </c>
      <c r="W8" s="196">
        <v>168</v>
      </c>
      <c r="X8" s="195">
        <v>168</v>
      </c>
      <c r="Y8" s="190">
        <v>132</v>
      </c>
      <c r="Z8" s="191">
        <v>382</v>
      </c>
      <c r="AA8" s="196">
        <v>514</v>
      </c>
      <c r="AB8" s="193">
        <v>0</v>
      </c>
      <c r="AC8" s="191">
        <v>1666</v>
      </c>
      <c r="AD8" s="191">
        <v>1970</v>
      </c>
      <c r="AE8" s="191">
        <v>807</v>
      </c>
      <c r="AF8" s="191">
        <v>1094</v>
      </c>
      <c r="AG8" s="191">
        <v>784</v>
      </c>
      <c r="AH8" s="196">
        <v>6321</v>
      </c>
      <c r="AI8" s="195">
        <v>6835</v>
      </c>
      <c r="AJ8" s="190">
        <v>23</v>
      </c>
      <c r="AK8" s="191">
        <v>36</v>
      </c>
      <c r="AL8" s="196">
        <v>59</v>
      </c>
      <c r="AM8" s="193">
        <v>0</v>
      </c>
      <c r="AN8" s="191">
        <v>252</v>
      </c>
      <c r="AO8" s="191">
        <v>254</v>
      </c>
      <c r="AP8" s="191">
        <v>82</v>
      </c>
      <c r="AQ8" s="191">
        <v>99</v>
      </c>
      <c r="AR8" s="191">
        <v>87</v>
      </c>
      <c r="AS8" s="196">
        <v>774</v>
      </c>
      <c r="AT8" s="195">
        <v>833</v>
      </c>
      <c r="AU8" s="190">
        <v>0</v>
      </c>
      <c r="AV8" s="191">
        <v>0</v>
      </c>
      <c r="AW8" s="196">
        <v>0</v>
      </c>
      <c r="AX8" s="193">
        <v>0</v>
      </c>
      <c r="AY8" s="191">
        <v>1957</v>
      </c>
      <c r="AZ8" s="191">
        <v>1846</v>
      </c>
      <c r="BA8" s="191">
        <v>823</v>
      </c>
      <c r="BB8" s="191">
        <v>507</v>
      </c>
      <c r="BC8" s="191">
        <v>183</v>
      </c>
      <c r="BD8" s="194">
        <v>5316</v>
      </c>
      <c r="BE8" s="195">
        <v>5316</v>
      </c>
      <c r="BF8" s="190">
        <v>0</v>
      </c>
      <c r="BG8" s="191">
        <v>0</v>
      </c>
      <c r="BH8" s="196">
        <v>0</v>
      </c>
      <c r="BI8" s="193">
        <v>0</v>
      </c>
      <c r="BJ8" s="191">
        <v>337</v>
      </c>
      <c r="BK8" s="191">
        <v>436</v>
      </c>
      <c r="BL8" s="191">
        <v>239</v>
      </c>
      <c r="BM8" s="191">
        <v>172</v>
      </c>
      <c r="BN8" s="191">
        <v>40</v>
      </c>
      <c r="BO8" s="196">
        <v>1224</v>
      </c>
      <c r="BP8" s="195">
        <v>1224</v>
      </c>
      <c r="BQ8" s="190">
        <v>2</v>
      </c>
      <c r="BR8" s="191">
        <v>4</v>
      </c>
      <c r="BS8" s="196">
        <v>6</v>
      </c>
      <c r="BT8" s="193">
        <v>0</v>
      </c>
      <c r="BU8" s="191">
        <v>114</v>
      </c>
      <c r="BV8" s="191">
        <v>193</v>
      </c>
      <c r="BW8" s="191">
        <v>192</v>
      </c>
      <c r="BX8" s="191">
        <v>209</v>
      </c>
      <c r="BY8" s="191">
        <v>72</v>
      </c>
      <c r="BZ8" s="196">
        <v>780</v>
      </c>
      <c r="CA8" s="195">
        <v>786</v>
      </c>
      <c r="CB8" s="190">
        <v>0</v>
      </c>
      <c r="CC8" s="191">
        <v>0</v>
      </c>
      <c r="CD8" s="196">
        <v>0</v>
      </c>
      <c r="CE8" s="193">
        <v>0</v>
      </c>
      <c r="CF8" s="191">
        <v>10</v>
      </c>
      <c r="CG8" s="191">
        <v>36</v>
      </c>
      <c r="CH8" s="191">
        <v>62</v>
      </c>
      <c r="CI8" s="191">
        <v>17</v>
      </c>
      <c r="CJ8" s="191">
        <v>21</v>
      </c>
      <c r="CK8" s="196">
        <v>146</v>
      </c>
      <c r="CL8" s="195">
        <v>146</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35</v>
      </c>
      <c r="H9" s="191">
        <v>1394</v>
      </c>
      <c r="I9" s="191">
        <v>1369</v>
      </c>
      <c r="J9" s="191">
        <v>1883</v>
      </c>
      <c r="K9" s="191">
        <v>1938</v>
      </c>
      <c r="L9" s="194">
        <v>7219</v>
      </c>
      <c r="M9" s="195">
        <v>7219</v>
      </c>
      <c r="N9" s="190">
        <v>0</v>
      </c>
      <c r="O9" s="191">
        <v>0</v>
      </c>
      <c r="P9" s="196">
        <v>0</v>
      </c>
      <c r="Q9" s="193">
        <v>0</v>
      </c>
      <c r="R9" s="191">
        <v>0</v>
      </c>
      <c r="S9" s="191">
        <v>11</v>
      </c>
      <c r="T9" s="191">
        <v>20</v>
      </c>
      <c r="U9" s="191">
        <v>32</v>
      </c>
      <c r="V9" s="191">
        <v>40</v>
      </c>
      <c r="W9" s="196">
        <v>103</v>
      </c>
      <c r="X9" s="195">
        <v>103</v>
      </c>
      <c r="Y9" s="190">
        <v>87</v>
      </c>
      <c r="Z9" s="191">
        <v>190</v>
      </c>
      <c r="AA9" s="196">
        <v>277</v>
      </c>
      <c r="AB9" s="193">
        <v>0</v>
      </c>
      <c r="AC9" s="191">
        <v>417</v>
      </c>
      <c r="AD9" s="191">
        <v>870</v>
      </c>
      <c r="AE9" s="191">
        <v>721</v>
      </c>
      <c r="AF9" s="191">
        <v>500</v>
      </c>
      <c r="AG9" s="191">
        <v>371</v>
      </c>
      <c r="AH9" s="196">
        <v>2879</v>
      </c>
      <c r="AI9" s="195">
        <v>3156</v>
      </c>
      <c r="AJ9" s="190">
        <v>12</v>
      </c>
      <c r="AK9" s="191">
        <v>20</v>
      </c>
      <c r="AL9" s="196">
        <v>32</v>
      </c>
      <c r="AM9" s="193">
        <v>0</v>
      </c>
      <c r="AN9" s="191">
        <v>0</v>
      </c>
      <c r="AO9" s="191">
        <v>34</v>
      </c>
      <c r="AP9" s="191">
        <v>29</v>
      </c>
      <c r="AQ9" s="191">
        <v>54</v>
      </c>
      <c r="AR9" s="191">
        <v>26</v>
      </c>
      <c r="AS9" s="196">
        <v>143</v>
      </c>
      <c r="AT9" s="195">
        <v>175</v>
      </c>
      <c r="AU9" s="190">
        <v>0</v>
      </c>
      <c r="AV9" s="191">
        <v>0</v>
      </c>
      <c r="AW9" s="196">
        <v>0</v>
      </c>
      <c r="AX9" s="193">
        <v>0</v>
      </c>
      <c r="AY9" s="191">
        <v>948</v>
      </c>
      <c r="AZ9" s="191">
        <v>1103</v>
      </c>
      <c r="BA9" s="191">
        <v>973</v>
      </c>
      <c r="BB9" s="191">
        <v>383</v>
      </c>
      <c r="BC9" s="191">
        <v>94</v>
      </c>
      <c r="BD9" s="194">
        <v>3501</v>
      </c>
      <c r="BE9" s="195">
        <v>3501</v>
      </c>
      <c r="BF9" s="190">
        <v>0</v>
      </c>
      <c r="BG9" s="191">
        <v>0</v>
      </c>
      <c r="BH9" s="196">
        <v>0</v>
      </c>
      <c r="BI9" s="193">
        <v>0</v>
      </c>
      <c r="BJ9" s="191">
        <v>69</v>
      </c>
      <c r="BK9" s="191">
        <v>228</v>
      </c>
      <c r="BL9" s="191">
        <v>131</v>
      </c>
      <c r="BM9" s="191">
        <v>43</v>
      </c>
      <c r="BN9" s="191">
        <v>0</v>
      </c>
      <c r="BO9" s="196">
        <v>471</v>
      </c>
      <c r="BP9" s="195">
        <v>471</v>
      </c>
      <c r="BQ9" s="190">
        <v>6</v>
      </c>
      <c r="BR9" s="191">
        <v>0</v>
      </c>
      <c r="BS9" s="196">
        <v>6</v>
      </c>
      <c r="BT9" s="193">
        <v>0</v>
      </c>
      <c r="BU9" s="191">
        <v>9</v>
      </c>
      <c r="BV9" s="191">
        <v>125</v>
      </c>
      <c r="BW9" s="191">
        <v>340</v>
      </c>
      <c r="BX9" s="191">
        <v>264</v>
      </c>
      <c r="BY9" s="191">
        <v>174</v>
      </c>
      <c r="BZ9" s="196">
        <v>912</v>
      </c>
      <c r="CA9" s="195">
        <v>918</v>
      </c>
      <c r="CB9" s="190">
        <v>0</v>
      </c>
      <c r="CC9" s="191">
        <v>0</v>
      </c>
      <c r="CD9" s="196">
        <v>0</v>
      </c>
      <c r="CE9" s="193">
        <v>0</v>
      </c>
      <c r="CF9" s="191">
        <v>0</v>
      </c>
      <c r="CG9" s="191">
        <v>9</v>
      </c>
      <c r="CH9" s="191">
        <v>12</v>
      </c>
      <c r="CI9" s="191">
        <v>21</v>
      </c>
      <c r="CJ9" s="191">
        <v>0</v>
      </c>
      <c r="CK9" s="196">
        <v>42</v>
      </c>
      <c r="CL9" s="195">
        <v>42</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461</v>
      </c>
      <c r="H10" s="191">
        <v>1476</v>
      </c>
      <c r="I10" s="191">
        <v>1144</v>
      </c>
      <c r="J10" s="191">
        <v>2328</v>
      </c>
      <c r="K10" s="191">
        <v>1482</v>
      </c>
      <c r="L10" s="194">
        <v>7891</v>
      </c>
      <c r="M10" s="195">
        <v>7891</v>
      </c>
      <c r="N10" s="190">
        <v>0</v>
      </c>
      <c r="O10" s="191">
        <v>0</v>
      </c>
      <c r="P10" s="196">
        <v>0</v>
      </c>
      <c r="Q10" s="193">
        <v>0</v>
      </c>
      <c r="R10" s="191">
        <v>0</v>
      </c>
      <c r="S10" s="191">
        <v>13</v>
      </c>
      <c r="T10" s="191">
        <v>16</v>
      </c>
      <c r="U10" s="191">
        <v>27</v>
      </c>
      <c r="V10" s="191">
        <v>65</v>
      </c>
      <c r="W10" s="196">
        <v>121</v>
      </c>
      <c r="X10" s="195">
        <v>121</v>
      </c>
      <c r="Y10" s="190">
        <v>38</v>
      </c>
      <c r="Z10" s="191">
        <v>16</v>
      </c>
      <c r="AA10" s="196">
        <v>54</v>
      </c>
      <c r="AB10" s="193">
        <v>0</v>
      </c>
      <c r="AC10" s="191">
        <v>577</v>
      </c>
      <c r="AD10" s="191">
        <v>479</v>
      </c>
      <c r="AE10" s="191">
        <v>315</v>
      </c>
      <c r="AF10" s="191">
        <v>217</v>
      </c>
      <c r="AG10" s="191">
        <v>277</v>
      </c>
      <c r="AH10" s="196">
        <v>1865</v>
      </c>
      <c r="AI10" s="195">
        <v>1919</v>
      </c>
      <c r="AJ10" s="190">
        <v>16</v>
      </c>
      <c r="AK10" s="191">
        <v>0</v>
      </c>
      <c r="AL10" s="196">
        <v>16</v>
      </c>
      <c r="AM10" s="193">
        <v>0</v>
      </c>
      <c r="AN10" s="191">
        <v>107</v>
      </c>
      <c r="AO10" s="191">
        <v>63</v>
      </c>
      <c r="AP10" s="191">
        <v>55</v>
      </c>
      <c r="AQ10" s="191">
        <v>113</v>
      </c>
      <c r="AR10" s="191">
        <v>6</v>
      </c>
      <c r="AS10" s="196">
        <v>344</v>
      </c>
      <c r="AT10" s="195">
        <v>360</v>
      </c>
      <c r="AU10" s="190">
        <v>0</v>
      </c>
      <c r="AV10" s="191">
        <v>0</v>
      </c>
      <c r="AW10" s="196">
        <v>0</v>
      </c>
      <c r="AX10" s="193">
        <v>0</v>
      </c>
      <c r="AY10" s="191">
        <v>1305</v>
      </c>
      <c r="AZ10" s="191">
        <v>684</v>
      </c>
      <c r="BA10" s="191">
        <v>451</v>
      </c>
      <c r="BB10" s="191">
        <v>63</v>
      </c>
      <c r="BC10" s="191">
        <v>58</v>
      </c>
      <c r="BD10" s="194">
        <v>2561</v>
      </c>
      <c r="BE10" s="195">
        <v>2561</v>
      </c>
      <c r="BF10" s="190">
        <v>0</v>
      </c>
      <c r="BG10" s="191">
        <v>0</v>
      </c>
      <c r="BH10" s="196">
        <v>0</v>
      </c>
      <c r="BI10" s="193">
        <v>0</v>
      </c>
      <c r="BJ10" s="191">
        <v>159</v>
      </c>
      <c r="BK10" s="191">
        <v>210</v>
      </c>
      <c r="BL10" s="191">
        <v>77</v>
      </c>
      <c r="BM10" s="191">
        <v>35</v>
      </c>
      <c r="BN10" s="191">
        <v>21</v>
      </c>
      <c r="BO10" s="196">
        <v>502</v>
      </c>
      <c r="BP10" s="195">
        <v>502</v>
      </c>
      <c r="BQ10" s="190">
        <v>3</v>
      </c>
      <c r="BR10" s="191">
        <v>8</v>
      </c>
      <c r="BS10" s="196">
        <v>11</v>
      </c>
      <c r="BT10" s="193">
        <v>0</v>
      </c>
      <c r="BU10" s="191">
        <v>99</v>
      </c>
      <c r="BV10" s="191">
        <v>274</v>
      </c>
      <c r="BW10" s="191">
        <v>270</v>
      </c>
      <c r="BX10" s="191">
        <v>150</v>
      </c>
      <c r="BY10" s="191">
        <v>40</v>
      </c>
      <c r="BZ10" s="196">
        <v>833</v>
      </c>
      <c r="CA10" s="195">
        <v>844</v>
      </c>
      <c r="CB10" s="190">
        <v>0</v>
      </c>
      <c r="CC10" s="191">
        <v>0</v>
      </c>
      <c r="CD10" s="196">
        <v>0</v>
      </c>
      <c r="CE10" s="193">
        <v>0</v>
      </c>
      <c r="CF10" s="191">
        <v>3</v>
      </c>
      <c r="CG10" s="191">
        <v>0</v>
      </c>
      <c r="CH10" s="191">
        <v>0</v>
      </c>
      <c r="CI10" s="191">
        <v>26</v>
      </c>
      <c r="CJ10" s="191">
        <v>0</v>
      </c>
      <c r="CK10" s="196">
        <v>29</v>
      </c>
      <c r="CL10" s="195">
        <v>29</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337</v>
      </c>
      <c r="H11" s="191">
        <v>556</v>
      </c>
      <c r="I11" s="191">
        <v>868</v>
      </c>
      <c r="J11" s="191">
        <v>517</v>
      </c>
      <c r="K11" s="191">
        <v>885</v>
      </c>
      <c r="L11" s="194">
        <v>3163</v>
      </c>
      <c r="M11" s="195">
        <v>3163</v>
      </c>
      <c r="N11" s="190">
        <v>0</v>
      </c>
      <c r="O11" s="191">
        <v>0</v>
      </c>
      <c r="P11" s="196">
        <v>0</v>
      </c>
      <c r="Q11" s="193">
        <v>0</v>
      </c>
      <c r="R11" s="191">
        <v>0</v>
      </c>
      <c r="S11" s="191">
        <v>4</v>
      </c>
      <c r="T11" s="191">
        <v>18</v>
      </c>
      <c r="U11" s="191">
        <v>5</v>
      </c>
      <c r="V11" s="191">
        <v>18</v>
      </c>
      <c r="W11" s="196">
        <v>45</v>
      </c>
      <c r="X11" s="195">
        <v>45</v>
      </c>
      <c r="Y11" s="190">
        <v>14</v>
      </c>
      <c r="Z11" s="191">
        <v>7</v>
      </c>
      <c r="AA11" s="196">
        <v>21</v>
      </c>
      <c r="AB11" s="193">
        <v>0</v>
      </c>
      <c r="AC11" s="191">
        <v>107</v>
      </c>
      <c r="AD11" s="191">
        <v>194</v>
      </c>
      <c r="AE11" s="191">
        <v>230</v>
      </c>
      <c r="AF11" s="191">
        <v>100</v>
      </c>
      <c r="AG11" s="191">
        <v>84</v>
      </c>
      <c r="AH11" s="196">
        <v>715</v>
      </c>
      <c r="AI11" s="195">
        <v>736</v>
      </c>
      <c r="AJ11" s="190">
        <v>8</v>
      </c>
      <c r="AK11" s="191">
        <v>0</v>
      </c>
      <c r="AL11" s="196">
        <v>8</v>
      </c>
      <c r="AM11" s="193">
        <v>0</v>
      </c>
      <c r="AN11" s="191">
        <v>77</v>
      </c>
      <c r="AO11" s="191">
        <v>9</v>
      </c>
      <c r="AP11" s="191">
        <v>109</v>
      </c>
      <c r="AQ11" s="191">
        <v>0</v>
      </c>
      <c r="AR11" s="191">
        <v>12</v>
      </c>
      <c r="AS11" s="196">
        <v>207</v>
      </c>
      <c r="AT11" s="195">
        <v>215</v>
      </c>
      <c r="AU11" s="190">
        <v>0</v>
      </c>
      <c r="AV11" s="191">
        <v>0</v>
      </c>
      <c r="AW11" s="196">
        <v>0</v>
      </c>
      <c r="AX11" s="193">
        <v>0</v>
      </c>
      <c r="AY11" s="191">
        <v>347</v>
      </c>
      <c r="AZ11" s="191">
        <v>408</v>
      </c>
      <c r="BA11" s="191">
        <v>188</v>
      </c>
      <c r="BB11" s="191">
        <v>165</v>
      </c>
      <c r="BC11" s="191">
        <v>38</v>
      </c>
      <c r="BD11" s="194">
        <v>1146</v>
      </c>
      <c r="BE11" s="195">
        <v>1146</v>
      </c>
      <c r="BF11" s="190">
        <v>0</v>
      </c>
      <c r="BG11" s="191">
        <v>0</v>
      </c>
      <c r="BH11" s="196">
        <v>0</v>
      </c>
      <c r="BI11" s="193">
        <v>0</v>
      </c>
      <c r="BJ11" s="191">
        <v>81</v>
      </c>
      <c r="BK11" s="191">
        <v>50</v>
      </c>
      <c r="BL11" s="191">
        <v>79</v>
      </c>
      <c r="BM11" s="191">
        <v>11</v>
      </c>
      <c r="BN11" s="191">
        <v>0</v>
      </c>
      <c r="BO11" s="196">
        <v>221</v>
      </c>
      <c r="BP11" s="195">
        <v>221</v>
      </c>
      <c r="BQ11" s="190">
        <v>8</v>
      </c>
      <c r="BR11" s="191">
        <v>23</v>
      </c>
      <c r="BS11" s="196">
        <v>31</v>
      </c>
      <c r="BT11" s="193">
        <v>0</v>
      </c>
      <c r="BU11" s="191">
        <v>30</v>
      </c>
      <c r="BV11" s="191">
        <v>21</v>
      </c>
      <c r="BW11" s="191">
        <v>182</v>
      </c>
      <c r="BX11" s="191">
        <v>54</v>
      </c>
      <c r="BY11" s="191">
        <v>9</v>
      </c>
      <c r="BZ11" s="196">
        <v>296</v>
      </c>
      <c r="CA11" s="195">
        <v>327</v>
      </c>
      <c r="CB11" s="190">
        <v>0</v>
      </c>
      <c r="CC11" s="191">
        <v>0</v>
      </c>
      <c r="CD11" s="196">
        <v>0</v>
      </c>
      <c r="CE11" s="193">
        <v>0</v>
      </c>
      <c r="CF11" s="191">
        <v>0</v>
      </c>
      <c r="CG11" s="191">
        <v>1</v>
      </c>
      <c r="CH11" s="191">
        <v>6</v>
      </c>
      <c r="CI11" s="191">
        <v>0</v>
      </c>
      <c r="CJ11" s="191">
        <v>0</v>
      </c>
      <c r="CK11" s="196">
        <v>7</v>
      </c>
      <c r="CL11" s="195">
        <v>7</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57</v>
      </c>
      <c r="H12" s="191">
        <v>464</v>
      </c>
      <c r="I12" s="191">
        <v>669</v>
      </c>
      <c r="J12" s="191">
        <v>925</v>
      </c>
      <c r="K12" s="191">
        <v>1023</v>
      </c>
      <c r="L12" s="194">
        <v>3738</v>
      </c>
      <c r="M12" s="195">
        <v>3738</v>
      </c>
      <c r="N12" s="190">
        <v>0</v>
      </c>
      <c r="O12" s="191">
        <v>0</v>
      </c>
      <c r="P12" s="196">
        <v>0</v>
      </c>
      <c r="Q12" s="193">
        <v>0</v>
      </c>
      <c r="R12" s="191">
        <v>0</v>
      </c>
      <c r="S12" s="191">
        <v>4</v>
      </c>
      <c r="T12" s="191">
        <v>5</v>
      </c>
      <c r="U12" s="191">
        <v>0</v>
      </c>
      <c r="V12" s="191">
        <v>31</v>
      </c>
      <c r="W12" s="196">
        <v>40</v>
      </c>
      <c r="X12" s="195">
        <v>40</v>
      </c>
      <c r="Y12" s="190">
        <v>31</v>
      </c>
      <c r="Z12" s="191">
        <v>83</v>
      </c>
      <c r="AA12" s="196">
        <v>114</v>
      </c>
      <c r="AB12" s="193">
        <v>0</v>
      </c>
      <c r="AC12" s="191">
        <v>489</v>
      </c>
      <c r="AD12" s="191">
        <v>255</v>
      </c>
      <c r="AE12" s="191">
        <v>302</v>
      </c>
      <c r="AF12" s="191">
        <v>200</v>
      </c>
      <c r="AG12" s="191">
        <v>230</v>
      </c>
      <c r="AH12" s="196">
        <v>1476</v>
      </c>
      <c r="AI12" s="195">
        <v>1590</v>
      </c>
      <c r="AJ12" s="190">
        <v>0</v>
      </c>
      <c r="AK12" s="191">
        <v>34</v>
      </c>
      <c r="AL12" s="196">
        <v>34</v>
      </c>
      <c r="AM12" s="193">
        <v>0</v>
      </c>
      <c r="AN12" s="191">
        <v>58</v>
      </c>
      <c r="AO12" s="191">
        <v>42</v>
      </c>
      <c r="AP12" s="191">
        <v>10</v>
      </c>
      <c r="AQ12" s="191">
        <v>62</v>
      </c>
      <c r="AR12" s="191">
        <v>24</v>
      </c>
      <c r="AS12" s="196">
        <v>196</v>
      </c>
      <c r="AT12" s="195">
        <v>230</v>
      </c>
      <c r="AU12" s="190">
        <v>0</v>
      </c>
      <c r="AV12" s="191">
        <v>0</v>
      </c>
      <c r="AW12" s="196">
        <v>0</v>
      </c>
      <c r="AX12" s="193">
        <v>0</v>
      </c>
      <c r="AY12" s="191">
        <v>421</v>
      </c>
      <c r="AZ12" s="191">
        <v>333</v>
      </c>
      <c r="BA12" s="191">
        <v>328</v>
      </c>
      <c r="BB12" s="191">
        <v>73</v>
      </c>
      <c r="BC12" s="191">
        <v>29</v>
      </c>
      <c r="BD12" s="194">
        <v>1184</v>
      </c>
      <c r="BE12" s="195">
        <v>1184</v>
      </c>
      <c r="BF12" s="190">
        <v>0</v>
      </c>
      <c r="BG12" s="191">
        <v>0</v>
      </c>
      <c r="BH12" s="196">
        <v>0</v>
      </c>
      <c r="BI12" s="193">
        <v>0</v>
      </c>
      <c r="BJ12" s="191">
        <v>125</v>
      </c>
      <c r="BK12" s="191">
        <v>81</v>
      </c>
      <c r="BL12" s="191">
        <v>68</v>
      </c>
      <c r="BM12" s="191">
        <v>101</v>
      </c>
      <c r="BN12" s="191">
        <v>8</v>
      </c>
      <c r="BO12" s="196">
        <v>383</v>
      </c>
      <c r="BP12" s="195">
        <v>383</v>
      </c>
      <c r="BQ12" s="190">
        <v>0</v>
      </c>
      <c r="BR12" s="191">
        <v>0</v>
      </c>
      <c r="BS12" s="196">
        <v>0</v>
      </c>
      <c r="BT12" s="193">
        <v>0</v>
      </c>
      <c r="BU12" s="191">
        <v>40</v>
      </c>
      <c r="BV12" s="191">
        <v>72</v>
      </c>
      <c r="BW12" s="191">
        <v>80</v>
      </c>
      <c r="BX12" s="191">
        <v>107</v>
      </c>
      <c r="BY12" s="191">
        <v>12</v>
      </c>
      <c r="BZ12" s="196">
        <v>311</v>
      </c>
      <c r="CA12" s="195">
        <v>311</v>
      </c>
      <c r="CB12" s="190">
        <v>0</v>
      </c>
      <c r="CC12" s="191">
        <v>0</v>
      </c>
      <c r="CD12" s="196">
        <v>0</v>
      </c>
      <c r="CE12" s="193">
        <v>0</v>
      </c>
      <c r="CF12" s="191">
        <v>2</v>
      </c>
      <c r="CG12" s="191">
        <v>48</v>
      </c>
      <c r="CH12" s="191">
        <v>9</v>
      </c>
      <c r="CI12" s="191">
        <v>6</v>
      </c>
      <c r="CJ12" s="191">
        <v>0</v>
      </c>
      <c r="CK12" s="196">
        <v>65</v>
      </c>
      <c r="CL12" s="195">
        <v>65</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173</v>
      </c>
      <c r="H13" s="191">
        <v>1095</v>
      </c>
      <c r="I13" s="191">
        <v>1091</v>
      </c>
      <c r="J13" s="191">
        <v>1807</v>
      </c>
      <c r="K13" s="191">
        <v>1592</v>
      </c>
      <c r="L13" s="194">
        <v>6758</v>
      </c>
      <c r="M13" s="195">
        <v>6758</v>
      </c>
      <c r="N13" s="190">
        <v>0</v>
      </c>
      <c r="O13" s="191">
        <v>0</v>
      </c>
      <c r="P13" s="196">
        <v>0</v>
      </c>
      <c r="Q13" s="193">
        <v>0</v>
      </c>
      <c r="R13" s="191">
        <v>6</v>
      </c>
      <c r="S13" s="191">
        <v>6</v>
      </c>
      <c r="T13" s="191">
        <v>14</v>
      </c>
      <c r="U13" s="191">
        <v>29</v>
      </c>
      <c r="V13" s="191">
        <v>66</v>
      </c>
      <c r="W13" s="196">
        <v>121</v>
      </c>
      <c r="X13" s="195">
        <v>121</v>
      </c>
      <c r="Y13" s="190">
        <v>121</v>
      </c>
      <c r="Z13" s="191">
        <v>117</v>
      </c>
      <c r="AA13" s="196">
        <v>238</v>
      </c>
      <c r="AB13" s="193">
        <v>0</v>
      </c>
      <c r="AC13" s="191">
        <v>505</v>
      </c>
      <c r="AD13" s="191">
        <v>419</v>
      </c>
      <c r="AE13" s="191">
        <v>367</v>
      </c>
      <c r="AF13" s="191">
        <v>330</v>
      </c>
      <c r="AG13" s="191">
        <v>184</v>
      </c>
      <c r="AH13" s="196">
        <v>1805</v>
      </c>
      <c r="AI13" s="195">
        <v>2043</v>
      </c>
      <c r="AJ13" s="190">
        <v>24</v>
      </c>
      <c r="AK13" s="191">
        <v>26</v>
      </c>
      <c r="AL13" s="196">
        <v>50</v>
      </c>
      <c r="AM13" s="193">
        <v>0</v>
      </c>
      <c r="AN13" s="191">
        <v>62</v>
      </c>
      <c r="AO13" s="191">
        <v>115</v>
      </c>
      <c r="AP13" s="191">
        <v>98</v>
      </c>
      <c r="AQ13" s="191">
        <v>102</v>
      </c>
      <c r="AR13" s="191">
        <v>76</v>
      </c>
      <c r="AS13" s="196">
        <v>453</v>
      </c>
      <c r="AT13" s="195">
        <v>503</v>
      </c>
      <c r="AU13" s="190">
        <v>0</v>
      </c>
      <c r="AV13" s="191">
        <v>0</v>
      </c>
      <c r="AW13" s="196">
        <v>0</v>
      </c>
      <c r="AX13" s="193">
        <v>0</v>
      </c>
      <c r="AY13" s="191">
        <v>972</v>
      </c>
      <c r="AZ13" s="191">
        <v>532</v>
      </c>
      <c r="BA13" s="191">
        <v>227</v>
      </c>
      <c r="BB13" s="191">
        <v>270</v>
      </c>
      <c r="BC13" s="191">
        <v>36</v>
      </c>
      <c r="BD13" s="194">
        <v>2037</v>
      </c>
      <c r="BE13" s="195">
        <v>2037</v>
      </c>
      <c r="BF13" s="190">
        <v>0</v>
      </c>
      <c r="BG13" s="191">
        <v>0</v>
      </c>
      <c r="BH13" s="196">
        <v>0</v>
      </c>
      <c r="BI13" s="193">
        <v>0</v>
      </c>
      <c r="BJ13" s="191">
        <v>226</v>
      </c>
      <c r="BK13" s="191">
        <v>81</v>
      </c>
      <c r="BL13" s="191">
        <v>54</v>
      </c>
      <c r="BM13" s="191">
        <v>33</v>
      </c>
      <c r="BN13" s="191">
        <v>20</v>
      </c>
      <c r="BO13" s="196">
        <v>414</v>
      </c>
      <c r="BP13" s="195">
        <v>414</v>
      </c>
      <c r="BQ13" s="190">
        <v>0</v>
      </c>
      <c r="BR13" s="191">
        <v>5</v>
      </c>
      <c r="BS13" s="196">
        <v>5</v>
      </c>
      <c r="BT13" s="193">
        <v>0</v>
      </c>
      <c r="BU13" s="191">
        <v>117</v>
      </c>
      <c r="BV13" s="191">
        <v>18</v>
      </c>
      <c r="BW13" s="191">
        <v>199</v>
      </c>
      <c r="BX13" s="191">
        <v>126</v>
      </c>
      <c r="BY13" s="191">
        <v>32</v>
      </c>
      <c r="BZ13" s="196">
        <v>492</v>
      </c>
      <c r="CA13" s="195">
        <v>497</v>
      </c>
      <c r="CB13" s="190">
        <v>0</v>
      </c>
      <c r="CC13" s="191">
        <v>0</v>
      </c>
      <c r="CD13" s="196">
        <v>0</v>
      </c>
      <c r="CE13" s="193">
        <v>0</v>
      </c>
      <c r="CF13" s="191">
        <v>12</v>
      </c>
      <c r="CG13" s="191">
        <v>14</v>
      </c>
      <c r="CH13" s="191">
        <v>16</v>
      </c>
      <c r="CI13" s="191">
        <v>7</v>
      </c>
      <c r="CJ13" s="191">
        <v>16</v>
      </c>
      <c r="CK13" s="196">
        <v>65</v>
      </c>
      <c r="CL13" s="195">
        <v>65</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264</v>
      </c>
      <c r="H14" s="191">
        <v>203</v>
      </c>
      <c r="I14" s="191">
        <v>437</v>
      </c>
      <c r="J14" s="191">
        <v>465</v>
      </c>
      <c r="K14" s="191">
        <v>505</v>
      </c>
      <c r="L14" s="194">
        <v>1874</v>
      </c>
      <c r="M14" s="195">
        <v>1874</v>
      </c>
      <c r="N14" s="190">
        <v>0</v>
      </c>
      <c r="O14" s="191">
        <v>0</v>
      </c>
      <c r="P14" s="196">
        <v>0</v>
      </c>
      <c r="Q14" s="193">
        <v>0</v>
      </c>
      <c r="R14" s="191">
        <v>0</v>
      </c>
      <c r="S14" s="191">
        <v>9</v>
      </c>
      <c r="T14" s="191">
        <v>0</v>
      </c>
      <c r="U14" s="191">
        <v>24</v>
      </c>
      <c r="V14" s="191">
        <v>36</v>
      </c>
      <c r="W14" s="196">
        <v>69</v>
      </c>
      <c r="X14" s="195">
        <v>69</v>
      </c>
      <c r="Y14" s="190">
        <v>23</v>
      </c>
      <c r="Z14" s="191">
        <v>19</v>
      </c>
      <c r="AA14" s="196">
        <v>42</v>
      </c>
      <c r="AB14" s="193">
        <v>0</v>
      </c>
      <c r="AC14" s="191">
        <v>176</v>
      </c>
      <c r="AD14" s="191">
        <v>53</v>
      </c>
      <c r="AE14" s="191">
        <v>160</v>
      </c>
      <c r="AF14" s="191">
        <v>172</v>
      </c>
      <c r="AG14" s="191">
        <v>107</v>
      </c>
      <c r="AH14" s="196">
        <v>668</v>
      </c>
      <c r="AI14" s="195">
        <v>710</v>
      </c>
      <c r="AJ14" s="190">
        <v>0</v>
      </c>
      <c r="AK14" s="191">
        <v>23</v>
      </c>
      <c r="AL14" s="196">
        <v>23</v>
      </c>
      <c r="AM14" s="193">
        <v>0</v>
      </c>
      <c r="AN14" s="191">
        <v>28</v>
      </c>
      <c r="AO14" s="191">
        <v>23</v>
      </c>
      <c r="AP14" s="191">
        <v>27</v>
      </c>
      <c r="AQ14" s="191">
        <v>25</v>
      </c>
      <c r="AR14" s="191">
        <v>0</v>
      </c>
      <c r="AS14" s="196">
        <v>103</v>
      </c>
      <c r="AT14" s="195">
        <v>126</v>
      </c>
      <c r="AU14" s="190">
        <v>0</v>
      </c>
      <c r="AV14" s="191">
        <v>0</v>
      </c>
      <c r="AW14" s="196">
        <v>0</v>
      </c>
      <c r="AX14" s="193">
        <v>0</v>
      </c>
      <c r="AY14" s="191">
        <v>349</v>
      </c>
      <c r="AZ14" s="191">
        <v>200</v>
      </c>
      <c r="BA14" s="191">
        <v>165</v>
      </c>
      <c r="BB14" s="191">
        <v>102</v>
      </c>
      <c r="BC14" s="191">
        <v>19</v>
      </c>
      <c r="BD14" s="194">
        <v>835</v>
      </c>
      <c r="BE14" s="195">
        <v>835</v>
      </c>
      <c r="BF14" s="190">
        <v>0</v>
      </c>
      <c r="BG14" s="191">
        <v>0</v>
      </c>
      <c r="BH14" s="196">
        <v>0</v>
      </c>
      <c r="BI14" s="193">
        <v>0</v>
      </c>
      <c r="BJ14" s="191">
        <v>133</v>
      </c>
      <c r="BK14" s="191">
        <v>81</v>
      </c>
      <c r="BL14" s="191">
        <v>45</v>
      </c>
      <c r="BM14" s="191">
        <v>103</v>
      </c>
      <c r="BN14" s="191">
        <v>4</v>
      </c>
      <c r="BO14" s="196">
        <v>366</v>
      </c>
      <c r="BP14" s="195">
        <v>366</v>
      </c>
      <c r="BQ14" s="190">
        <v>0</v>
      </c>
      <c r="BR14" s="191">
        <v>0</v>
      </c>
      <c r="BS14" s="196">
        <v>0</v>
      </c>
      <c r="BT14" s="193">
        <v>0</v>
      </c>
      <c r="BU14" s="191">
        <v>25</v>
      </c>
      <c r="BV14" s="191">
        <v>50</v>
      </c>
      <c r="BW14" s="191">
        <v>39</v>
      </c>
      <c r="BX14" s="191">
        <v>35</v>
      </c>
      <c r="BY14" s="191">
        <v>7</v>
      </c>
      <c r="BZ14" s="196">
        <v>156</v>
      </c>
      <c r="CA14" s="195">
        <v>156</v>
      </c>
      <c r="CB14" s="190">
        <v>0</v>
      </c>
      <c r="CC14" s="191">
        <v>0</v>
      </c>
      <c r="CD14" s="196">
        <v>0</v>
      </c>
      <c r="CE14" s="193">
        <v>0</v>
      </c>
      <c r="CF14" s="191">
        <v>12</v>
      </c>
      <c r="CG14" s="191">
        <v>0</v>
      </c>
      <c r="CH14" s="191">
        <v>0</v>
      </c>
      <c r="CI14" s="191">
        <v>6</v>
      </c>
      <c r="CJ14" s="191">
        <v>0</v>
      </c>
      <c r="CK14" s="196">
        <v>18</v>
      </c>
      <c r="CL14" s="195">
        <v>18</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28</v>
      </c>
      <c r="H15" s="191">
        <v>712</v>
      </c>
      <c r="I15" s="191">
        <v>575</v>
      </c>
      <c r="J15" s="191">
        <v>1272</v>
      </c>
      <c r="K15" s="191">
        <v>656</v>
      </c>
      <c r="L15" s="194">
        <v>3543</v>
      </c>
      <c r="M15" s="195">
        <v>3543</v>
      </c>
      <c r="N15" s="190">
        <v>0</v>
      </c>
      <c r="O15" s="191">
        <v>0</v>
      </c>
      <c r="P15" s="196">
        <v>0</v>
      </c>
      <c r="Q15" s="193">
        <v>0</v>
      </c>
      <c r="R15" s="191">
        <v>0</v>
      </c>
      <c r="S15" s="191">
        <v>0</v>
      </c>
      <c r="T15" s="191">
        <v>10</v>
      </c>
      <c r="U15" s="191">
        <v>20</v>
      </c>
      <c r="V15" s="191">
        <v>23</v>
      </c>
      <c r="W15" s="196">
        <v>53</v>
      </c>
      <c r="X15" s="195">
        <v>53</v>
      </c>
      <c r="Y15" s="190">
        <v>49</v>
      </c>
      <c r="Z15" s="191">
        <v>166</v>
      </c>
      <c r="AA15" s="196">
        <v>215</v>
      </c>
      <c r="AB15" s="193">
        <v>0</v>
      </c>
      <c r="AC15" s="191">
        <v>145</v>
      </c>
      <c r="AD15" s="191">
        <v>276</v>
      </c>
      <c r="AE15" s="191">
        <v>182</v>
      </c>
      <c r="AF15" s="191">
        <v>132</v>
      </c>
      <c r="AG15" s="191">
        <v>99</v>
      </c>
      <c r="AH15" s="196">
        <v>834</v>
      </c>
      <c r="AI15" s="195">
        <v>1049</v>
      </c>
      <c r="AJ15" s="190">
        <v>0</v>
      </c>
      <c r="AK15" s="191">
        <v>26</v>
      </c>
      <c r="AL15" s="196">
        <v>26</v>
      </c>
      <c r="AM15" s="193">
        <v>0</v>
      </c>
      <c r="AN15" s="191">
        <v>22</v>
      </c>
      <c r="AO15" s="191">
        <v>26</v>
      </c>
      <c r="AP15" s="191">
        <v>0</v>
      </c>
      <c r="AQ15" s="191">
        <v>48</v>
      </c>
      <c r="AR15" s="191">
        <v>6</v>
      </c>
      <c r="AS15" s="196">
        <v>102</v>
      </c>
      <c r="AT15" s="195">
        <v>128</v>
      </c>
      <c r="AU15" s="190">
        <v>0</v>
      </c>
      <c r="AV15" s="191">
        <v>0</v>
      </c>
      <c r="AW15" s="196">
        <v>0</v>
      </c>
      <c r="AX15" s="193">
        <v>0</v>
      </c>
      <c r="AY15" s="191">
        <v>413</v>
      </c>
      <c r="AZ15" s="191">
        <v>310</v>
      </c>
      <c r="BA15" s="191">
        <v>202</v>
      </c>
      <c r="BB15" s="191">
        <v>115</v>
      </c>
      <c r="BC15" s="191">
        <v>16</v>
      </c>
      <c r="BD15" s="194">
        <v>1056</v>
      </c>
      <c r="BE15" s="195">
        <v>1056</v>
      </c>
      <c r="BF15" s="190">
        <v>0</v>
      </c>
      <c r="BG15" s="191">
        <v>0</v>
      </c>
      <c r="BH15" s="196">
        <v>0</v>
      </c>
      <c r="BI15" s="193">
        <v>0</v>
      </c>
      <c r="BJ15" s="191">
        <v>48</v>
      </c>
      <c r="BK15" s="191">
        <v>109</v>
      </c>
      <c r="BL15" s="191">
        <v>99</v>
      </c>
      <c r="BM15" s="191">
        <v>54</v>
      </c>
      <c r="BN15" s="191">
        <v>17</v>
      </c>
      <c r="BO15" s="196">
        <v>327</v>
      </c>
      <c r="BP15" s="195">
        <v>327</v>
      </c>
      <c r="BQ15" s="190">
        <v>0</v>
      </c>
      <c r="BR15" s="191">
        <v>11</v>
      </c>
      <c r="BS15" s="196">
        <v>11</v>
      </c>
      <c r="BT15" s="193">
        <v>0</v>
      </c>
      <c r="BU15" s="191">
        <v>25</v>
      </c>
      <c r="BV15" s="191">
        <v>35</v>
      </c>
      <c r="BW15" s="191">
        <v>80</v>
      </c>
      <c r="BX15" s="191">
        <v>127</v>
      </c>
      <c r="BY15" s="191">
        <v>58</v>
      </c>
      <c r="BZ15" s="196">
        <v>325</v>
      </c>
      <c r="CA15" s="195">
        <v>336</v>
      </c>
      <c r="CB15" s="190">
        <v>0</v>
      </c>
      <c r="CC15" s="191">
        <v>0</v>
      </c>
      <c r="CD15" s="196">
        <v>0</v>
      </c>
      <c r="CE15" s="193">
        <v>0</v>
      </c>
      <c r="CF15" s="191">
        <v>0</v>
      </c>
      <c r="CG15" s="191">
        <v>0</v>
      </c>
      <c r="CH15" s="191">
        <v>0</v>
      </c>
      <c r="CI15" s="191">
        <v>10</v>
      </c>
      <c r="CJ15" s="191">
        <v>0</v>
      </c>
      <c r="CK15" s="196">
        <v>10</v>
      </c>
      <c r="CL15" s="195">
        <v>10</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37</v>
      </c>
      <c r="H16" s="191">
        <v>325</v>
      </c>
      <c r="I16" s="191">
        <v>266</v>
      </c>
      <c r="J16" s="191">
        <v>464</v>
      </c>
      <c r="K16" s="191">
        <v>434</v>
      </c>
      <c r="L16" s="194">
        <v>1626</v>
      </c>
      <c r="M16" s="195">
        <v>1626</v>
      </c>
      <c r="N16" s="190">
        <v>0</v>
      </c>
      <c r="O16" s="191">
        <v>0</v>
      </c>
      <c r="P16" s="196">
        <v>0</v>
      </c>
      <c r="Q16" s="193">
        <v>0</v>
      </c>
      <c r="R16" s="191">
        <v>0</v>
      </c>
      <c r="S16" s="191">
        <v>0</v>
      </c>
      <c r="T16" s="191">
        <v>5</v>
      </c>
      <c r="U16" s="191">
        <v>5</v>
      </c>
      <c r="V16" s="191">
        <v>26</v>
      </c>
      <c r="W16" s="196">
        <v>36</v>
      </c>
      <c r="X16" s="195">
        <v>36</v>
      </c>
      <c r="Y16" s="190">
        <v>0</v>
      </c>
      <c r="Z16" s="191">
        <v>21</v>
      </c>
      <c r="AA16" s="196">
        <v>21</v>
      </c>
      <c r="AB16" s="193">
        <v>0</v>
      </c>
      <c r="AC16" s="191">
        <v>66</v>
      </c>
      <c r="AD16" s="191">
        <v>290</v>
      </c>
      <c r="AE16" s="191">
        <v>120</v>
      </c>
      <c r="AF16" s="191">
        <v>66</v>
      </c>
      <c r="AG16" s="191">
        <v>96</v>
      </c>
      <c r="AH16" s="196">
        <v>638</v>
      </c>
      <c r="AI16" s="195">
        <v>659</v>
      </c>
      <c r="AJ16" s="190">
        <v>8</v>
      </c>
      <c r="AK16" s="191">
        <v>0</v>
      </c>
      <c r="AL16" s="196">
        <v>8</v>
      </c>
      <c r="AM16" s="193">
        <v>0</v>
      </c>
      <c r="AN16" s="191">
        <v>43</v>
      </c>
      <c r="AO16" s="191">
        <v>9</v>
      </c>
      <c r="AP16" s="191">
        <v>12</v>
      </c>
      <c r="AQ16" s="191">
        <v>0</v>
      </c>
      <c r="AR16" s="191">
        <v>4</v>
      </c>
      <c r="AS16" s="196">
        <v>68</v>
      </c>
      <c r="AT16" s="195">
        <v>76</v>
      </c>
      <c r="AU16" s="190">
        <v>0</v>
      </c>
      <c r="AV16" s="191">
        <v>0</v>
      </c>
      <c r="AW16" s="196">
        <v>0</v>
      </c>
      <c r="AX16" s="193">
        <v>0</v>
      </c>
      <c r="AY16" s="191">
        <v>141</v>
      </c>
      <c r="AZ16" s="191">
        <v>77</v>
      </c>
      <c r="BA16" s="191">
        <v>88</v>
      </c>
      <c r="BB16" s="191">
        <v>65</v>
      </c>
      <c r="BC16" s="191">
        <v>14</v>
      </c>
      <c r="BD16" s="194">
        <v>385</v>
      </c>
      <c r="BE16" s="195">
        <v>385</v>
      </c>
      <c r="BF16" s="190">
        <v>0</v>
      </c>
      <c r="BG16" s="191">
        <v>0</v>
      </c>
      <c r="BH16" s="196">
        <v>0</v>
      </c>
      <c r="BI16" s="193">
        <v>0</v>
      </c>
      <c r="BJ16" s="191">
        <v>47</v>
      </c>
      <c r="BK16" s="191">
        <v>11</v>
      </c>
      <c r="BL16" s="191">
        <v>8</v>
      </c>
      <c r="BM16" s="191">
        <v>0</v>
      </c>
      <c r="BN16" s="191">
        <v>16</v>
      </c>
      <c r="BO16" s="196">
        <v>82</v>
      </c>
      <c r="BP16" s="195">
        <v>82</v>
      </c>
      <c r="BQ16" s="190">
        <v>0</v>
      </c>
      <c r="BR16" s="191">
        <v>0</v>
      </c>
      <c r="BS16" s="196">
        <v>0</v>
      </c>
      <c r="BT16" s="193">
        <v>0</v>
      </c>
      <c r="BU16" s="191">
        <v>5</v>
      </c>
      <c r="BV16" s="191">
        <v>8</v>
      </c>
      <c r="BW16" s="191">
        <v>8</v>
      </c>
      <c r="BX16" s="191">
        <v>1</v>
      </c>
      <c r="BY16" s="191">
        <v>17</v>
      </c>
      <c r="BZ16" s="196">
        <v>39</v>
      </c>
      <c r="CA16" s="195">
        <v>39</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48</v>
      </c>
      <c r="H17" s="191">
        <v>54</v>
      </c>
      <c r="I17" s="191">
        <v>9</v>
      </c>
      <c r="J17" s="191">
        <v>282</v>
      </c>
      <c r="K17" s="191">
        <v>220</v>
      </c>
      <c r="L17" s="194">
        <v>613</v>
      </c>
      <c r="M17" s="195">
        <v>613</v>
      </c>
      <c r="N17" s="190">
        <v>0</v>
      </c>
      <c r="O17" s="191">
        <v>0</v>
      </c>
      <c r="P17" s="196">
        <v>0</v>
      </c>
      <c r="Q17" s="193">
        <v>0</v>
      </c>
      <c r="R17" s="191">
        <v>0</v>
      </c>
      <c r="S17" s="191">
        <v>3</v>
      </c>
      <c r="T17" s="191">
        <v>0</v>
      </c>
      <c r="U17" s="191">
        <v>9</v>
      </c>
      <c r="V17" s="191">
        <v>1</v>
      </c>
      <c r="W17" s="196">
        <v>13</v>
      </c>
      <c r="X17" s="195">
        <v>13</v>
      </c>
      <c r="Y17" s="190">
        <v>0</v>
      </c>
      <c r="Z17" s="191">
        <v>11</v>
      </c>
      <c r="AA17" s="196">
        <v>11</v>
      </c>
      <c r="AB17" s="193">
        <v>0</v>
      </c>
      <c r="AC17" s="191">
        <v>50</v>
      </c>
      <c r="AD17" s="191">
        <v>27</v>
      </c>
      <c r="AE17" s="191">
        <v>26</v>
      </c>
      <c r="AF17" s="191">
        <v>31</v>
      </c>
      <c r="AG17" s="191">
        <v>6</v>
      </c>
      <c r="AH17" s="196">
        <v>140</v>
      </c>
      <c r="AI17" s="195">
        <v>151</v>
      </c>
      <c r="AJ17" s="190">
        <v>0</v>
      </c>
      <c r="AK17" s="191">
        <v>0</v>
      </c>
      <c r="AL17" s="196">
        <v>0</v>
      </c>
      <c r="AM17" s="193">
        <v>0</v>
      </c>
      <c r="AN17" s="191">
        <v>17</v>
      </c>
      <c r="AO17" s="191">
        <v>27</v>
      </c>
      <c r="AP17" s="191">
        <v>0</v>
      </c>
      <c r="AQ17" s="191">
        <v>0</v>
      </c>
      <c r="AR17" s="191">
        <v>0</v>
      </c>
      <c r="AS17" s="196">
        <v>44</v>
      </c>
      <c r="AT17" s="195">
        <v>44</v>
      </c>
      <c r="AU17" s="190">
        <v>0</v>
      </c>
      <c r="AV17" s="191">
        <v>0</v>
      </c>
      <c r="AW17" s="196">
        <v>0</v>
      </c>
      <c r="AX17" s="193">
        <v>0</v>
      </c>
      <c r="AY17" s="191">
        <v>48</v>
      </c>
      <c r="AZ17" s="191">
        <v>24</v>
      </c>
      <c r="BA17" s="191">
        <v>28</v>
      </c>
      <c r="BB17" s="191">
        <v>5</v>
      </c>
      <c r="BC17" s="191">
        <v>0</v>
      </c>
      <c r="BD17" s="194">
        <v>105</v>
      </c>
      <c r="BE17" s="195">
        <v>105</v>
      </c>
      <c r="BF17" s="190">
        <v>0</v>
      </c>
      <c r="BG17" s="191">
        <v>0</v>
      </c>
      <c r="BH17" s="196">
        <v>0</v>
      </c>
      <c r="BI17" s="193">
        <v>0</v>
      </c>
      <c r="BJ17" s="191">
        <v>6</v>
      </c>
      <c r="BK17" s="191">
        <v>0</v>
      </c>
      <c r="BL17" s="191">
        <v>52</v>
      </c>
      <c r="BM17" s="191">
        <v>1</v>
      </c>
      <c r="BN17" s="191">
        <v>0</v>
      </c>
      <c r="BO17" s="196">
        <v>59</v>
      </c>
      <c r="BP17" s="195">
        <v>59</v>
      </c>
      <c r="BQ17" s="190">
        <v>0</v>
      </c>
      <c r="BR17" s="191">
        <v>0</v>
      </c>
      <c r="BS17" s="196">
        <v>0</v>
      </c>
      <c r="BT17" s="193">
        <v>0</v>
      </c>
      <c r="BU17" s="191">
        <v>0</v>
      </c>
      <c r="BV17" s="191">
        <v>64</v>
      </c>
      <c r="BW17" s="191">
        <v>19</v>
      </c>
      <c r="BX17" s="191">
        <v>29</v>
      </c>
      <c r="BY17" s="191">
        <v>14</v>
      </c>
      <c r="BZ17" s="196">
        <v>126</v>
      </c>
      <c r="CA17" s="195">
        <v>126</v>
      </c>
      <c r="CB17" s="190">
        <v>0</v>
      </c>
      <c r="CC17" s="191">
        <v>0</v>
      </c>
      <c r="CD17" s="196">
        <v>0</v>
      </c>
      <c r="CE17" s="193">
        <v>0</v>
      </c>
      <c r="CF17" s="191">
        <v>0</v>
      </c>
      <c r="CG17" s="191">
        <v>0</v>
      </c>
      <c r="CH17" s="191">
        <v>5</v>
      </c>
      <c r="CI17" s="191">
        <v>0</v>
      </c>
      <c r="CJ17" s="191">
        <v>0</v>
      </c>
      <c r="CK17" s="196">
        <v>5</v>
      </c>
      <c r="CL17" s="195">
        <v>5</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92</v>
      </c>
      <c r="H18" s="191">
        <v>143</v>
      </c>
      <c r="I18" s="191">
        <v>286</v>
      </c>
      <c r="J18" s="191">
        <v>21</v>
      </c>
      <c r="K18" s="191">
        <v>27</v>
      </c>
      <c r="L18" s="194">
        <v>569</v>
      </c>
      <c r="M18" s="195">
        <v>569</v>
      </c>
      <c r="N18" s="190">
        <v>0</v>
      </c>
      <c r="O18" s="191">
        <v>0</v>
      </c>
      <c r="P18" s="196">
        <v>0</v>
      </c>
      <c r="Q18" s="193">
        <v>0</v>
      </c>
      <c r="R18" s="191">
        <v>0</v>
      </c>
      <c r="S18" s="191">
        <v>0</v>
      </c>
      <c r="T18" s="191">
        <v>3</v>
      </c>
      <c r="U18" s="191">
        <v>4</v>
      </c>
      <c r="V18" s="191">
        <v>6</v>
      </c>
      <c r="W18" s="196">
        <v>13</v>
      </c>
      <c r="X18" s="195">
        <v>13</v>
      </c>
      <c r="Y18" s="190">
        <v>31</v>
      </c>
      <c r="Z18" s="191">
        <v>19</v>
      </c>
      <c r="AA18" s="196">
        <v>50</v>
      </c>
      <c r="AB18" s="193">
        <v>0</v>
      </c>
      <c r="AC18" s="191">
        <v>101</v>
      </c>
      <c r="AD18" s="191">
        <v>196</v>
      </c>
      <c r="AE18" s="191">
        <v>2</v>
      </c>
      <c r="AF18" s="191">
        <v>44</v>
      </c>
      <c r="AG18" s="191">
        <v>37</v>
      </c>
      <c r="AH18" s="196">
        <v>380</v>
      </c>
      <c r="AI18" s="195">
        <v>430</v>
      </c>
      <c r="AJ18" s="190">
        <v>15</v>
      </c>
      <c r="AK18" s="191">
        <v>0</v>
      </c>
      <c r="AL18" s="196">
        <v>15</v>
      </c>
      <c r="AM18" s="193">
        <v>0</v>
      </c>
      <c r="AN18" s="191">
        <v>14</v>
      </c>
      <c r="AO18" s="191">
        <v>48</v>
      </c>
      <c r="AP18" s="191">
        <v>0</v>
      </c>
      <c r="AQ18" s="191">
        <v>30</v>
      </c>
      <c r="AR18" s="191">
        <v>0</v>
      </c>
      <c r="AS18" s="196">
        <v>92</v>
      </c>
      <c r="AT18" s="195">
        <v>107</v>
      </c>
      <c r="AU18" s="190">
        <v>0</v>
      </c>
      <c r="AV18" s="191">
        <v>0</v>
      </c>
      <c r="AW18" s="196">
        <v>0</v>
      </c>
      <c r="AX18" s="193">
        <v>0</v>
      </c>
      <c r="AY18" s="191">
        <v>146</v>
      </c>
      <c r="AZ18" s="191">
        <v>261</v>
      </c>
      <c r="BA18" s="191">
        <v>74</v>
      </c>
      <c r="BB18" s="191">
        <v>45</v>
      </c>
      <c r="BC18" s="191">
        <v>9</v>
      </c>
      <c r="BD18" s="194">
        <v>535</v>
      </c>
      <c r="BE18" s="195">
        <v>535</v>
      </c>
      <c r="BF18" s="190">
        <v>0</v>
      </c>
      <c r="BG18" s="191">
        <v>0</v>
      </c>
      <c r="BH18" s="196">
        <v>0</v>
      </c>
      <c r="BI18" s="193">
        <v>0</v>
      </c>
      <c r="BJ18" s="191">
        <v>115</v>
      </c>
      <c r="BK18" s="191">
        <v>274</v>
      </c>
      <c r="BL18" s="191">
        <v>52</v>
      </c>
      <c r="BM18" s="191">
        <v>0</v>
      </c>
      <c r="BN18" s="191">
        <v>6</v>
      </c>
      <c r="BO18" s="196">
        <v>447</v>
      </c>
      <c r="BP18" s="195">
        <v>447</v>
      </c>
      <c r="BQ18" s="190">
        <v>0</v>
      </c>
      <c r="BR18" s="191">
        <v>0</v>
      </c>
      <c r="BS18" s="196">
        <v>0</v>
      </c>
      <c r="BT18" s="193">
        <v>0</v>
      </c>
      <c r="BU18" s="191">
        <v>2</v>
      </c>
      <c r="BV18" s="191">
        <v>18</v>
      </c>
      <c r="BW18" s="191">
        <v>8</v>
      </c>
      <c r="BX18" s="191">
        <v>30</v>
      </c>
      <c r="BY18" s="191">
        <v>6</v>
      </c>
      <c r="BZ18" s="196">
        <v>64</v>
      </c>
      <c r="CA18" s="195">
        <v>64</v>
      </c>
      <c r="CB18" s="190">
        <v>0</v>
      </c>
      <c r="CC18" s="191">
        <v>0</v>
      </c>
      <c r="CD18" s="196">
        <v>0</v>
      </c>
      <c r="CE18" s="193">
        <v>0</v>
      </c>
      <c r="CF18" s="191">
        <v>0</v>
      </c>
      <c r="CG18" s="191">
        <v>2</v>
      </c>
      <c r="CH18" s="191">
        <v>10</v>
      </c>
      <c r="CI18" s="191">
        <v>0</v>
      </c>
      <c r="CJ18" s="191">
        <v>0</v>
      </c>
      <c r="CK18" s="196">
        <v>12</v>
      </c>
      <c r="CL18" s="195">
        <v>12</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132</v>
      </c>
      <c r="H19" s="191">
        <v>261</v>
      </c>
      <c r="I19" s="191">
        <v>555</v>
      </c>
      <c r="J19" s="191">
        <v>163</v>
      </c>
      <c r="K19" s="191">
        <v>275</v>
      </c>
      <c r="L19" s="194">
        <v>1386</v>
      </c>
      <c r="M19" s="195">
        <v>1386</v>
      </c>
      <c r="N19" s="190">
        <v>0</v>
      </c>
      <c r="O19" s="191">
        <v>0</v>
      </c>
      <c r="P19" s="196">
        <v>0</v>
      </c>
      <c r="Q19" s="193">
        <v>0</v>
      </c>
      <c r="R19" s="191">
        <v>0</v>
      </c>
      <c r="S19" s="191">
        <v>0</v>
      </c>
      <c r="T19" s="191">
        <v>4</v>
      </c>
      <c r="U19" s="191">
        <v>0</v>
      </c>
      <c r="V19" s="191">
        <v>4</v>
      </c>
      <c r="W19" s="196">
        <v>8</v>
      </c>
      <c r="X19" s="195">
        <v>8</v>
      </c>
      <c r="Y19" s="190">
        <v>0</v>
      </c>
      <c r="Z19" s="191">
        <v>23</v>
      </c>
      <c r="AA19" s="196">
        <v>23</v>
      </c>
      <c r="AB19" s="193">
        <v>0</v>
      </c>
      <c r="AC19" s="191">
        <v>96</v>
      </c>
      <c r="AD19" s="191">
        <v>171</v>
      </c>
      <c r="AE19" s="191">
        <v>94</v>
      </c>
      <c r="AF19" s="191">
        <v>9</v>
      </c>
      <c r="AG19" s="191">
        <v>16</v>
      </c>
      <c r="AH19" s="196">
        <v>386</v>
      </c>
      <c r="AI19" s="195">
        <v>409</v>
      </c>
      <c r="AJ19" s="190">
        <v>0</v>
      </c>
      <c r="AK19" s="191">
        <v>12</v>
      </c>
      <c r="AL19" s="196">
        <v>12</v>
      </c>
      <c r="AM19" s="193">
        <v>0</v>
      </c>
      <c r="AN19" s="191">
        <v>6</v>
      </c>
      <c r="AO19" s="191">
        <v>15</v>
      </c>
      <c r="AP19" s="191">
        <v>12</v>
      </c>
      <c r="AQ19" s="191">
        <v>0</v>
      </c>
      <c r="AR19" s="191">
        <v>15</v>
      </c>
      <c r="AS19" s="196">
        <v>48</v>
      </c>
      <c r="AT19" s="195">
        <v>60</v>
      </c>
      <c r="AU19" s="190">
        <v>0</v>
      </c>
      <c r="AV19" s="191">
        <v>0</v>
      </c>
      <c r="AW19" s="196">
        <v>0</v>
      </c>
      <c r="AX19" s="193">
        <v>0</v>
      </c>
      <c r="AY19" s="191">
        <v>168</v>
      </c>
      <c r="AZ19" s="191">
        <v>288</v>
      </c>
      <c r="BA19" s="191">
        <v>120</v>
      </c>
      <c r="BB19" s="191">
        <v>16</v>
      </c>
      <c r="BC19" s="191">
        <v>37</v>
      </c>
      <c r="BD19" s="194">
        <v>629</v>
      </c>
      <c r="BE19" s="195">
        <v>629</v>
      </c>
      <c r="BF19" s="190">
        <v>0</v>
      </c>
      <c r="BG19" s="191">
        <v>0</v>
      </c>
      <c r="BH19" s="196">
        <v>0</v>
      </c>
      <c r="BI19" s="193">
        <v>0</v>
      </c>
      <c r="BJ19" s="191">
        <v>53</v>
      </c>
      <c r="BK19" s="191">
        <v>140</v>
      </c>
      <c r="BL19" s="191">
        <v>55</v>
      </c>
      <c r="BM19" s="191">
        <v>11</v>
      </c>
      <c r="BN19" s="191">
        <v>0</v>
      </c>
      <c r="BO19" s="196">
        <v>259</v>
      </c>
      <c r="BP19" s="195">
        <v>259</v>
      </c>
      <c r="BQ19" s="190">
        <v>0</v>
      </c>
      <c r="BR19" s="191">
        <v>0</v>
      </c>
      <c r="BS19" s="196">
        <v>0</v>
      </c>
      <c r="BT19" s="193">
        <v>0</v>
      </c>
      <c r="BU19" s="191">
        <v>16</v>
      </c>
      <c r="BV19" s="191">
        <v>111</v>
      </c>
      <c r="BW19" s="191">
        <v>45</v>
      </c>
      <c r="BX19" s="191">
        <v>197</v>
      </c>
      <c r="BY19" s="191">
        <v>30</v>
      </c>
      <c r="BZ19" s="196">
        <v>399</v>
      </c>
      <c r="CA19" s="195">
        <v>399</v>
      </c>
      <c r="CB19" s="190">
        <v>0</v>
      </c>
      <c r="CC19" s="191">
        <v>0</v>
      </c>
      <c r="CD19" s="196">
        <v>0</v>
      </c>
      <c r="CE19" s="193">
        <v>0</v>
      </c>
      <c r="CF19" s="191">
        <v>0</v>
      </c>
      <c r="CG19" s="191">
        <v>4</v>
      </c>
      <c r="CH19" s="191">
        <v>7</v>
      </c>
      <c r="CI19" s="191">
        <v>0</v>
      </c>
      <c r="CJ19" s="191">
        <v>0</v>
      </c>
      <c r="CK19" s="196">
        <v>11</v>
      </c>
      <c r="CL19" s="195">
        <v>11</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298</v>
      </c>
      <c r="H20" s="191">
        <v>300</v>
      </c>
      <c r="I20" s="191">
        <v>675</v>
      </c>
      <c r="J20" s="191">
        <v>438</v>
      </c>
      <c r="K20" s="191">
        <v>650</v>
      </c>
      <c r="L20" s="194">
        <v>2361</v>
      </c>
      <c r="M20" s="195">
        <v>2361</v>
      </c>
      <c r="N20" s="190">
        <v>0</v>
      </c>
      <c r="O20" s="191">
        <v>0</v>
      </c>
      <c r="P20" s="196">
        <v>0</v>
      </c>
      <c r="Q20" s="193">
        <v>0</v>
      </c>
      <c r="R20" s="191">
        <v>0</v>
      </c>
      <c r="S20" s="191">
        <v>0</v>
      </c>
      <c r="T20" s="191">
        <v>2</v>
      </c>
      <c r="U20" s="191">
        <v>28</v>
      </c>
      <c r="V20" s="191">
        <v>22</v>
      </c>
      <c r="W20" s="196">
        <v>52</v>
      </c>
      <c r="X20" s="195">
        <v>52</v>
      </c>
      <c r="Y20" s="190">
        <v>26</v>
      </c>
      <c r="Z20" s="191">
        <v>40</v>
      </c>
      <c r="AA20" s="196">
        <v>66</v>
      </c>
      <c r="AB20" s="193">
        <v>0</v>
      </c>
      <c r="AC20" s="191">
        <v>135</v>
      </c>
      <c r="AD20" s="191">
        <v>259</v>
      </c>
      <c r="AE20" s="191">
        <v>165</v>
      </c>
      <c r="AF20" s="191">
        <v>87</v>
      </c>
      <c r="AG20" s="191">
        <v>88</v>
      </c>
      <c r="AH20" s="196">
        <v>734</v>
      </c>
      <c r="AI20" s="195">
        <v>800</v>
      </c>
      <c r="AJ20" s="190">
        <v>0</v>
      </c>
      <c r="AK20" s="191">
        <v>15</v>
      </c>
      <c r="AL20" s="196">
        <v>15</v>
      </c>
      <c r="AM20" s="193">
        <v>0</v>
      </c>
      <c r="AN20" s="191">
        <v>49</v>
      </c>
      <c r="AO20" s="191">
        <v>116</v>
      </c>
      <c r="AP20" s="191">
        <v>69</v>
      </c>
      <c r="AQ20" s="191">
        <v>24</v>
      </c>
      <c r="AR20" s="191">
        <v>0</v>
      </c>
      <c r="AS20" s="196">
        <v>258</v>
      </c>
      <c r="AT20" s="195">
        <v>273</v>
      </c>
      <c r="AU20" s="190">
        <v>0</v>
      </c>
      <c r="AV20" s="191">
        <v>0</v>
      </c>
      <c r="AW20" s="196">
        <v>0</v>
      </c>
      <c r="AX20" s="193">
        <v>0</v>
      </c>
      <c r="AY20" s="191">
        <v>501</v>
      </c>
      <c r="AZ20" s="191">
        <v>284</v>
      </c>
      <c r="BA20" s="191">
        <v>249</v>
      </c>
      <c r="BB20" s="191">
        <v>78</v>
      </c>
      <c r="BC20" s="191">
        <v>30</v>
      </c>
      <c r="BD20" s="194">
        <v>1142</v>
      </c>
      <c r="BE20" s="195">
        <v>1142</v>
      </c>
      <c r="BF20" s="190">
        <v>0</v>
      </c>
      <c r="BG20" s="191">
        <v>0</v>
      </c>
      <c r="BH20" s="196">
        <v>0</v>
      </c>
      <c r="BI20" s="193">
        <v>0</v>
      </c>
      <c r="BJ20" s="191">
        <v>89</v>
      </c>
      <c r="BK20" s="191">
        <v>76</v>
      </c>
      <c r="BL20" s="191">
        <v>46</v>
      </c>
      <c r="BM20" s="191">
        <v>4</v>
      </c>
      <c r="BN20" s="191">
        <v>11</v>
      </c>
      <c r="BO20" s="196">
        <v>226</v>
      </c>
      <c r="BP20" s="195">
        <v>226</v>
      </c>
      <c r="BQ20" s="190">
        <v>0</v>
      </c>
      <c r="BR20" s="191">
        <v>3</v>
      </c>
      <c r="BS20" s="196">
        <v>3</v>
      </c>
      <c r="BT20" s="193">
        <v>0</v>
      </c>
      <c r="BU20" s="191">
        <v>39</v>
      </c>
      <c r="BV20" s="191">
        <v>47</v>
      </c>
      <c r="BW20" s="191">
        <v>91</v>
      </c>
      <c r="BX20" s="191">
        <v>46</v>
      </c>
      <c r="BY20" s="191">
        <v>7</v>
      </c>
      <c r="BZ20" s="196">
        <v>230</v>
      </c>
      <c r="CA20" s="195">
        <v>233</v>
      </c>
      <c r="CB20" s="190">
        <v>0</v>
      </c>
      <c r="CC20" s="191">
        <v>0</v>
      </c>
      <c r="CD20" s="196">
        <v>0</v>
      </c>
      <c r="CE20" s="193">
        <v>0</v>
      </c>
      <c r="CF20" s="191">
        <v>0</v>
      </c>
      <c r="CG20" s="191">
        <v>0</v>
      </c>
      <c r="CH20" s="191">
        <v>0</v>
      </c>
      <c r="CI20" s="191">
        <v>0</v>
      </c>
      <c r="CJ20" s="191">
        <v>0</v>
      </c>
      <c r="CK20" s="196">
        <v>0</v>
      </c>
      <c r="CL20" s="195">
        <v>0</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110</v>
      </c>
      <c r="H21" s="191">
        <v>138</v>
      </c>
      <c r="I21" s="191">
        <v>281</v>
      </c>
      <c r="J21" s="191">
        <v>224</v>
      </c>
      <c r="K21" s="191">
        <v>40</v>
      </c>
      <c r="L21" s="194">
        <v>793</v>
      </c>
      <c r="M21" s="195">
        <v>793</v>
      </c>
      <c r="N21" s="190">
        <v>0</v>
      </c>
      <c r="O21" s="191">
        <v>0</v>
      </c>
      <c r="P21" s="196">
        <v>0</v>
      </c>
      <c r="Q21" s="193">
        <v>0</v>
      </c>
      <c r="R21" s="191">
        <v>0</v>
      </c>
      <c r="S21" s="191">
        <v>0</v>
      </c>
      <c r="T21" s="191">
        <v>6</v>
      </c>
      <c r="U21" s="191">
        <v>7</v>
      </c>
      <c r="V21" s="191">
        <v>18</v>
      </c>
      <c r="W21" s="196">
        <v>31</v>
      </c>
      <c r="X21" s="195">
        <v>31</v>
      </c>
      <c r="Y21" s="190">
        <v>2</v>
      </c>
      <c r="Z21" s="191">
        <v>16</v>
      </c>
      <c r="AA21" s="196">
        <v>18</v>
      </c>
      <c r="AB21" s="193">
        <v>0</v>
      </c>
      <c r="AC21" s="191">
        <v>115</v>
      </c>
      <c r="AD21" s="191">
        <v>100</v>
      </c>
      <c r="AE21" s="191">
        <v>61</v>
      </c>
      <c r="AF21" s="191">
        <v>41</v>
      </c>
      <c r="AG21" s="191">
        <v>39</v>
      </c>
      <c r="AH21" s="196">
        <v>356</v>
      </c>
      <c r="AI21" s="195">
        <v>374</v>
      </c>
      <c r="AJ21" s="190">
        <v>0</v>
      </c>
      <c r="AK21" s="191">
        <v>0</v>
      </c>
      <c r="AL21" s="196">
        <v>0</v>
      </c>
      <c r="AM21" s="193">
        <v>0</v>
      </c>
      <c r="AN21" s="191">
        <v>12</v>
      </c>
      <c r="AO21" s="191">
        <v>12</v>
      </c>
      <c r="AP21" s="191">
        <v>0</v>
      </c>
      <c r="AQ21" s="191">
        <v>8</v>
      </c>
      <c r="AR21" s="191">
        <v>12</v>
      </c>
      <c r="AS21" s="196">
        <v>44</v>
      </c>
      <c r="AT21" s="195">
        <v>44</v>
      </c>
      <c r="AU21" s="190">
        <v>0</v>
      </c>
      <c r="AV21" s="191">
        <v>0</v>
      </c>
      <c r="AW21" s="196">
        <v>0</v>
      </c>
      <c r="AX21" s="193">
        <v>0</v>
      </c>
      <c r="AY21" s="191">
        <v>131</v>
      </c>
      <c r="AZ21" s="191">
        <v>130</v>
      </c>
      <c r="BA21" s="191">
        <v>29</v>
      </c>
      <c r="BB21" s="191">
        <v>5</v>
      </c>
      <c r="BC21" s="191">
        <v>8</v>
      </c>
      <c r="BD21" s="194">
        <v>303</v>
      </c>
      <c r="BE21" s="195">
        <v>303</v>
      </c>
      <c r="BF21" s="190">
        <v>0</v>
      </c>
      <c r="BG21" s="191">
        <v>0</v>
      </c>
      <c r="BH21" s="196">
        <v>0</v>
      </c>
      <c r="BI21" s="193">
        <v>0</v>
      </c>
      <c r="BJ21" s="191">
        <v>56</v>
      </c>
      <c r="BK21" s="191">
        <v>64</v>
      </c>
      <c r="BL21" s="191">
        <v>17</v>
      </c>
      <c r="BM21" s="191">
        <v>10</v>
      </c>
      <c r="BN21" s="191">
        <v>0</v>
      </c>
      <c r="BO21" s="196">
        <v>147</v>
      </c>
      <c r="BP21" s="195">
        <v>147</v>
      </c>
      <c r="BQ21" s="190">
        <v>0</v>
      </c>
      <c r="BR21" s="191">
        <v>7</v>
      </c>
      <c r="BS21" s="196">
        <v>7</v>
      </c>
      <c r="BT21" s="193">
        <v>0</v>
      </c>
      <c r="BU21" s="191">
        <v>8</v>
      </c>
      <c r="BV21" s="191">
        <v>2</v>
      </c>
      <c r="BW21" s="191">
        <v>5</v>
      </c>
      <c r="BX21" s="191">
        <v>0</v>
      </c>
      <c r="BY21" s="191">
        <v>0</v>
      </c>
      <c r="BZ21" s="196">
        <v>15</v>
      </c>
      <c r="CA21" s="195">
        <v>22</v>
      </c>
      <c r="CB21" s="190">
        <v>0</v>
      </c>
      <c r="CC21" s="191">
        <v>0</v>
      </c>
      <c r="CD21" s="196">
        <v>0</v>
      </c>
      <c r="CE21" s="193">
        <v>0</v>
      </c>
      <c r="CF21" s="191">
        <v>0</v>
      </c>
      <c r="CG21" s="191">
        <v>6</v>
      </c>
      <c r="CH21" s="191">
        <v>25</v>
      </c>
      <c r="CI21" s="191">
        <v>0</v>
      </c>
      <c r="CJ21" s="191">
        <v>0</v>
      </c>
      <c r="CK21" s="196">
        <v>31</v>
      </c>
      <c r="CL21" s="195">
        <v>31</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43</v>
      </c>
      <c r="H22" s="191">
        <v>310</v>
      </c>
      <c r="I22" s="191">
        <v>240</v>
      </c>
      <c r="J22" s="191">
        <v>144</v>
      </c>
      <c r="K22" s="191">
        <v>424</v>
      </c>
      <c r="L22" s="194">
        <v>1461</v>
      </c>
      <c r="M22" s="195">
        <v>1461</v>
      </c>
      <c r="N22" s="190">
        <v>0</v>
      </c>
      <c r="O22" s="191">
        <v>0</v>
      </c>
      <c r="P22" s="196">
        <v>0</v>
      </c>
      <c r="Q22" s="193">
        <v>0</v>
      </c>
      <c r="R22" s="191">
        <v>0</v>
      </c>
      <c r="S22" s="191">
        <v>0</v>
      </c>
      <c r="T22" s="191">
        <v>7</v>
      </c>
      <c r="U22" s="191">
        <v>0</v>
      </c>
      <c r="V22" s="191">
        <v>9</v>
      </c>
      <c r="W22" s="196">
        <v>16</v>
      </c>
      <c r="X22" s="195">
        <v>16</v>
      </c>
      <c r="Y22" s="190">
        <v>33</v>
      </c>
      <c r="Z22" s="191">
        <v>40</v>
      </c>
      <c r="AA22" s="196">
        <v>73</v>
      </c>
      <c r="AB22" s="193">
        <v>0</v>
      </c>
      <c r="AC22" s="191">
        <v>162</v>
      </c>
      <c r="AD22" s="191">
        <v>206</v>
      </c>
      <c r="AE22" s="191">
        <v>84</v>
      </c>
      <c r="AF22" s="191">
        <v>68</v>
      </c>
      <c r="AG22" s="191">
        <v>31</v>
      </c>
      <c r="AH22" s="196">
        <v>551</v>
      </c>
      <c r="AI22" s="195">
        <v>624</v>
      </c>
      <c r="AJ22" s="190">
        <v>16</v>
      </c>
      <c r="AK22" s="191">
        <v>16</v>
      </c>
      <c r="AL22" s="196">
        <v>32</v>
      </c>
      <c r="AM22" s="193">
        <v>0</v>
      </c>
      <c r="AN22" s="191">
        <v>42</v>
      </c>
      <c r="AO22" s="191">
        <v>99</v>
      </c>
      <c r="AP22" s="191">
        <v>73</v>
      </c>
      <c r="AQ22" s="191">
        <v>10</v>
      </c>
      <c r="AR22" s="191">
        <v>27</v>
      </c>
      <c r="AS22" s="196">
        <v>251</v>
      </c>
      <c r="AT22" s="195">
        <v>283</v>
      </c>
      <c r="AU22" s="190">
        <v>0</v>
      </c>
      <c r="AV22" s="191">
        <v>0</v>
      </c>
      <c r="AW22" s="196">
        <v>0</v>
      </c>
      <c r="AX22" s="193">
        <v>0</v>
      </c>
      <c r="AY22" s="191">
        <v>285</v>
      </c>
      <c r="AZ22" s="191">
        <v>198</v>
      </c>
      <c r="BA22" s="191">
        <v>103</v>
      </c>
      <c r="BB22" s="191">
        <v>41</v>
      </c>
      <c r="BC22" s="191">
        <v>5</v>
      </c>
      <c r="BD22" s="194">
        <v>632</v>
      </c>
      <c r="BE22" s="195">
        <v>632</v>
      </c>
      <c r="BF22" s="190">
        <v>0</v>
      </c>
      <c r="BG22" s="191">
        <v>0</v>
      </c>
      <c r="BH22" s="196">
        <v>0</v>
      </c>
      <c r="BI22" s="193">
        <v>0</v>
      </c>
      <c r="BJ22" s="191">
        <v>98</v>
      </c>
      <c r="BK22" s="191">
        <v>60</v>
      </c>
      <c r="BL22" s="191">
        <v>33</v>
      </c>
      <c r="BM22" s="191">
        <v>14</v>
      </c>
      <c r="BN22" s="191">
        <v>12</v>
      </c>
      <c r="BO22" s="196">
        <v>217</v>
      </c>
      <c r="BP22" s="195">
        <v>217</v>
      </c>
      <c r="BQ22" s="190">
        <v>0</v>
      </c>
      <c r="BR22" s="191">
        <v>0</v>
      </c>
      <c r="BS22" s="196">
        <v>0</v>
      </c>
      <c r="BT22" s="193">
        <v>0</v>
      </c>
      <c r="BU22" s="191">
        <v>52</v>
      </c>
      <c r="BV22" s="191">
        <v>0</v>
      </c>
      <c r="BW22" s="191">
        <v>41</v>
      </c>
      <c r="BX22" s="191">
        <v>80</v>
      </c>
      <c r="BY22" s="191">
        <v>6</v>
      </c>
      <c r="BZ22" s="196">
        <v>179</v>
      </c>
      <c r="CA22" s="195">
        <v>179</v>
      </c>
      <c r="CB22" s="190">
        <v>0</v>
      </c>
      <c r="CC22" s="191">
        <v>0</v>
      </c>
      <c r="CD22" s="196">
        <v>0</v>
      </c>
      <c r="CE22" s="193">
        <v>0</v>
      </c>
      <c r="CF22" s="191">
        <v>2</v>
      </c>
      <c r="CG22" s="191">
        <v>0</v>
      </c>
      <c r="CH22" s="191">
        <v>7</v>
      </c>
      <c r="CI22" s="191">
        <v>12</v>
      </c>
      <c r="CJ22" s="191">
        <v>0</v>
      </c>
      <c r="CK22" s="196">
        <v>21</v>
      </c>
      <c r="CL22" s="195">
        <v>21</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48</v>
      </c>
      <c r="H23" s="191">
        <v>163</v>
      </c>
      <c r="I23" s="191">
        <v>115</v>
      </c>
      <c r="J23" s="191">
        <v>189</v>
      </c>
      <c r="K23" s="191">
        <v>449</v>
      </c>
      <c r="L23" s="194">
        <v>1064</v>
      </c>
      <c r="M23" s="195">
        <v>1064</v>
      </c>
      <c r="N23" s="190">
        <v>0</v>
      </c>
      <c r="O23" s="191">
        <v>0</v>
      </c>
      <c r="P23" s="196">
        <v>0</v>
      </c>
      <c r="Q23" s="193">
        <v>0</v>
      </c>
      <c r="R23" s="191">
        <v>0</v>
      </c>
      <c r="S23" s="191">
        <v>0</v>
      </c>
      <c r="T23" s="191">
        <v>0</v>
      </c>
      <c r="U23" s="191">
        <v>4</v>
      </c>
      <c r="V23" s="191">
        <v>10</v>
      </c>
      <c r="W23" s="196">
        <v>14</v>
      </c>
      <c r="X23" s="195">
        <v>14</v>
      </c>
      <c r="Y23" s="190">
        <v>16</v>
      </c>
      <c r="Z23" s="191">
        <v>36</v>
      </c>
      <c r="AA23" s="196">
        <v>52</v>
      </c>
      <c r="AB23" s="193">
        <v>0</v>
      </c>
      <c r="AC23" s="191">
        <v>154</v>
      </c>
      <c r="AD23" s="191">
        <v>116</v>
      </c>
      <c r="AE23" s="191">
        <v>119</v>
      </c>
      <c r="AF23" s="191">
        <v>166</v>
      </c>
      <c r="AG23" s="191">
        <v>48</v>
      </c>
      <c r="AH23" s="196">
        <v>603</v>
      </c>
      <c r="AI23" s="195">
        <v>655</v>
      </c>
      <c r="AJ23" s="190">
        <v>28</v>
      </c>
      <c r="AK23" s="191">
        <v>8</v>
      </c>
      <c r="AL23" s="196">
        <v>36</v>
      </c>
      <c r="AM23" s="193">
        <v>0</v>
      </c>
      <c r="AN23" s="191">
        <v>18</v>
      </c>
      <c r="AO23" s="191">
        <v>38</v>
      </c>
      <c r="AP23" s="191">
        <v>0</v>
      </c>
      <c r="AQ23" s="191">
        <v>0</v>
      </c>
      <c r="AR23" s="191">
        <v>28</v>
      </c>
      <c r="AS23" s="196">
        <v>84</v>
      </c>
      <c r="AT23" s="195">
        <v>120</v>
      </c>
      <c r="AU23" s="190">
        <v>0</v>
      </c>
      <c r="AV23" s="191">
        <v>0</v>
      </c>
      <c r="AW23" s="196">
        <v>0</v>
      </c>
      <c r="AX23" s="193">
        <v>0</v>
      </c>
      <c r="AY23" s="191">
        <v>148</v>
      </c>
      <c r="AZ23" s="191">
        <v>161</v>
      </c>
      <c r="BA23" s="191">
        <v>111</v>
      </c>
      <c r="BB23" s="191">
        <v>33</v>
      </c>
      <c r="BC23" s="191">
        <v>2</v>
      </c>
      <c r="BD23" s="194">
        <v>455</v>
      </c>
      <c r="BE23" s="195">
        <v>455</v>
      </c>
      <c r="BF23" s="190">
        <v>0</v>
      </c>
      <c r="BG23" s="191">
        <v>0</v>
      </c>
      <c r="BH23" s="196">
        <v>0</v>
      </c>
      <c r="BI23" s="193">
        <v>0</v>
      </c>
      <c r="BJ23" s="191">
        <v>55</v>
      </c>
      <c r="BK23" s="191">
        <v>43</v>
      </c>
      <c r="BL23" s="191">
        <v>26</v>
      </c>
      <c r="BM23" s="191">
        <v>3</v>
      </c>
      <c r="BN23" s="191">
        <v>4</v>
      </c>
      <c r="BO23" s="196">
        <v>131</v>
      </c>
      <c r="BP23" s="195">
        <v>131</v>
      </c>
      <c r="BQ23" s="190">
        <v>0</v>
      </c>
      <c r="BR23" s="191">
        <v>0</v>
      </c>
      <c r="BS23" s="196">
        <v>0</v>
      </c>
      <c r="BT23" s="193">
        <v>0</v>
      </c>
      <c r="BU23" s="191">
        <v>25</v>
      </c>
      <c r="BV23" s="191">
        <v>11</v>
      </c>
      <c r="BW23" s="191">
        <v>43</v>
      </c>
      <c r="BX23" s="191">
        <v>32</v>
      </c>
      <c r="BY23" s="191">
        <v>27</v>
      </c>
      <c r="BZ23" s="196">
        <v>138</v>
      </c>
      <c r="CA23" s="195">
        <v>138</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54</v>
      </c>
      <c r="H24" s="191">
        <v>38</v>
      </c>
      <c r="I24" s="191">
        <v>24</v>
      </c>
      <c r="J24" s="191">
        <v>36</v>
      </c>
      <c r="K24" s="191">
        <v>89</v>
      </c>
      <c r="L24" s="194">
        <v>341</v>
      </c>
      <c r="M24" s="195">
        <v>341</v>
      </c>
      <c r="N24" s="190">
        <v>0</v>
      </c>
      <c r="O24" s="191">
        <v>0</v>
      </c>
      <c r="P24" s="196">
        <v>0</v>
      </c>
      <c r="Q24" s="193">
        <v>0</v>
      </c>
      <c r="R24" s="191">
        <v>0</v>
      </c>
      <c r="S24" s="191">
        <v>0</v>
      </c>
      <c r="T24" s="191">
        <v>0</v>
      </c>
      <c r="U24" s="191">
        <v>0</v>
      </c>
      <c r="V24" s="191">
        <v>0</v>
      </c>
      <c r="W24" s="196">
        <v>0</v>
      </c>
      <c r="X24" s="195">
        <v>0</v>
      </c>
      <c r="Y24" s="190">
        <v>0</v>
      </c>
      <c r="Z24" s="191">
        <v>15</v>
      </c>
      <c r="AA24" s="196">
        <v>15</v>
      </c>
      <c r="AB24" s="193">
        <v>0</v>
      </c>
      <c r="AC24" s="191">
        <v>25</v>
      </c>
      <c r="AD24" s="191">
        <v>84</v>
      </c>
      <c r="AE24" s="191">
        <v>30</v>
      </c>
      <c r="AF24" s="191">
        <v>25</v>
      </c>
      <c r="AG24" s="191">
        <v>18</v>
      </c>
      <c r="AH24" s="196">
        <v>182</v>
      </c>
      <c r="AI24" s="195">
        <v>197</v>
      </c>
      <c r="AJ24" s="190">
        <v>12</v>
      </c>
      <c r="AK24" s="191">
        <v>0</v>
      </c>
      <c r="AL24" s="196">
        <v>12</v>
      </c>
      <c r="AM24" s="193">
        <v>0</v>
      </c>
      <c r="AN24" s="191">
        <v>0</v>
      </c>
      <c r="AO24" s="191">
        <v>27</v>
      </c>
      <c r="AP24" s="191">
        <v>0</v>
      </c>
      <c r="AQ24" s="191">
        <v>0</v>
      </c>
      <c r="AR24" s="191">
        <v>0</v>
      </c>
      <c r="AS24" s="196">
        <v>27</v>
      </c>
      <c r="AT24" s="195">
        <v>39</v>
      </c>
      <c r="AU24" s="190">
        <v>0</v>
      </c>
      <c r="AV24" s="191">
        <v>0</v>
      </c>
      <c r="AW24" s="196">
        <v>0</v>
      </c>
      <c r="AX24" s="193">
        <v>0</v>
      </c>
      <c r="AY24" s="191">
        <v>113</v>
      </c>
      <c r="AZ24" s="191">
        <v>49</v>
      </c>
      <c r="BA24" s="191">
        <v>111</v>
      </c>
      <c r="BB24" s="191">
        <v>0</v>
      </c>
      <c r="BC24" s="191">
        <v>0</v>
      </c>
      <c r="BD24" s="194">
        <v>273</v>
      </c>
      <c r="BE24" s="195">
        <v>273</v>
      </c>
      <c r="BF24" s="190">
        <v>0</v>
      </c>
      <c r="BG24" s="191">
        <v>0</v>
      </c>
      <c r="BH24" s="196">
        <v>0</v>
      </c>
      <c r="BI24" s="193">
        <v>0</v>
      </c>
      <c r="BJ24" s="191">
        <v>39</v>
      </c>
      <c r="BK24" s="191">
        <v>8</v>
      </c>
      <c r="BL24" s="191">
        <v>2</v>
      </c>
      <c r="BM24" s="191">
        <v>12</v>
      </c>
      <c r="BN24" s="191">
        <v>9</v>
      </c>
      <c r="BO24" s="196">
        <v>70</v>
      </c>
      <c r="BP24" s="195">
        <v>70</v>
      </c>
      <c r="BQ24" s="190">
        <v>0</v>
      </c>
      <c r="BR24" s="191">
        <v>0</v>
      </c>
      <c r="BS24" s="196">
        <v>0</v>
      </c>
      <c r="BT24" s="193">
        <v>0</v>
      </c>
      <c r="BU24" s="191">
        <v>0</v>
      </c>
      <c r="BV24" s="191">
        <v>3</v>
      </c>
      <c r="BW24" s="191">
        <v>2</v>
      </c>
      <c r="BX24" s="191">
        <v>46</v>
      </c>
      <c r="BY24" s="191">
        <v>0</v>
      </c>
      <c r="BZ24" s="196">
        <v>51</v>
      </c>
      <c r="CA24" s="195">
        <v>51</v>
      </c>
      <c r="CB24" s="190">
        <v>0</v>
      </c>
      <c r="CC24" s="191">
        <v>0</v>
      </c>
      <c r="CD24" s="196">
        <v>0</v>
      </c>
      <c r="CE24" s="193">
        <v>0</v>
      </c>
      <c r="CF24" s="191">
        <v>3</v>
      </c>
      <c r="CG24" s="191">
        <v>0</v>
      </c>
      <c r="CH24" s="191">
        <v>8</v>
      </c>
      <c r="CI24" s="191">
        <v>0</v>
      </c>
      <c r="CJ24" s="191">
        <v>0</v>
      </c>
      <c r="CK24" s="196">
        <v>11</v>
      </c>
      <c r="CL24" s="195">
        <v>11</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94</v>
      </c>
      <c r="H25" s="191">
        <v>293</v>
      </c>
      <c r="I25" s="191">
        <v>113</v>
      </c>
      <c r="J25" s="191">
        <v>18</v>
      </c>
      <c r="K25" s="191">
        <v>2</v>
      </c>
      <c r="L25" s="194">
        <v>520</v>
      </c>
      <c r="M25" s="195">
        <v>520</v>
      </c>
      <c r="N25" s="190">
        <v>0</v>
      </c>
      <c r="O25" s="191">
        <v>0</v>
      </c>
      <c r="P25" s="196">
        <v>0</v>
      </c>
      <c r="Q25" s="193">
        <v>0</v>
      </c>
      <c r="R25" s="191">
        <v>0</v>
      </c>
      <c r="S25" s="191">
        <v>2</v>
      </c>
      <c r="T25" s="191">
        <v>0</v>
      </c>
      <c r="U25" s="191">
        <v>9</v>
      </c>
      <c r="V25" s="191">
        <v>0</v>
      </c>
      <c r="W25" s="196">
        <v>11</v>
      </c>
      <c r="X25" s="195">
        <v>11</v>
      </c>
      <c r="Y25" s="190">
        <v>46</v>
      </c>
      <c r="Z25" s="191">
        <v>20</v>
      </c>
      <c r="AA25" s="196">
        <v>66</v>
      </c>
      <c r="AB25" s="193">
        <v>0</v>
      </c>
      <c r="AC25" s="191">
        <v>69</v>
      </c>
      <c r="AD25" s="191">
        <v>119</v>
      </c>
      <c r="AE25" s="191">
        <v>3</v>
      </c>
      <c r="AF25" s="191">
        <v>55</v>
      </c>
      <c r="AG25" s="191">
        <v>2</v>
      </c>
      <c r="AH25" s="196">
        <v>248</v>
      </c>
      <c r="AI25" s="195">
        <v>314</v>
      </c>
      <c r="AJ25" s="190">
        <v>0</v>
      </c>
      <c r="AK25" s="191">
        <v>10</v>
      </c>
      <c r="AL25" s="196">
        <v>10</v>
      </c>
      <c r="AM25" s="193">
        <v>0</v>
      </c>
      <c r="AN25" s="191">
        <v>0</v>
      </c>
      <c r="AO25" s="191">
        <v>0</v>
      </c>
      <c r="AP25" s="191">
        <v>0</v>
      </c>
      <c r="AQ25" s="191">
        <v>16</v>
      </c>
      <c r="AR25" s="191">
        <v>0</v>
      </c>
      <c r="AS25" s="196">
        <v>16</v>
      </c>
      <c r="AT25" s="195">
        <v>26</v>
      </c>
      <c r="AU25" s="190">
        <v>0</v>
      </c>
      <c r="AV25" s="191">
        <v>0</v>
      </c>
      <c r="AW25" s="196">
        <v>0</v>
      </c>
      <c r="AX25" s="193">
        <v>0</v>
      </c>
      <c r="AY25" s="191">
        <v>105</v>
      </c>
      <c r="AZ25" s="191">
        <v>124</v>
      </c>
      <c r="BA25" s="191">
        <v>46</v>
      </c>
      <c r="BB25" s="191">
        <v>26</v>
      </c>
      <c r="BC25" s="191">
        <v>44</v>
      </c>
      <c r="BD25" s="194">
        <v>345</v>
      </c>
      <c r="BE25" s="195">
        <v>345</v>
      </c>
      <c r="BF25" s="190">
        <v>0</v>
      </c>
      <c r="BG25" s="191">
        <v>0</v>
      </c>
      <c r="BH25" s="196">
        <v>0</v>
      </c>
      <c r="BI25" s="193">
        <v>0</v>
      </c>
      <c r="BJ25" s="191">
        <v>25</v>
      </c>
      <c r="BK25" s="191">
        <v>8</v>
      </c>
      <c r="BL25" s="191">
        <v>0</v>
      </c>
      <c r="BM25" s="191">
        <v>12</v>
      </c>
      <c r="BN25" s="191">
        <v>0</v>
      </c>
      <c r="BO25" s="196">
        <v>45</v>
      </c>
      <c r="BP25" s="195">
        <v>45</v>
      </c>
      <c r="BQ25" s="190">
        <v>0</v>
      </c>
      <c r="BR25" s="191">
        <v>0</v>
      </c>
      <c r="BS25" s="196">
        <v>0</v>
      </c>
      <c r="BT25" s="193">
        <v>0</v>
      </c>
      <c r="BU25" s="191">
        <v>0</v>
      </c>
      <c r="BV25" s="191">
        <v>33</v>
      </c>
      <c r="BW25" s="191">
        <v>29</v>
      </c>
      <c r="BX25" s="191">
        <v>6</v>
      </c>
      <c r="BY25" s="191">
        <v>100</v>
      </c>
      <c r="BZ25" s="196">
        <v>168</v>
      </c>
      <c r="CA25" s="195">
        <v>168</v>
      </c>
      <c r="CB25" s="190">
        <v>0</v>
      </c>
      <c r="CC25" s="191">
        <v>0</v>
      </c>
      <c r="CD25" s="196">
        <v>0</v>
      </c>
      <c r="CE25" s="193">
        <v>0</v>
      </c>
      <c r="CF25" s="191">
        <v>3</v>
      </c>
      <c r="CG25" s="191">
        <v>0</v>
      </c>
      <c r="CH25" s="191">
        <v>0</v>
      </c>
      <c r="CI25" s="191">
        <v>0</v>
      </c>
      <c r="CJ25" s="191">
        <v>0</v>
      </c>
      <c r="CK25" s="196">
        <v>3</v>
      </c>
      <c r="CL25" s="195">
        <v>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95</v>
      </c>
      <c r="H26" s="191">
        <v>114</v>
      </c>
      <c r="I26" s="191">
        <v>109</v>
      </c>
      <c r="J26" s="191">
        <v>440</v>
      </c>
      <c r="K26" s="191">
        <v>273</v>
      </c>
      <c r="L26" s="194">
        <v>1031</v>
      </c>
      <c r="M26" s="195">
        <v>1031</v>
      </c>
      <c r="N26" s="190">
        <v>0</v>
      </c>
      <c r="O26" s="191">
        <v>0</v>
      </c>
      <c r="P26" s="196">
        <v>0</v>
      </c>
      <c r="Q26" s="193">
        <v>0</v>
      </c>
      <c r="R26" s="191">
        <v>0</v>
      </c>
      <c r="S26" s="191">
        <v>0</v>
      </c>
      <c r="T26" s="191">
        <v>0</v>
      </c>
      <c r="U26" s="191">
        <v>18</v>
      </c>
      <c r="V26" s="191">
        <v>7</v>
      </c>
      <c r="W26" s="196">
        <v>25</v>
      </c>
      <c r="X26" s="195">
        <v>25</v>
      </c>
      <c r="Y26" s="190">
        <v>6</v>
      </c>
      <c r="Z26" s="191">
        <v>24</v>
      </c>
      <c r="AA26" s="196">
        <v>30</v>
      </c>
      <c r="AB26" s="193">
        <v>0</v>
      </c>
      <c r="AC26" s="191">
        <v>94</v>
      </c>
      <c r="AD26" s="191">
        <v>40</v>
      </c>
      <c r="AE26" s="191">
        <v>49</v>
      </c>
      <c r="AF26" s="191">
        <v>65</v>
      </c>
      <c r="AG26" s="191">
        <v>1</v>
      </c>
      <c r="AH26" s="196">
        <v>249</v>
      </c>
      <c r="AI26" s="195">
        <v>279</v>
      </c>
      <c r="AJ26" s="190">
        <v>0</v>
      </c>
      <c r="AK26" s="191">
        <v>0</v>
      </c>
      <c r="AL26" s="196">
        <v>0</v>
      </c>
      <c r="AM26" s="193">
        <v>0</v>
      </c>
      <c r="AN26" s="191">
        <v>15</v>
      </c>
      <c r="AO26" s="191">
        <v>18</v>
      </c>
      <c r="AP26" s="191">
        <v>0</v>
      </c>
      <c r="AQ26" s="191">
        <v>0</v>
      </c>
      <c r="AR26" s="191">
        <v>0</v>
      </c>
      <c r="AS26" s="196">
        <v>33</v>
      </c>
      <c r="AT26" s="195">
        <v>33</v>
      </c>
      <c r="AU26" s="190">
        <v>0</v>
      </c>
      <c r="AV26" s="191">
        <v>0</v>
      </c>
      <c r="AW26" s="196">
        <v>0</v>
      </c>
      <c r="AX26" s="193">
        <v>0</v>
      </c>
      <c r="AY26" s="191">
        <v>107</v>
      </c>
      <c r="AZ26" s="191">
        <v>124</v>
      </c>
      <c r="BA26" s="191">
        <v>15</v>
      </c>
      <c r="BB26" s="191">
        <v>5</v>
      </c>
      <c r="BC26" s="191">
        <v>7</v>
      </c>
      <c r="BD26" s="194">
        <v>258</v>
      </c>
      <c r="BE26" s="195">
        <v>258</v>
      </c>
      <c r="BF26" s="190">
        <v>0</v>
      </c>
      <c r="BG26" s="191">
        <v>0</v>
      </c>
      <c r="BH26" s="196">
        <v>0</v>
      </c>
      <c r="BI26" s="193">
        <v>0</v>
      </c>
      <c r="BJ26" s="191">
        <v>8</v>
      </c>
      <c r="BK26" s="191">
        <v>65</v>
      </c>
      <c r="BL26" s="191">
        <v>37</v>
      </c>
      <c r="BM26" s="191">
        <v>16</v>
      </c>
      <c r="BN26" s="191">
        <v>0</v>
      </c>
      <c r="BO26" s="196">
        <v>126</v>
      </c>
      <c r="BP26" s="195">
        <v>126</v>
      </c>
      <c r="BQ26" s="190">
        <v>0</v>
      </c>
      <c r="BR26" s="191">
        <v>0</v>
      </c>
      <c r="BS26" s="196">
        <v>0</v>
      </c>
      <c r="BT26" s="193">
        <v>0</v>
      </c>
      <c r="BU26" s="191">
        <v>7</v>
      </c>
      <c r="BV26" s="191">
        <v>23</v>
      </c>
      <c r="BW26" s="191">
        <v>3</v>
      </c>
      <c r="BX26" s="191">
        <v>30</v>
      </c>
      <c r="BY26" s="191">
        <v>0</v>
      </c>
      <c r="BZ26" s="196">
        <v>63</v>
      </c>
      <c r="CA26" s="195">
        <v>63</v>
      </c>
      <c r="CB26" s="190">
        <v>0</v>
      </c>
      <c r="CC26" s="191">
        <v>0</v>
      </c>
      <c r="CD26" s="196">
        <v>0</v>
      </c>
      <c r="CE26" s="193">
        <v>0</v>
      </c>
      <c r="CF26" s="191">
        <v>3</v>
      </c>
      <c r="CG26" s="191">
        <v>0</v>
      </c>
      <c r="CH26" s="191">
        <v>0</v>
      </c>
      <c r="CI26" s="191">
        <v>0</v>
      </c>
      <c r="CJ26" s="191">
        <v>0</v>
      </c>
      <c r="CK26" s="196">
        <v>3</v>
      </c>
      <c r="CL26" s="195">
        <v>3</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18</v>
      </c>
      <c r="H27" s="191">
        <v>82</v>
      </c>
      <c r="I27" s="191">
        <v>2</v>
      </c>
      <c r="J27" s="191">
        <v>43</v>
      </c>
      <c r="K27" s="191">
        <v>0</v>
      </c>
      <c r="L27" s="194">
        <v>245</v>
      </c>
      <c r="M27" s="195">
        <v>245</v>
      </c>
      <c r="N27" s="190">
        <v>0</v>
      </c>
      <c r="O27" s="191">
        <v>0</v>
      </c>
      <c r="P27" s="196">
        <v>0</v>
      </c>
      <c r="Q27" s="193">
        <v>0</v>
      </c>
      <c r="R27" s="191">
        <v>0</v>
      </c>
      <c r="S27" s="191">
        <v>0</v>
      </c>
      <c r="T27" s="191">
        <v>5</v>
      </c>
      <c r="U27" s="191">
        <v>6</v>
      </c>
      <c r="V27" s="191">
        <v>0</v>
      </c>
      <c r="W27" s="196">
        <v>11</v>
      </c>
      <c r="X27" s="195">
        <v>11</v>
      </c>
      <c r="Y27" s="190">
        <v>2</v>
      </c>
      <c r="Z27" s="191">
        <v>10</v>
      </c>
      <c r="AA27" s="196">
        <v>12</v>
      </c>
      <c r="AB27" s="193">
        <v>0</v>
      </c>
      <c r="AC27" s="191">
        <v>16</v>
      </c>
      <c r="AD27" s="191">
        <v>92</v>
      </c>
      <c r="AE27" s="191">
        <v>45</v>
      </c>
      <c r="AF27" s="191">
        <v>58</v>
      </c>
      <c r="AG27" s="191">
        <v>0</v>
      </c>
      <c r="AH27" s="196">
        <v>211</v>
      </c>
      <c r="AI27" s="195">
        <v>223</v>
      </c>
      <c r="AJ27" s="190">
        <v>0</v>
      </c>
      <c r="AK27" s="191">
        <v>26</v>
      </c>
      <c r="AL27" s="196">
        <v>26</v>
      </c>
      <c r="AM27" s="193">
        <v>0</v>
      </c>
      <c r="AN27" s="191">
        <v>0</v>
      </c>
      <c r="AO27" s="191">
        <v>0</v>
      </c>
      <c r="AP27" s="191">
        <v>0</v>
      </c>
      <c r="AQ27" s="191">
        <v>0</v>
      </c>
      <c r="AR27" s="191">
        <v>0</v>
      </c>
      <c r="AS27" s="196">
        <v>0</v>
      </c>
      <c r="AT27" s="195">
        <v>26</v>
      </c>
      <c r="AU27" s="190">
        <v>0</v>
      </c>
      <c r="AV27" s="191">
        <v>0</v>
      </c>
      <c r="AW27" s="196">
        <v>0</v>
      </c>
      <c r="AX27" s="193">
        <v>0</v>
      </c>
      <c r="AY27" s="191">
        <v>80</v>
      </c>
      <c r="AZ27" s="191">
        <v>11</v>
      </c>
      <c r="BA27" s="191">
        <v>4</v>
      </c>
      <c r="BB27" s="191">
        <v>4</v>
      </c>
      <c r="BC27" s="191">
        <v>0</v>
      </c>
      <c r="BD27" s="194">
        <v>99</v>
      </c>
      <c r="BE27" s="195">
        <v>99</v>
      </c>
      <c r="BF27" s="190">
        <v>0</v>
      </c>
      <c r="BG27" s="191">
        <v>0</v>
      </c>
      <c r="BH27" s="196">
        <v>0</v>
      </c>
      <c r="BI27" s="193">
        <v>0</v>
      </c>
      <c r="BJ27" s="191">
        <v>13</v>
      </c>
      <c r="BK27" s="191">
        <v>46</v>
      </c>
      <c r="BL27" s="191">
        <v>19</v>
      </c>
      <c r="BM27" s="191">
        <v>26</v>
      </c>
      <c r="BN27" s="191">
        <v>0</v>
      </c>
      <c r="BO27" s="196">
        <v>104</v>
      </c>
      <c r="BP27" s="195">
        <v>104</v>
      </c>
      <c r="BQ27" s="190">
        <v>0</v>
      </c>
      <c r="BR27" s="191">
        <v>0</v>
      </c>
      <c r="BS27" s="196">
        <v>0</v>
      </c>
      <c r="BT27" s="193">
        <v>0</v>
      </c>
      <c r="BU27" s="191">
        <v>11</v>
      </c>
      <c r="BV27" s="191">
        <v>6</v>
      </c>
      <c r="BW27" s="191">
        <v>0</v>
      </c>
      <c r="BX27" s="191">
        <v>7</v>
      </c>
      <c r="BY27" s="191">
        <v>5</v>
      </c>
      <c r="BZ27" s="196">
        <v>29</v>
      </c>
      <c r="CA27" s="195">
        <v>29</v>
      </c>
      <c r="CB27" s="190">
        <v>0</v>
      </c>
      <c r="CC27" s="191">
        <v>0</v>
      </c>
      <c r="CD27" s="196">
        <v>0</v>
      </c>
      <c r="CE27" s="193">
        <v>0</v>
      </c>
      <c r="CF27" s="191">
        <v>0</v>
      </c>
      <c r="CG27" s="191">
        <v>1</v>
      </c>
      <c r="CH27" s="191">
        <v>0</v>
      </c>
      <c r="CI27" s="191">
        <v>0</v>
      </c>
      <c r="CJ27" s="191">
        <v>0</v>
      </c>
      <c r="CK27" s="196">
        <v>1</v>
      </c>
      <c r="CL27" s="195">
        <v>1</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92</v>
      </c>
      <c r="H28" s="191">
        <v>67</v>
      </c>
      <c r="I28" s="191">
        <v>106</v>
      </c>
      <c r="J28" s="191">
        <v>108</v>
      </c>
      <c r="K28" s="191">
        <v>36</v>
      </c>
      <c r="L28" s="194">
        <v>409</v>
      </c>
      <c r="M28" s="195">
        <v>409</v>
      </c>
      <c r="N28" s="190">
        <v>0</v>
      </c>
      <c r="O28" s="191">
        <v>0</v>
      </c>
      <c r="P28" s="196">
        <v>0</v>
      </c>
      <c r="Q28" s="193">
        <v>0</v>
      </c>
      <c r="R28" s="191">
        <v>0</v>
      </c>
      <c r="S28" s="191">
        <v>0</v>
      </c>
      <c r="T28" s="191">
        <v>1</v>
      </c>
      <c r="U28" s="191">
        <v>9</v>
      </c>
      <c r="V28" s="191">
        <v>0</v>
      </c>
      <c r="W28" s="196">
        <v>10</v>
      </c>
      <c r="X28" s="195">
        <v>10</v>
      </c>
      <c r="Y28" s="190">
        <v>7</v>
      </c>
      <c r="Z28" s="191">
        <v>0</v>
      </c>
      <c r="AA28" s="196">
        <v>7</v>
      </c>
      <c r="AB28" s="193">
        <v>0</v>
      </c>
      <c r="AC28" s="191">
        <v>15</v>
      </c>
      <c r="AD28" s="191">
        <v>56</v>
      </c>
      <c r="AE28" s="191">
        <v>11</v>
      </c>
      <c r="AF28" s="191">
        <v>23</v>
      </c>
      <c r="AG28" s="191">
        <v>34</v>
      </c>
      <c r="AH28" s="196">
        <v>139</v>
      </c>
      <c r="AI28" s="195">
        <v>146</v>
      </c>
      <c r="AJ28" s="190">
        <v>0</v>
      </c>
      <c r="AK28" s="191">
        <v>0</v>
      </c>
      <c r="AL28" s="196">
        <v>0</v>
      </c>
      <c r="AM28" s="193">
        <v>0</v>
      </c>
      <c r="AN28" s="191">
        <v>15</v>
      </c>
      <c r="AO28" s="191">
        <v>0</v>
      </c>
      <c r="AP28" s="191">
        <v>0</v>
      </c>
      <c r="AQ28" s="191">
        <v>0</v>
      </c>
      <c r="AR28" s="191">
        <v>21</v>
      </c>
      <c r="AS28" s="196">
        <v>36</v>
      </c>
      <c r="AT28" s="195">
        <v>36</v>
      </c>
      <c r="AU28" s="190">
        <v>0</v>
      </c>
      <c r="AV28" s="191">
        <v>0</v>
      </c>
      <c r="AW28" s="196">
        <v>0</v>
      </c>
      <c r="AX28" s="193">
        <v>0</v>
      </c>
      <c r="AY28" s="191">
        <v>32</v>
      </c>
      <c r="AZ28" s="191">
        <v>62</v>
      </c>
      <c r="BA28" s="191">
        <v>14</v>
      </c>
      <c r="BB28" s="191">
        <v>30</v>
      </c>
      <c r="BC28" s="191">
        <v>0</v>
      </c>
      <c r="BD28" s="194">
        <v>138</v>
      </c>
      <c r="BE28" s="195">
        <v>138</v>
      </c>
      <c r="BF28" s="190">
        <v>0</v>
      </c>
      <c r="BG28" s="191">
        <v>0</v>
      </c>
      <c r="BH28" s="196">
        <v>0</v>
      </c>
      <c r="BI28" s="193">
        <v>0</v>
      </c>
      <c r="BJ28" s="191">
        <v>18</v>
      </c>
      <c r="BK28" s="191">
        <v>14</v>
      </c>
      <c r="BL28" s="191">
        <v>0</v>
      </c>
      <c r="BM28" s="191">
        <v>9</v>
      </c>
      <c r="BN28" s="191">
        <v>0</v>
      </c>
      <c r="BO28" s="196">
        <v>41</v>
      </c>
      <c r="BP28" s="195">
        <v>41</v>
      </c>
      <c r="BQ28" s="190">
        <v>0</v>
      </c>
      <c r="BR28" s="191">
        <v>0</v>
      </c>
      <c r="BS28" s="196">
        <v>0</v>
      </c>
      <c r="BT28" s="193">
        <v>0</v>
      </c>
      <c r="BU28" s="191">
        <v>17</v>
      </c>
      <c r="BV28" s="191">
        <v>22</v>
      </c>
      <c r="BW28" s="191">
        <v>0</v>
      </c>
      <c r="BX28" s="191">
        <v>0</v>
      </c>
      <c r="BY28" s="191">
        <v>0</v>
      </c>
      <c r="BZ28" s="196">
        <v>39</v>
      </c>
      <c r="CA28" s="195">
        <v>39</v>
      </c>
      <c r="CB28" s="190">
        <v>0</v>
      </c>
      <c r="CC28" s="191">
        <v>0</v>
      </c>
      <c r="CD28" s="196">
        <v>0</v>
      </c>
      <c r="CE28" s="193">
        <v>0</v>
      </c>
      <c r="CF28" s="191">
        <v>0</v>
      </c>
      <c r="CG28" s="191">
        <v>0</v>
      </c>
      <c r="CH28" s="191">
        <v>0</v>
      </c>
      <c r="CI28" s="191">
        <v>7</v>
      </c>
      <c r="CJ28" s="191">
        <v>0</v>
      </c>
      <c r="CK28" s="196">
        <v>7</v>
      </c>
      <c r="CL28" s="195">
        <v>7</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51</v>
      </c>
      <c r="H29" s="191">
        <v>52</v>
      </c>
      <c r="I29" s="191">
        <v>99</v>
      </c>
      <c r="J29" s="191">
        <v>231</v>
      </c>
      <c r="K29" s="191">
        <v>141</v>
      </c>
      <c r="L29" s="194">
        <v>574</v>
      </c>
      <c r="M29" s="195">
        <v>574</v>
      </c>
      <c r="N29" s="190">
        <v>0</v>
      </c>
      <c r="O29" s="191">
        <v>0</v>
      </c>
      <c r="P29" s="196">
        <v>0</v>
      </c>
      <c r="Q29" s="193">
        <v>0</v>
      </c>
      <c r="R29" s="191">
        <v>0</v>
      </c>
      <c r="S29" s="191">
        <v>0</v>
      </c>
      <c r="T29" s="191">
        <v>0</v>
      </c>
      <c r="U29" s="191">
        <v>0</v>
      </c>
      <c r="V29" s="191">
        <v>0</v>
      </c>
      <c r="W29" s="196">
        <v>0</v>
      </c>
      <c r="X29" s="195">
        <v>0</v>
      </c>
      <c r="Y29" s="190">
        <v>8</v>
      </c>
      <c r="Z29" s="191">
        <v>34</v>
      </c>
      <c r="AA29" s="196">
        <v>42</v>
      </c>
      <c r="AB29" s="193">
        <v>0</v>
      </c>
      <c r="AC29" s="191">
        <v>39</v>
      </c>
      <c r="AD29" s="191">
        <v>33</v>
      </c>
      <c r="AE29" s="191">
        <v>14</v>
      </c>
      <c r="AF29" s="191">
        <v>57</v>
      </c>
      <c r="AG29" s="191">
        <v>24</v>
      </c>
      <c r="AH29" s="196">
        <v>167</v>
      </c>
      <c r="AI29" s="195">
        <v>209</v>
      </c>
      <c r="AJ29" s="190">
        <v>0</v>
      </c>
      <c r="AK29" s="191">
        <v>0</v>
      </c>
      <c r="AL29" s="196">
        <v>0</v>
      </c>
      <c r="AM29" s="193">
        <v>0</v>
      </c>
      <c r="AN29" s="191">
        <v>0</v>
      </c>
      <c r="AO29" s="191">
        <v>15</v>
      </c>
      <c r="AP29" s="191">
        <v>0</v>
      </c>
      <c r="AQ29" s="191">
        <v>0</v>
      </c>
      <c r="AR29" s="191">
        <v>0</v>
      </c>
      <c r="AS29" s="196">
        <v>15</v>
      </c>
      <c r="AT29" s="195">
        <v>15</v>
      </c>
      <c r="AU29" s="190">
        <v>0</v>
      </c>
      <c r="AV29" s="191">
        <v>0</v>
      </c>
      <c r="AW29" s="196">
        <v>0</v>
      </c>
      <c r="AX29" s="193">
        <v>0</v>
      </c>
      <c r="AY29" s="191">
        <v>92</v>
      </c>
      <c r="AZ29" s="191">
        <v>39</v>
      </c>
      <c r="BA29" s="191">
        <v>12</v>
      </c>
      <c r="BB29" s="191">
        <v>42</v>
      </c>
      <c r="BC29" s="191">
        <v>0</v>
      </c>
      <c r="BD29" s="194">
        <v>185</v>
      </c>
      <c r="BE29" s="195">
        <v>185</v>
      </c>
      <c r="BF29" s="190">
        <v>0</v>
      </c>
      <c r="BG29" s="191">
        <v>0</v>
      </c>
      <c r="BH29" s="196">
        <v>0</v>
      </c>
      <c r="BI29" s="193">
        <v>0</v>
      </c>
      <c r="BJ29" s="191">
        <v>27</v>
      </c>
      <c r="BK29" s="191">
        <v>23</v>
      </c>
      <c r="BL29" s="191">
        <v>17</v>
      </c>
      <c r="BM29" s="191">
        <v>0</v>
      </c>
      <c r="BN29" s="191">
        <v>0</v>
      </c>
      <c r="BO29" s="196">
        <v>67</v>
      </c>
      <c r="BP29" s="195">
        <v>67</v>
      </c>
      <c r="BQ29" s="190">
        <v>0</v>
      </c>
      <c r="BR29" s="191">
        <v>0</v>
      </c>
      <c r="BS29" s="196">
        <v>0</v>
      </c>
      <c r="BT29" s="193">
        <v>0</v>
      </c>
      <c r="BU29" s="191">
        <v>0</v>
      </c>
      <c r="BV29" s="191">
        <v>0</v>
      </c>
      <c r="BW29" s="191">
        <v>3</v>
      </c>
      <c r="BX29" s="191">
        <v>4</v>
      </c>
      <c r="BY29" s="191">
        <v>0</v>
      </c>
      <c r="BZ29" s="196">
        <v>7</v>
      </c>
      <c r="CA29" s="195">
        <v>7</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2</v>
      </c>
      <c r="J30" s="191">
        <v>0</v>
      </c>
      <c r="K30" s="191">
        <v>123</v>
      </c>
      <c r="L30" s="194">
        <v>145</v>
      </c>
      <c r="M30" s="195">
        <v>145</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9</v>
      </c>
      <c r="AD30" s="191">
        <v>0</v>
      </c>
      <c r="AE30" s="191">
        <v>9</v>
      </c>
      <c r="AF30" s="191">
        <v>8</v>
      </c>
      <c r="AG30" s="191">
        <v>0</v>
      </c>
      <c r="AH30" s="196">
        <v>36</v>
      </c>
      <c r="AI30" s="195">
        <v>3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31</v>
      </c>
      <c r="BA30" s="191">
        <v>13</v>
      </c>
      <c r="BB30" s="191">
        <v>0</v>
      </c>
      <c r="BC30" s="191">
        <v>0</v>
      </c>
      <c r="BD30" s="194">
        <v>44</v>
      </c>
      <c r="BE30" s="195">
        <v>44</v>
      </c>
      <c r="BF30" s="190">
        <v>0</v>
      </c>
      <c r="BG30" s="191">
        <v>0</v>
      </c>
      <c r="BH30" s="196">
        <v>0</v>
      </c>
      <c r="BI30" s="193">
        <v>0</v>
      </c>
      <c r="BJ30" s="191">
        <v>12</v>
      </c>
      <c r="BK30" s="191">
        <v>0</v>
      </c>
      <c r="BL30" s="191">
        <v>0</v>
      </c>
      <c r="BM30" s="191">
        <v>0</v>
      </c>
      <c r="BN30" s="191">
        <v>0</v>
      </c>
      <c r="BO30" s="196">
        <v>12</v>
      </c>
      <c r="BP30" s="195">
        <v>12</v>
      </c>
      <c r="BQ30" s="190">
        <v>0</v>
      </c>
      <c r="BR30" s="191">
        <v>0</v>
      </c>
      <c r="BS30" s="196">
        <v>0</v>
      </c>
      <c r="BT30" s="193">
        <v>0</v>
      </c>
      <c r="BU30" s="191">
        <v>0</v>
      </c>
      <c r="BV30" s="191">
        <v>5</v>
      </c>
      <c r="BW30" s="191">
        <v>0</v>
      </c>
      <c r="BX30" s="191">
        <v>0</v>
      </c>
      <c r="BY30" s="191">
        <v>0</v>
      </c>
      <c r="BZ30" s="196">
        <v>5</v>
      </c>
      <c r="CA30" s="195">
        <v>5</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37</v>
      </c>
      <c r="I31" s="191">
        <v>0</v>
      </c>
      <c r="J31" s="191">
        <v>124</v>
      </c>
      <c r="K31" s="191">
        <v>17</v>
      </c>
      <c r="L31" s="194">
        <v>178</v>
      </c>
      <c r="M31" s="195">
        <v>178</v>
      </c>
      <c r="N31" s="190">
        <v>0</v>
      </c>
      <c r="O31" s="191">
        <v>0</v>
      </c>
      <c r="P31" s="196">
        <v>0</v>
      </c>
      <c r="Q31" s="193">
        <v>0</v>
      </c>
      <c r="R31" s="191">
        <v>0</v>
      </c>
      <c r="S31" s="191">
        <v>0</v>
      </c>
      <c r="T31" s="191">
        <v>0</v>
      </c>
      <c r="U31" s="191">
        <v>0</v>
      </c>
      <c r="V31" s="191">
        <v>7</v>
      </c>
      <c r="W31" s="196">
        <v>7</v>
      </c>
      <c r="X31" s="195">
        <v>7</v>
      </c>
      <c r="Y31" s="190">
        <v>0</v>
      </c>
      <c r="Z31" s="191">
        <v>0</v>
      </c>
      <c r="AA31" s="196">
        <v>0</v>
      </c>
      <c r="AB31" s="193">
        <v>0</v>
      </c>
      <c r="AC31" s="191">
        <v>0</v>
      </c>
      <c r="AD31" s="191">
        <v>5</v>
      </c>
      <c r="AE31" s="191">
        <v>25</v>
      </c>
      <c r="AF31" s="191">
        <v>3</v>
      </c>
      <c r="AG31" s="191">
        <v>0</v>
      </c>
      <c r="AH31" s="196">
        <v>33</v>
      </c>
      <c r="AI31" s="195">
        <v>33</v>
      </c>
      <c r="AJ31" s="190">
        <v>0</v>
      </c>
      <c r="AK31" s="191">
        <v>0</v>
      </c>
      <c r="AL31" s="196">
        <v>0</v>
      </c>
      <c r="AM31" s="193">
        <v>0</v>
      </c>
      <c r="AN31" s="191">
        <v>0</v>
      </c>
      <c r="AO31" s="191">
        <v>12</v>
      </c>
      <c r="AP31" s="191">
        <v>0</v>
      </c>
      <c r="AQ31" s="191">
        <v>0</v>
      </c>
      <c r="AR31" s="191">
        <v>0</v>
      </c>
      <c r="AS31" s="196">
        <v>12</v>
      </c>
      <c r="AT31" s="195">
        <v>12</v>
      </c>
      <c r="AU31" s="190">
        <v>0</v>
      </c>
      <c r="AV31" s="191">
        <v>0</v>
      </c>
      <c r="AW31" s="196">
        <v>0</v>
      </c>
      <c r="AX31" s="193">
        <v>0</v>
      </c>
      <c r="AY31" s="191">
        <v>0</v>
      </c>
      <c r="AZ31" s="191">
        <v>36</v>
      </c>
      <c r="BA31" s="191">
        <v>21</v>
      </c>
      <c r="BB31" s="191">
        <v>0</v>
      </c>
      <c r="BC31" s="191">
        <v>0</v>
      </c>
      <c r="BD31" s="194">
        <v>57</v>
      </c>
      <c r="BE31" s="195">
        <v>57</v>
      </c>
      <c r="BF31" s="190">
        <v>0</v>
      </c>
      <c r="BG31" s="191">
        <v>0</v>
      </c>
      <c r="BH31" s="196">
        <v>0</v>
      </c>
      <c r="BI31" s="193">
        <v>0</v>
      </c>
      <c r="BJ31" s="191">
        <v>0</v>
      </c>
      <c r="BK31" s="191">
        <v>0</v>
      </c>
      <c r="BL31" s="191">
        <v>11</v>
      </c>
      <c r="BM31" s="191">
        <v>0</v>
      </c>
      <c r="BN31" s="191">
        <v>0</v>
      </c>
      <c r="BO31" s="196">
        <v>11</v>
      </c>
      <c r="BP31" s="195">
        <v>11</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9</v>
      </c>
      <c r="H32" s="191">
        <v>0</v>
      </c>
      <c r="I32" s="191">
        <v>22</v>
      </c>
      <c r="J32" s="191">
        <v>15</v>
      </c>
      <c r="K32" s="191">
        <v>0</v>
      </c>
      <c r="L32" s="194">
        <v>46</v>
      </c>
      <c r="M32" s="195">
        <v>46</v>
      </c>
      <c r="N32" s="190">
        <v>0</v>
      </c>
      <c r="O32" s="191">
        <v>0</v>
      </c>
      <c r="P32" s="196">
        <v>0</v>
      </c>
      <c r="Q32" s="193">
        <v>0</v>
      </c>
      <c r="R32" s="191">
        <v>0</v>
      </c>
      <c r="S32" s="191">
        <v>0</v>
      </c>
      <c r="T32" s="191">
        <v>5</v>
      </c>
      <c r="U32" s="191">
        <v>0</v>
      </c>
      <c r="V32" s="191">
        <v>0</v>
      </c>
      <c r="W32" s="196">
        <v>5</v>
      </c>
      <c r="X32" s="195">
        <v>5</v>
      </c>
      <c r="Y32" s="190">
        <v>0</v>
      </c>
      <c r="Z32" s="191">
        <v>9</v>
      </c>
      <c r="AA32" s="196">
        <v>9</v>
      </c>
      <c r="AB32" s="193">
        <v>0</v>
      </c>
      <c r="AC32" s="191">
        <v>5</v>
      </c>
      <c r="AD32" s="191">
        <v>0</v>
      </c>
      <c r="AE32" s="191">
        <v>2</v>
      </c>
      <c r="AF32" s="191">
        <v>4</v>
      </c>
      <c r="AG32" s="191">
        <v>0</v>
      </c>
      <c r="AH32" s="196">
        <v>11</v>
      </c>
      <c r="AI32" s="195">
        <v>20</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18</v>
      </c>
      <c r="BC32" s="191">
        <v>0</v>
      </c>
      <c r="BD32" s="194">
        <v>18</v>
      </c>
      <c r="BE32" s="195">
        <v>18</v>
      </c>
      <c r="BF32" s="190">
        <v>0</v>
      </c>
      <c r="BG32" s="191">
        <v>0</v>
      </c>
      <c r="BH32" s="196">
        <v>0</v>
      </c>
      <c r="BI32" s="193">
        <v>0</v>
      </c>
      <c r="BJ32" s="191">
        <v>0</v>
      </c>
      <c r="BK32" s="191">
        <v>0</v>
      </c>
      <c r="BL32" s="191">
        <v>0</v>
      </c>
      <c r="BM32" s="191">
        <v>0</v>
      </c>
      <c r="BN32" s="191">
        <v>0</v>
      </c>
      <c r="BO32" s="196">
        <v>0</v>
      </c>
      <c r="BP32" s="195">
        <v>0</v>
      </c>
      <c r="BQ32" s="190">
        <v>0</v>
      </c>
      <c r="BR32" s="191">
        <v>0</v>
      </c>
      <c r="BS32" s="196">
        <v>0</v>
      </c>
      <c r="BT32" s="193">
        <v>0</v>
      </c>
      <c r="BU32" s="191">
        <v>3</v>
      </c>
      <c r="BV32" s="191">
        <v>13</v>
      </c>
      <c r="BW32" s="191">
        <v>0</v>
      </c>
      <c r="BX32" s="191">
        <v>4</v>
      </c>
      <c r="BY32" s="191">
        <v>0</v>
      </c>
      <c r="BZ32" s="196">
        <v>20</v>
      </c>
      <c r="CA32" s="195">
        <v>2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0</v>
      </c>
      <c r="I33" s="191">
        <v>75</v>
      </c>
      <c r="J33" s="191">
        <v>0</v>
      </c>
      <c r="K33" s="191">
        <v>0</v>
      </c>
      <c r="L33" s="194">
        <v>75</v>
      </c>
      <c r="M33" s="195">
        <v>75</v>
      </c>
      <c r="N33" s="190">
        <v>0</v>
      </c>
      <c r="O33" s="191">
        <v>0</v>
      </c>
      <c r="P33" s="196">
        <v>0</v>
      </c>
      <c r="Q33" s="193">
        <v>0</v>
      </c>
      <c r="R33" s="191">
        <v>0</v>
      </c>
      <c r="S33" s="191">
        <v>5</v>
      </c>
      <c r="T33" s="191">
        <v>9</v>
      </c>
      <c r="U33" s="191">
        <v>0</v>
      </c>
      <c r="V33" s="191">
        <v>0</v>
      </c>
      <c r="W33" s="196">
        <v>14</v>
      </c>
      <c r="X33" s="195">
        <v>14</v>
      </c>
      <c r="Y33" s="190">
        <v>0</v>
      </c>
      <c r="Z33" s="191">
        <v>5</v>
      </c>
      <c r="AA33" s="196">
        <v>5</v>
      </c>
      <c r="AB33" s="193">
        <v>0</v>
      </c>
      <c r="AC33" s="191">
        <v>0</v>
      </c>
      <c r="AD33" s="191">
        <v>0</v>
      </c>
      <c r="AE33" s="191">
        <v>25</v>
      </c>
      <c r="AF33" s="191">
        <v>11</v>
      </c>
      <c r="AG33" s="191">
        <v>0</v>
      </c>
      <c r="AH33" s="196">
        <v>36</v>
      </c>
      <c r="AI33" s="195">
        <v>41</v>
      </c>
      <c r="AJ33" s="190">
        <v>0</v>
      </c>
      <c r="AK33" s="191">
        <v>0</v>
      </c>
      <c r="AL33" s="196">
        <v>0</v>
      </c>
      <c r="AM33" s="193">
        <v>0</v>
      </c>
      <c r="AN33" s="191">
        <v>0</v>
      </c>
      <c r="AO33" s="191">
        <v>0</v>
      </c>
      <c r="AP33" s="191">
        <v>15</v>
      </c>
      <c r="AQ33" s="191">
        <v>0</v>
      </c>
      <c r="AR33" s="191">
        <v>0</v>
      </c>
      <c r="AS33" s="196">
        <v>15</v>
      </c>
      <c r="AT33" s="195">
        <v>15</v>
      </c>
      <c r="AU33" s="190">
        <v>0</v>
      </c>
      <c r="AV33" s="191">
        <v>0</v>
      </c>
      <c r="AW33" s="196">
        <v>0</v>
      </c>
      <c r="AX33" s="193">
        <v>0</v>
      </c>
      <c r="AY33" s="191">
        <v>21</v>
      </c>
      <c r="AZ33" s="191">
        <v>0</v>
      </c>
      <c r="BA33" s="191">
        <v>0</v>
      </c>
      <c r="BB33" s="191">
        <v>6</v>
      </c>
      <c r="BC33" s="191">
        <v>0</v>
      </c>
      <c r="BD33" s="194">
        <v>27</v>
      </c>
      <c r="BE33" s="195">
        <v>27</v>
      </c>
      <c r="BF33" s="190">
        <v>0</v>
      </c>
      <c r="BG33" s="191">
        <v>0</v>
      </c>
      <c r="BH33" s="196">
        <v>0</v>
      </c>
      <c r="BI33" s="193">
        <v>0</v>
      </c>
      <c r="BJ33" s="191">
        <v>7</v>
      </c>
      <c r="BK33" s="191">
        <v>20</v>
      </c>
      <c r="BL33" s="191">
        <v>12</v>
      </c>
      <c r="BM33" s="191">
        <v>0</v>
      </c>
      <c r="BN33" s="191">
        <v>0</v>
      </c>
      <c r="BO33" s="196">
        <v>39</v>
      </c>
      <c r="BP33" s="195">
        <v>39</v>
      </c>
      <c r="BQ33" s="190">
        <v>0</v>
      </c>
      <c r="BR33" s="191">
        <v>0</v>
      </c>
      <c r="BS33" s="196">
        <v>0</v>
      </c>
      <c r="BT33" s="193">
        <v>0</v>
      </c>
      <c r="BU33" s="191">
        <v>0</v>
      </c>
      <c r="BV33" s="191">
        <v>0</v>
      </c>
      <c r="BW33" s="191">
        <v>0</v>
      </c>
      <c r="BX33" s="191">
        <v>3</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8</v>
      </c>
      <c r="H34" s="191">
        <v>112</v>
      </c>
      <c r="I34" s="191">
        <v>0</v>
      </c>
      <c r="J34" s="191">
        <v>71</v>
      </c>
      <c r="K34" s="191">
        <v>89</v>
      </c>
      <c r="L34" s="194">
        <v>320</v>
      </c>
      <c r="M34" s="195">
        <v>320</v>
      </c>
      <c r="N34" s="190">
        <v>0</v>
      </c>
      <c r="O34" s="191">
        <v>0</v>
      </c>
      <c r="P34" s="196">
        <v>0</v>
      </c>
      <c r="Q34" s="193">
        <v>0</v>
      </c>
      <c r="R34" s="191">
        <v>0</v>
      </c>
      <c r="S34" s="191">
        <v>0</v>
      </c>
      <c r="T34" s="191">
        <v>0</v>
      </c>
      <c r="U34" s="191">
        <v>0</v>
      </c>
      <c r="V34" s="191">
        <v>4</v>
      </c>
      <c r="W34" s="196">
        <v>4</v>
      </c>
      <c r="X34" s="195">
        <v>4</v>
      </c>
      <c r="Y34" s="190">
        <v>0</v>
      </c>
      <c r="Z34" s="191">
        <v>0</v>
      </c>
      <c r="AA34" s="196">
        <v>0</v>
      </c>
      <c r="AB34" s="193">
        <v>0</v>
      </c>
      <c r="AC34" s="191">
        <v>31</v>
      </c>
      <c r="AD34" s="191">
        <v>38</v>
      </c>
      <c r="AE34" s="191">
        <v>0</v>
      </c>
      <c r="AF34" s="191">
        <v>0</v>
      </c>
      <c r="AG34" s="191">
        <v>0</v>
      </c>
      <c r="AH34" s="196">
        <v>69</v>
      </c>
      <c r="AI34" s="195">
        <v>69</v>
      </c>
      <c r="AJ34" s="190">
        <v>0</v>
      </c>
      <c r="AK34" s="191">
        <v>0</v>
      </c>
      <c r="AL34" s="196">
        <v>0</v>
      </c>
      <c r="AM34" s="193">
        <v>0</v>
      </c>
      <c r="AN34" s="191">
        <v>0</v>
      </c>
      <c r="AO34" s="191">
        <v>9</v>
      </c>
      <c r="AP34" s="191">
        <v>0</v>
      </c>
      <c r="AQ34" s="191">
        <v>0</v>
      </c>
      <c r="AR34" s="191">
        <v>0</v>
      </c>
      <c r="AS34" s="196">
        <v>9</v>
      </c>
      <c r="AT34" s="195">
        <v>9</v>
      </c>
      <c r="AU34" s="190">
        <v>0</v>
      </c>
      <c r="AV34" s="191">
        <v>0</v>
      </c>
      <c r="AW34" s="196">
        <v>0</v>
      </c>
      <c r="AX34" s="193">
        <v>0</v>
      </c>
      <c r="AY34" s="191">
        <v>22</v>
      </c>
      <c r="AZ34" s="191">
        <v>40</v>
      </c>
      <c r="BA34" s="191">
        <v>27</v>
      </c>
      <c r="BB34" s="191">
        <v>0</v>
      </c>
      <c r="BC34" s="191">
        <v>0</v>
      </c>
      <c r="BD34" s="194">
        <v>89</v>
      </c>
      <c r="BE34" s="195">
        <v>89</v>
      </c>
      <c r="BF34" s="190">
        <v>0</v>
      </c>
      <c r="BG34" s="191">
        <v>0</v>
      </c>
      <c r="BH34" s="196">
        <v>0</v>
      </c>
      <c r="BI34" s="193">
        <v>0</v>
      </c>
      <c r="BJ34" s="191">
        <v>0</v>
      </c>
      <c r="BK34" s="191">
        <v>13</v>
      </c>
      <c r="BL34" s="191">
        <v>0</v>
      </c>
      <c r="BM34" s="191">
        <v>0</v>
      </c>
      <c r="BN34" s="191">
        <v>0</v>
      </c>
      <c r="BO34" s="196">
        <v>13</v>
      </c>
      <c r="BP34" s="195">
        <v>13</v>
      </c>
      <c r="BQ34" s="190">
        <v>0</v>
      </c>
      <c r="BR34" s="191">
        <v>0</v>
      </c>
      <c r="BS34" s="196">
        <v>0</v>
      </c>
      <c r="BT34" s="193">
        <v>0</v>
      </c>
      <c r="BU34" s="191">
        <v>0</v>
      </c>
      <c r="BV34" s="191">
        <v>7</v>
      </c>
      <c r="BW34" s="191">
        <v>0</v>
      </c>
      <c r="BX34" s="191">
        <v>0</v>
      </c>
      <c r="BY34" s="191">
        <v>0</v>
      </c>
      <c r="BZ34" s="196">
        <v>7</v>
      </c>
      <c r="CA34" s="195">
        <v>7</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13</v>
      </c>
      <c r="H35" s="191">
        <v>0</v>
      </c>
      <c r="I35" s="191">
        <v>12</v>
      </c>
      <c r="J35" s="191">
        <v>0</v>
      </c>
      <c r="K35" s="191">
        <v>4</v>
      </c>
      <c r="L35" s="194">
        <v>29</v>
      </c>
      <c r="M35" s="195">
        <v>29</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6</v>
      </c>
      <c r="AD35" s="191">
        <v>1</v>
      </c>
      <c r="AE35" s="191">
        <v>5</v>
      </c>
      <c r="AF35" s="191">
        <v>0</v>
      </c>
      <c r="AG35" s="191">
        <v>0</v>
      </c>
      <c r="AH35" s="196">
        <v>32</v>
      </c>
      <c r="AI35" s="195">
        <v>32</v>
      </c>
      <c r="AJ35" s="190">
        <v>24</v>
      </c>
      <c r="AK35" s="191">
        <v>12</v>
      </c>
      <c r="AL35" s="196">
        <v>36</v>
      </c>
      <c r="AM35" s="193">
        <v>0</v>
      </c>
      <c r="AN35" s="191">
        <v>21</v>
      </c>
      <c r="AO35" s="191">
        <v>3</v>
      </c>
      <c r="AP35" s="191">
        <v>33</v>
      </c>
      <c r="AQ35" s="191">
        <v>0</v>
      </c>
      <c r="AR35" s="191">
        <v>0</v>
      </c>
      <c r="AS35" s="196">
        <v>57</v>
      </c>
      <c r="AT35" s="195">
        <v>93</v>
      </c>
      <c r="AU35" s="190">
        <v>0</v>
      </c>
      <c r="AV35" s="191">
        <v>0</v>
      </c>
      <c r="AW35" s="196">
        <v>0</v>
      </c>
      <c r="AX35" s="193">
        <v>0</v>
      </c>
      <c r="AY35" s="191">
        <v>0</v>
      </c>
      <c r="AZ35" s="191">
        <v>0</v>
      </c>
      <c r="BA35" s="191">
        <v>0</v>
      </c>
      <c r="BB35" s="191">
        <v>0</v>
      </c>
      <c r="BC35" s="191">
        <v>0</v>
      </c>
      <c r="BD35" s="194">
        <v>0</v>
      </c>
      <c r="BE35" s="195">
        <v>0</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6</v>
      </c>
      <c r="BV35" s="191">
        <v>0</v>
      </c>
      <c r="BW35" s="191">
        <v>0</v>
      </c>
      <c r="BX35" s="191">
        <v>0</v>
      </c>
      <c r="BY35" s="191">
        <v>30</v>
      </c>
      <c r="BZ35" s="196">
        <v>36</v>
      </c>
      <c r="CA35" s="195">
        <v>36</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2</v>
      </c>
      <c r="H36" s="191">
        <v>0</v>
      </c>
      <c r="I36" s="191">
        <v>0</v>
      </c>
      <c r="J36" s="191">
        <v>0</v>
      </c>
      <c r="K36" s="191">
        <v>0</v>
      </c>
      <c r="L36" s="194">
        <v>2</v>
      </c>
      <c r="M36" s="195">
        <v>2</v>
      </c>
      <c r="N36" s="190">
        <v>0</v>
      </c>
      <c r="O36" s="191">
        <v>0</v>
      </c>
      <c r="P36" s="196">
        <v>0</v>
      </c>
      <c r="Q36" s="193">
        <v>0</v>
      </c>
      <c r="R36" s="191">
        <v>0</v>
      </c>
      <c r="S36" s="191">
        <v>0</v>
      </c>
      <c r="T36" s="191">
        <v>0</v>
      </c>
      <c r="U36" s="191">
        <v>0</v>
      </c>
      <c r="V36" s="191">
        <v>5</v>
      </c>
      <c r="W36" s="196">
        <v>5</v>
      </c>
      <c r="X36" s="195">
        <v>5</v>
      </c>
      <c r="Y36" s="190">
        <v>0</v>
      </c>
      <c r="Z36" s="191">
        <v>0</v>
      </c>
      <c r="AA36" s="196">
        <v>0</v>
      </c>
      <c r="AB36" s="193">
        <v>0</v>
      </c>
      <c r="AC36" s="191">
        <v>4</v>
      </c>
      <c r="AD36" s="191">
        <v>24</v>
      </c>
      <c r="AE36" s="191">
        <v>0</v>
      </c>
      <c r="AF36" s="191">
        <v>1</v>
      </c>
      <c r="AG36" s="191">
        <v>26</v>
      </c>
      <c r="AH36" s="196">
        <v>55</v>
      </c>
      <c r="AI36" s="195">
        <v>55</v>
      </c>
      <c r="AJ36" s="190">
        <v>0</v>
      </c>
      <c r="AK36" s="191">
        <v>0</v>
      </c>
      <c r="AL36" s="196">
        <v>0</v>
      </c>
      <c r="AM36" s="193">
        <v>0</v>
      </c>
      <c r="AN36" s="191">
        <v>0</v>
      </c>
      <c r="AO36" s="191">
        <v>0</v>
      </c>
      <c r="AP36" s="191">
        <v>0</v>
      </c>
      <c r="AQ36" s="191">
        <v>0</v>
      </c>
      <c r="AR36" s="191">
        <v>18</v>
      </c>
      <c r="AS36" s="196">
        <v>18</v>
      </c>
      <c r="AT36" s="195">
        <v>18</v>
      </c>
      <c r="AU36" s="190">
        <v>0</v>
      </c>
      <c r="AV36" s="191">
        <v>0</v>
      </c>
      <c r="AW36" s="196">
        <v>0</v>
      </c>
      <c r="AX36" s="193">
        <v>0</v>
      </c>
      <c r="AY36" s="191">
        <v>7</v>
      </c>
      <c r="AZ36" s="191">
        <v>9</v>
      </c>
      <c r="BA36" s="191">
        <v>4</v>
      </c>
      <c r="BB36" s="191">
        <v>0</v>
      </c>
      <c r="BC36" s="191">
        <v>0</v>
      </c>
      <c r="BD36" s="194">
        <v>20</v>
      </c>
      <c r="BE36" s="195">
        <v>20</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42</v>
      </c>
      <c r="H37" s="191">
        <v>9</v>
      </c>
      <c r="I37" s="191">
        <v>18</v>
      </c>
      <c r="J37" s="191">
        <v>27</v>
      </c>
      <c r="K37" s="191">
        <v>0</v>
      </c>
      <c r="L37" s="194">
        <v>96</v>
      </c>
      <c r="M37" s="195">
        <v>96</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5</v>
      </c>
      <c r="AD37" s="191">
        <v>0</v>
      </c>
      <c r="AE37" s="191">
        <v>23</v>
      </c>
      <c r="AF37" s="191">
        <v>6</v>
      </c>
      <c r="AG37" s="191">
        <v>0</v>
      </c>
      <c r="AH37" s="196">
        <v>34</v>
      </c>
      <c r="AI37" s="195">
        <v>34</v>
      </c>
      <c r="AJ37" s="190">
        <v>10</v>
      </c>
      <c r="AK37" s="191">
        <v>11</v>
      </c>
      <c r="AL37" s="196">
        <v>21</v>
      </c>
      <c r="AM37" s="193">
        <v>0</v>
      </c>
      <c r="AN37" s="191">
        <v>21</v>
      </c>
      <c r="AO37" s="191">
        <v>0</v>
      </c>
      <c r="AP37" s="191">
        <v>21</v>
      </c>
      <c r="AQ37" s="191">
        <v>0</v>
      </c>
      <c r="AR37" s="191">
        <v>0</v>
      </c>
      <c r="AS37" s="196">
        <v>42</v>
      </c>
      <c r="AT37" s="195">
        <v>63</v>
      </c>
      <c r="AU37" s="190">
        <v>0</v>
      </c>
      <c r="AV37" s="191">
        <v>0</v>
      </c>
      <c r="AW37" s="196">
        <v>0</v>
      </c>
      <c r="AX37" s="193">
        <v>0</v>
      </c>
      <c r="AY37" s="191">
        <v>29</v>
      </c>
      <c r="AZ37" s="191">
        <v>28</v>
      </c>
      <c r="BA37" s="191">
        <v>29</v>
      </c>
      <c r="BB37" s="191">
        <v>0</v>
      </c>
      <c r="BC37" s="191">
        <v>0</v>
      </c>
      <c r="BD37" s="194">
        <v>86</v>
      </c>
      <c r="BE37" s="195">
        <v>86</v>
      </c>
      <c r="BF37" s="190">
        <v>0</v>
      </c>
      <c r="BG37" s="191">
        <v>0</v>
      </c>
      <c r="BH37" s="196">
        <v>0</v>
      </c>
      <c r="BI37" s="193">
        <v>0</v>
      </c>
      <c r="BJ37" s="191">
        <v>28</v>
      </c>
      <c r="BK37" s="191">
        <v>0</v>
      </c>
      <c r="BL37" s="191">
        <v>14</v>
      </c>
      <c r="BM37" s="191">
        <v>12</v>
      </c>
      <c r="BN37" s="191">
        <v>0</v>
      </c>
      <c r="BO37" s="196">
        <v>54</v>
      </c>
      <c r="BP37" s="195">
        <v>54</v>
      </c>
      <c r="BQ37" s="190">
        <v>0</v>
      </c>
      <c r="BR37" s="191">
        <v>0</v>
      </c>
      <c r="BS37" s="196">
        <v>0</v>
      </c>
      <c r="BT37" s="193">
        <v>0</v>
      </c>
      <c r="BU37" s="191">
        <v>0</v>
      </c>
      <c r="BV37" s="191">
        <v>0</v>
      </c>
      <c r="BW37" s="191">
        <v>7</v>
      </c>
      <c r="BX37" s="191">
        <v>10</v>
      </c>
      <c r="BY37" s="191">
        <v>0</v>
      </c>
      <c r="BZ37" s="196">
        <v>17</v>
      </c>
      <c r="CA37" s="195">
        <v>17</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14</v>
      </c>
      <c r="H38" s="191">
        <v>0</v>
      </c>
      <c r="I38" s="191">
        <v>9</v>
      </c>
      <c r="J38" s="191">
        <v>0</v>
      </c>
      <c r="K38" s="191">
        <v>124</v>
      </c>
      <c r="L38" s="194">
        <v>147</v>
      </c>
      <c r="M38" s="195">
        <v>147</v>
      </c>
      <c r="N38" s="190">
        <v>0</v>
      </c>
      <c r="O38" s="191">
        <v>0</v>
      </c>
      <c r="P38" s="196">
        <v>0</v>
      </c>
      <c r="Q38" s="193">
        <v>0</v>
      </c>
      <c r="R38" s="191">
        <v>0</v>
      </c>
      <c r="S38" s="191">
        <v>0</v>
      </c>
      <c r="T38" s="191">
        <v>4</v>
      </c>
      <c r="U38" s="191">
        <v>4</v>
      </c>
      <c r="V38" s="191">
        <v>8</v>
      </c>
      <c r="W38" s="196">
        <v>16</v>
      </c>
      <c r="X38" s="195">
        <v>16</v>
      </c>
      <c r="Y38" s="190">
        <v>0</v>
      </c>
      <c r="Z38" s="191">
        <v>0</v>
      </c>
      <c r="AA38" s="196">
        <v>0</v>
      </c>
      <c r="AB38" s="193">
        <v>0</v>
      </c>
      <c r="AC38" s="191">
        <v>0</v>
      </c>
      <c r="AD38" s="191">
        <v>0</v>
      </c>
      <c r="AE38" s="191">
        <v>23</v>
      </c>
      <c r="AF38" s="191">
        <v>11</v>
      </c>
      <c r="AG38" s="191">
        <v>0</v>
      </c>
      <c r="AH38" s="196">
        <v>34</v>
      </c>
      <c r="AI38" s="195">
        <v>34</v>
      </c>
      <c r="AJ38" s="190">
        <v>0</v>
      </c>
      <c r="AK38" s="191">
        <v>10</v>
      </c>
      <c r="AL38" s="196">
        <v>10</v>
      </c>
      <c r="AM38" s="193">
        <v>0</v>
      </c>
      <c r="AN38" s="191">
        <v>6</v>
      </c>
      <c r="AO38" s="191">
        <v>8</v>
      </c>
      <c r="AP38" s="191">
        <v>8</v>
      </c>
      <c r="AQ38" s="191">
        <v>10</v>
      </c>
      <c r="AR38" s="191">
        <v>0</v>
      </c>
      <c r="AS38" s="196">
        <v>32</v>
      </c>
      <c r="AT38" s="195">
        <v>42</v>
      </c>
      <c r="AU38" s="190">
        <v>0</v>
      </c>
      <c r="AV38" s="191">
        <v>0</v>
      </c>
      <c r="AW38" s="196">
        <v>0</v>
      </c>
      <c r="AX38" s="193">
        <v>0</v>
      </c>
      <c r="AY38" s="191">
        <v>14</v>
      </c>
      <c r="AZ38" s="191">
        <v>16</v>
      </c>
      <c r="BA38" s="191">
        <v>0</v>
      </c>
      <c r="BB38" s="191">
        <v>0</v>
      </c>
      <c r="BC38" s="191">
        <v>0</v>
      </c>
      <c r="BD38" s="194">
        <v>30</v>
      </c>
      <c r="BE38" s="195">
        <v>30</v>
      </c>
      <c r="BF38" s="190">
        <v>0</v>
      </c>
      <c r="BG38" s="191">
        <v>0</v>
      </c>
      <c r="BH38" s="196">
        <v>0</v>
      </c>
      <c r="BI38" s="193">
        <v>0</v>
      </c>
      <c r="BJ38" s="191">
        <v>7</v>
      </c>
      <c r="BK38" s="191">
        <v>0</v>
      </c>
      <c r="BL38" s="191">
        <v>3</v>
      </c>
      <c r="BM38" s="191">
        <v>11</v>
      </c>
      <c r="BN38" s="191">
        <v>0</v>
      </c>
      <c r="BO38" s="196">
        <v>21</v>
      </c>
      <c r="BP38" s="195">
        <v>21</v>
      </c>
      <c r="BQ38" s="190">
        <v>0</v>
      </c>
      <c r="BR38" s="191">
        <v>0</v>
      </c>
      <c r="BS38" s="196">
        <v>0</v>
      </c>
      <c r="BT38" s="193">
        <v>0</v>
      </c>
      <c r="BU38" s="191">
        <v>0</v>
      </c>
      <c r="BV38" s="191">
        <v>6</v>
      </c>
      <c r="BW38" s="191">
        <v>0</v>
      </c>
      <c r="BX38" s="191">
        <v>30</v>
      </c>
      <c r="BY38" s="191">
        <v>0</v>
      </c>
      <c r="BZ38" s="196">
        <v>36</v>
      </c>
      <c r="CA38" s="195">
        <v>36</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11</v>
      </c>
      <c r="BA39" s="198">
        <v>0</v>
      </c>
      <c r="BB39" s="198">
        <v>0</v>
      </c>
      <c r="BC39" s="198">
        <v>0</v>
      </c>
      <c r="BD39" s="201">
        <v>11</v>
      </c>
      <c r="BE39" s="202">
        <v>11</v>
      </c>
      <c r="BF39" s="197">
        <v>0</v>
      </c>
      <c r="BG39" s="198">
        <v>0</v>
      </c>
      <c r="BH39" s="203">
        <v>0</v>
      </c>
      <c r="BI39" s="200">
        <v>0</v>
      </c>
      <c r="BJ39" s="198">
        <v>5</v>
      </c>
      <c r="BK39" s="198">
        <v>0</v>
      </c>
      <c r="BL39" s="198">
        <v>9</v>
      </c>
      <c r="BM39" s="198">
        <v>0</v>
      </c>
      <c r="BN39" s="198">
        <v>0</v>
      </c>
      <c r="BO39" s="203">
        <v>14</v>
      </c>
      <c r="BP39" s="202">
        <v>14</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7</v>
      </c>
      <c r="M1" s="445">
        <f>IF(L1&lt;3,L1+12-2,L1-2)</f>
        <v>5</v>
      </c>
      <c r="N1" s="445"/>
    </row>
    <row r="2" spans="2:112" ht="24" customHeight="1" thickBot="1" x14ac:dyDescent="0.25">
      <c r="B2" s="142" t="s">
        <v>151</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82" t="s">
        <v>44</v>
      </c>
      <c r="E5" s="205"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9">
        <v>0</v>
      </c>
      <c r="E6" s="206">
        <v>0</v>
      </c>
      <c r="F6" s="186">
        <v>0</v>
      </c>
      <c r="G6" s="184">
        <v>13482</v>
      </c>
      <c r="H6" s="184">
        <v>21167</v>
      </c>
      <c r="I6" s="184">
        <v>21106</v>
      </c>
      <c r="J6" s="184">
        <v>24569</v>
      </c>
      <c r="K6" s="184">
        <v>24129</v>
      </c>
      <c r="L6" s="187">
        <v>104453</v>
      </c>
      <c r="M6" s="188">
        <v>104453</v>
      </c>
      <c r="N6" s="183">
        <v>0</v>
      </c>
      <c r="O6" s="184">
        <v>9</v>
      </c>
      <c r="P6" s="189">
        <v>9</v>
      </c>
      <c r="Q6" s="186">
        <v>0</v>
      </c>
      <c r="R6" s="184">
        <v>38</v>
      </c>
      <c r="S6" s="184">
        <v>119</v>
      </c>
      <c r="T6" s="184">
        <v>261</v>
      </c>
      <c r="U6" s="184">
        <v>749</v>
      </c>
      <c r="V6" s="184">
        <v>1185</v>
      </c>
      <c r="W6" s="189">
        <v>2352</v>
      </c>
      <c r="X6" s="188">
        <v>2361</v>
      </c>
      <c r="Y6" s="183">
        <v>1513</v>
      </c>
      <c r="Z6" s="184">
        <v>4253</v>
      </c>
      <c r="AA6" s="189">
        <v>5766</v>
      </c>
      <c r="AB6" s="186">
        <v>0</v>
      </c>
      <c r="AC6" s="184">
        <v>10326</v>
      </c>
      <c r="AD6" s="184">
        <v>15486</v>
      </c>
      <c r="AE6" s="184">
        <v>9666</v>
      </c>
      <c r="AF6" s="184">
        <v>7502</v>
      </c>
      <c r="AG6" s="184">
        <v>5382</v>
      </c>
      <c r="AH6" s="189">
        <v>48362</v>
      </c>
      <c r="AI6" s="188">
        <v>54128</v>
      </c>
      <c r="AJ6" s="183">
        <v>224</v>
      </c>
      <c r="AK6" s="184">
        <v>812</v>
      </c>
      <c r="AL6" s="189">
        <v>1036</v>
      </c>
      <c r="AM6" s="186">
        <v>0</v>
      </c>
      <c r="AN6" s="184">
        <v>1246</v>
      </c>
      <c r="AO6" s="184">
        <v>2231</v>
      </c>
      <c r="AP6" s="184">
        <v>1007</v>
      </c>
      <c r="AQ6" s="184">
        <v>1094</v>
      </c>
      <c r="AR6" s="184">
        <v>711</v>
      </c>
      <c r="AS6" s="189">
        <v>6289</v>
      </c>
      <c r="AT6" s="188">
        <v>7325</v>
      </c>
      <c r="AU6" s="183">
        <v>2</v>
      </c>
      <c r="AV6" s="184">
        <v>0</v>
      </c>
      <c r="AW6" s="189">
        <v>2</v>
      </c>
      <c r="AX6" s="186">
        <v>0</v>
      </c>
      <c r="AY6" s="184">
        <v>11553</v>
      </c>
      <c r="AZ6" s="184">
        <v>10983</v>
      </c>
      <c r="BA6" s="184">
        <v>5916</v>
      </c>
      <c r="BB6" s="184">
        <v>3020</v>
      </c>
      <c r="BC6" s="184">
        <v>1460</v>
      </c>
      <c r="BD6" s="187">
        <v>32932</v>
      </c>
      <c r="BE6" s="188">
        <v>32934</v>
      </c>
      <c r="BF6" s="183">
        <v>0</v>
      </c>
      <c r="BG6" s="184">
        <v>0</v>
      </c>
      <c r="BH6" s="189">
        <v>0</v>
      </c>
      <c r="BI6" s="186">
        <v>0</v>
      </c>
      <c r="BJ6" s="184">
        <v>2552</v>
      </c>
      <c r="BK6" s="184">
        <v>3585</v>
      </c>
      <c r="BL6" s="184">
        <v>2343</v>
      </c>
      <c r="BM6" s="184">
        <v>1277</v>
      </c>
      <c r="BN6" s="184">
        <v>447</v>
      </c>
      <c r="BO6" s="189">
        <v>10204</v>
      </c>
      <c r="BP6" s="188">
        <v>10204</v>
      </c>
      <c r="BQ6" s="183">
        <v>0</v>
      </c>
      <c r="BR6" s="184">
        <v>82</v>
      </c>
      <c r="BS6" s="189">
        <v>82</v>
      </c>
      <c r="BT6" s="186">
        <v>0</v>
      </c>
      <c r="BU6" s="184">
        <v>1182</v>
      </c>
      <c r="BV6" s="184">
        <v>1907</v>
      </c>
      <c r="BW6" s="184">
        <v>2731</v>
      </c>
      <c r="BX6" s="184">
        <v>2512</v>
      </c>
      <c r="BY6" s="184">
        <v>887</v>
      </c>
      <c r="BZ6" s="189">
        <v>9219</v>
      </c>
      <c r="CA6" s="188">
        <v>9301</v>
      </c>
      <c r="CB6" s="183">
        <v>3</v>
      </c>
      <c r="CC6" s="184">
        <v>3</v>
      </c>
      <c r="CD6" s="189">
        <v>6</v>
      </c>
      <c r="CE6" s="186">
        <v>0</v>
      </c>
      <c r="CF6" s="184">
        <v>147</v>
      </c>
      <c r="CG6" s="184">
        <v>319</v>
      </c>
      <c r="CH6" s="184">
        <v>407</v>
      </c>
      <c r="CI6" s="184">
        <v>468</v>
      </c>
      <c r="CJ6" s="184">
        <v>116</v>
      </c>
      <c r="CK6" s="189">
        <v>1457</v>
      </c>
      <c r="CL6" s="188">
        <v>1463</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848</v>
      </c>
      <c r="H7" s="191">
        <v>9118</v>
      </c>
      <c r="I7" s="191">
        <v>7646</v>
      </c>
      <c r="J7" s="191">
        <v>9797</v>
      </c>
      <c r="K7" s="191">
        <v>11091</v>
      </c>
      <c r="L7" s="194">
        <v>42500</v>
      </c>
      <c r="M7" s="195">
        <v>42500</v>
      </c>
      <c r="N7" s="190">
        <v>0</v>
      </c>
      <c r="O7" s="191">
        <v>9</v>
      </c>
      <c r="P7" s="196">
        <v>9</v>
      </c>
      <c r="Q7" s="193">
        <v>0</v>
      </c>
      <c r="R7" s="191">
        <v>13</v>
      </c>
      <c r="S7" s="191">
        <v>39</v>
      </c>
      <c r="T7" s="191">
        <v>100</v>
      </c>
      <c r="U7" s="191">
        <v>250</v>
      </c>
      <c r="V7" s="191">
        <v>652</v>
      </c>
      <c r="W7" s="196">
        <v>1054</v>
      </c>
      <c r="X7" s="195">
        <v>1063</v>
      </c>
      <c r="Y7" s="190">
        <v>615</v>
      </c>
      <c r="Z7" s="191">
        <v>2260</v>
      </c>
      <c r="AA7" s="196">
        <v>2875</v>
      </c>
      <c r="AB7" s="193">
        <v>0</v>
      </c>
      <c r="AC7" s="191">
        <v>3572</v>
      </c>
      <c r="AD7" s="191">
        <v>8607</v>
      </c>
      <c r="AE7" s="191">
        <v>4785</v>
      </c>
      <c r="AF7" s="191">
        <v>3562</v>
      </c>
      <c r="AG7" s="191">
        <v>2716</v>
      </c>
      <c r="AH7" s="196">
        <v>23242</v>
      </c>
      <c r="AI7" s="195">
        <v>26117</v>
      </c>
      <c r="AJ7" s="190">
        <v>91</v>
      </c>
      <c r="AK7" s="191">
        <v>476</v>
      </c>
      <c r="AL7" s="196">
        <v>567</v>
      </c>
      <c r="AM7" s="193">
        <v>0</v>
      </c>
      <c r="AN7" s="191">
        <v>437</v>
      </c>
      <c r="AO7" s="191">
        <v>1133</v>
      </c>
      <c r="AP7" s="191">
        <v>440</v>
      </c>
      <c r="AQ7" s="191">
        <v>450</v>
      </c>
      <c r="AR7" s="191">
        <v>249</v>
      </c>
      <c r="AS7" s="196">
        <v>2709</v>
      </c>
      <c r="AT7" s="195">
        <v>3276</v>
      </c>
      <c r="AU7" s="190">
        <v>2</v>
      </c>
      <c r="AV7" s="191">
        <v>0</v>
      </c>
      <c r="AW7" s="196">
        <v>2</v>
      </c>
      <c r="AX7" s="193">
        <v>0</v>
      </c>
      <c r="AY7" s="191">
        <v>3823</v>
      </c>
      <c r="AZ7" s="191">
        <v>4633</v>
      </c>
      <c r="BA7" s="191">
        <v>2253</v>
      </c>
      <c r="BB7" s="191">
        <v>1152</v>
      </c>
      <c r="BC7" s="191">
        <v>497</v>
      </c>
      <c r="BD7" s="194">
        <v>12358</v>
      </c>
      <c r="BE7" s="195">
        <v>12360</v>
      </c>
      <c r="BF7" s="190">
        <v>0</v>
      </c>
      <c r="BG7" s="191">
        <v>0</v>
      </c>
      <c r="BH7" s="196">
        <v>0</v>
      </c>
      <c r="BI7" s="193">
        <v>0</v>
      </c>
      <c r="BJ7" s="191">
        <v>832</v>
      </c>
      <c r="BK7" s="191">
        <v>1734</v>
      </c>
      <c r="BL7" s="191">
        <v>966</v>
      </c>
      <c r="BM7" s="191">
        <v>485</v>
      </c>
      <c r="BN7" s="191">
        <v>214</v>
      </c>
      <c r="BO7" s="196">
        <v>4231</v>
      </c>
      <c r="BP7" s="195">
        <v>4231</v>
      </c>
      <c r="BQ7" s="190">
        <v>0</v>
      </c>
      <c r="BR7" s="191">
        <v>36</v>
      </c>
      <c r="BS7" s="196">
        <v>36</v>
      </c>
      <c r="BT7" s="193">
        <v>0</v>
      </c>
      <c r="BU7" s="191">
        <v>488</v>
      </c>
      <c r="BV7" s="191">
        <v>678</v>
      </c>
      <c r="BW7" s="191">
        <v>1215</v>
      </c>
      <c r="BX7" s="191">
        <v>1343</v>
      </c>
      <c r="BY7" s="191">
        <v>246</v>
      </c>
      <c r="BZ7" s="196">
        <v>3970</v>
      </c>
      <c r="CA7" s="195">
        <v>4006</v>
      </c>
      <c r="CB7" s="190">
        <v>3</v>
      </c>
      <c r="CC7" s="191">
        <v>3</v>
      </c>
      <c r="CD7" s="196">
        <v>6</v>
      </c>
      <c r="CE7" s="193">
        <v>0</v>
      </c>
      <c r="CF7" s="191">
        <v>63</v>
      </c>
      <c r="CG7" s="191">
        <v>187</v>
      </c>
      <c r="CH7" s="191">
        <v>258</v>
      </c>
      <c r="CI7" s="191">
        <v>288</v>
      </c>
      <c r="CJ7" s="191">
        <v>58</v>
      </c>
      <c r="CK7" s="196">
        <v>854</v>
      </c>
      <c r="CL7" s="195">
        <v>860</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259</v>
      </c>
      <c r="H8" s="191">
        <v>3052</v>
      </c>
      <c r="I8" s="191">
        <v>3002</v>
      </c>
      <c r="J8" s="191">
        <v>3809</v>
      </c>
      <c r="K8" s="191">
        <v>4788</v>
      </c>
      <c r="L8" s="194">
        <v>16910</v>
      </c>
      <c r="M8" s="195">
        <v>16910</v>
      </c>
      <c r="N8" s="190">
        <v>0</v>
      </c>
      <c r="O8" s="191">
        <v>0</v>
      </c>
      <c r="P8" s="196">
        <v>0</v>
      </c>
      <c r="Q8" s="193">
        <v>0</v>
      </c>
      <c r="R8" s="191">
        <v>18</v>
      </c>
      <c r="S8" s="191">
        <v>31</v>
      </c>
      <c r="T8" s="191">
        <v>54</v>
      </c>
      <c r="U8" s="191">
        <v>169</v>
      </c>
      <c r="V8" s="191">
        <v>139</v>
      </c>
      <c r="W8" s="196">
        <v>411</v>
      </c>
      <c r="X8" s="195">
        <v>411</v>
      </c>
      <c r="Y8" s="190">
        <v>322</v>
      </c>
      <c r="Z8" s="191">
        <v>738</v>
      </c>
      <c r="AA8" s="196">
        <v>1060</v>
      </c>
      <c r="AB8" s="193">
        <v>0</v>
      </c>
      <c r="AC8" s="191">
        <v>2880</v>
      </c>
      <c r="AD8" s="191">
        <v>2431</v>
      </c>
      <c r="AE8" s="191">
        <v>1870</v>
      </c>
      <c r="AF8" s="191">
        <v>1377</v>
      </c>
      <c r="AG8" s="191">
        <v>836</v>
      </c>
      <c r="AH8" s="196">
        <v>9394</v>
      </c>
      <c r="AI8" s="195">
        <v>10454</v>
      </c>
      <c r="AJ8" s="190">
        <v>43</v>
      </c>
      <c r="AK8" s="191">
        <v>47</v>
      </c>
      <c r="AL8" s="196">
        <v>90</v>
      </c>
      <c r="AM8" s="193">
        <v>0</v>
      </c>
      <c r="AN8" s="191">
        <v>270</v>
      </c>
      <c r="AO8" s="191">
        <v>190</v>
      </c>
      <c r="AP8" s="191">
        <v>109</v>
      </c>
      <c r="AQ8" s="191">
        <v>259</v>
      </c>
      <c r="AR8" s="191">
        <v>91</v>
      </c>
      <c r="AS8" s="196">
        <v>919</v>
      </c>
      <c r="AT8" s="195">
        <v>1009</v>
      </c>
      <c r="AU8" s="190">
        <v>0</v>
      </c>
      <c r="AV8" s="191">
        <v>0</v>
      </c>
      <c r="AW8" s="196">
        <v>0</v>
      </c>
      <c r="AX8" s="193">
        <v>0</v>
      </c>
      <c r="AY8" s="191">
        <v>2404</v>
      </c>
      <c r="AZ8" s="191">
        <v>1632</v>
      </c>
      <c r="BA8" s="191">
        <v>854</v>
      </c>
      <c r="BB8" s="191">
        <v>445</v>
      </c>
      <c r="BC8" s="191">
        <v>245</v>
      </c>
      <c r="BD8" s="194">
        <v>5580</v>
      </c>
      <c r="BE8" s="195">
        <v>5580</v>
      </c>
      <c r="BF8" s="190">
        <v>0</v>
      </c>
      <c r="BG8" s="191">
        <v>0</v>
      </c>
      <c r="BH8" s="196">
        <v>0</v>
      </c>
      <c r="BI8" s="193">
        <v>0</v>
      </c>
      <c r="BJ8" s="191">
        <v>454</v>
      </c>
      <c r="BK8" s="191">
        <v>481</v>
      </c>
      <c r="BL8" s="191">
        <v>339</v>
      </c>
      <c r="BM8" s="191">
        <v>189</v>
      </c>
      <c r="BN8" s="191">
        <v>46</v>
      </c>
      <c r="BO8" s="196">
        <v>1509</v>
      </c>
      <c r="BP8" s="195">
        <v>1509</v>
      </c>
      <c r="BQ8" s="190">
        <v>0</v>
      </c>
      <c r="BR8" s="191">
        <v>10</v>
      </c>
      <c r="BS8" s="196">
        <v>10</v>
      </c>
      <c r="BT8" s="193">
        <v>0</v>
      </c>
      <c r="BU8" s="191">
        <v>144</v>
      </c>
      <c r="BV8" s="191">
        <v>309</v>
      </c>
      <c r="BW8" s="191">
        <v>340</v>
      </c>
      <c r="BX8" s="191">
        <v>218</v>
      </c>
      <c r="BY8" s="191">
        <v>139</v>
      </c>
      <c r="BZ8" s="196">
        <v>1150</v>
      </c>
      <c r="CA8" s="195">
        <v>1160</v>
      </c>
      <c r="CB8" s="190">
        <v>0</v>
      </c>
      <c r="CC8" s="191">
        <v>0</v>
      </c>
      <c r="CD8" s="196">
        <v>0</v>
      </c>
      <c r="CE8" s="193">
        <v>0</v>
      </c>
      <c r="CF8" s="191">
        <v>29</v>
      </c>
      <c r="CG8" s="191">
        <v>71</v>
      </c>
      <c r="CH8" s="191">
        <v>85</v>
      </c>
      <c r="CI8" s="191">
        <v>90</v>
      </c>
      <c r="CJ8" s="191">
        <v>23</v>
      </c>
      <c r="CK8" s="196">
        <v>298</v>
      </c>
      <c r="CL8" s="195">
        <v>298</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645</v>
      </c>
      <c r="H9" s="191">
        <v>1604</v>
      </c>
      <c r="I9" s="191">
        <v>1413</v>
      </c>
      <c r="J9" s="191">
        <v>1021</v>
      </c>
      <c r="K9" s="191">
        <v>1520</v>
      </c>
      <c r="L9" s="194">
        <v>6203</v>
      </c>
      <c r="M9" s="195">
        <v>6203</v>
      </c>
      <c r="N9" s="190">
        <v>0</v>
      </c>
      <c r="O9" s="191">
        <v>0</v>
      </c>
      <c r="P9" s="196">
        <v>0</v>
      </c>
      <c r="Q9" s="193">
        <v>0</v>
      </c>
      <c r="R9" s="191">
        <v>0</v>
      </c>
      <c r="S9" s="191">
        <v>9</v>
      </c>
      <c r="T9" s="191">
        <v>20</v>
      </c>
      <c r="U9" s="191">
        <v>66</v>
      </c>
      <c r="V9" s="191">
        <v>59</v>
      </c>
      <c r="W9" s="196">
        <v>154</v>
      </c>
      <c r="X9" s="195">
        <v>154</v>
      </c>
      <c r="Y9" s="190">
        <v>68</v>
      </c>
      <c r="Z9" s="191">
        <v>117</v>
      </c>
      <c r="AA9" s="196">
        <v>185</v>
      </c>
      <c r="AB9" s="193">
        <v>0</v>
      </c>
      <c r="AC9" s="191">
        <v>366</v>
      </c>
      <c r="AD9" s="191">
        <v>854</v>
      </c>
      <c r="AE9" s="191">
        <v>497</v>
      </c>
      <c r="AF9" s="191">
        <v>434</v>
      </c>
      <c r="AG9" s="191">
        <v>319</v>
      </c>
      <c r="AH9" s="196">
        <v>2470</v>
      </c>
      <c r="AI9" s="195">
        <v>2655</v>
      </c>
      <c r="AJ9" s="190">
        <v>0</v>
      </c>
      <c r="AK9" s="191">
        <v>26</v>
      </c>
      <c r="AL9" s="196">
        <v>26</v>
      </c>
      <c r="AM9" s="193">
        <v>0</v>
      </c>
      <c r="AN9" s="191">
        <v>18</v>
      </c>
      <c r="AO9" s="191">
        <v>109</v>
      </c>
      <c r="AP9" s="191">
        <v>20</v>
      </c>
      <c r="AQ9" s="191">
        <v>0</v>
      </c>
      <c r="AR9" s="191">
        <v>10</v>
      </c>
      <c r="AS9" s="196">
        <v>157</v>
      </c>
      <c r="AT9" s="195">
        <v>183</v>
      </c>
      <c r="AU9" s="190">
        <v>0</v>
      </c>
      <c r="AV9" s="191">
        <v>0</v>
      </c>
      <c r="AW9" s="196">
        <v>0</v>
      </c>
      <c r="AX9" s="193">
        <v>0</v>
      </c>
      <c r="AY9" s="191">
        <v>736</v>
      </c>
      <c r="AZ9" s="191">
        <v>1058</v>
      </c>
      <c r="BA9" s="191">
        <v>619</v>
      </c>
      <c r="BB9" s="191">
        <v>203</v>
      </c>
      <c r="BC9" s="191">
        <v>158</v>
      </c>
      <c r="BD9" s="194">
        <v>2774</v>
      </c>
      <c r="BE9" s="195">
        <v>2774</v>
      </c>
      <c r="BF9" s="190">
        <v>0</v>
      </c>
      <c r="BG9" s="191">
        <v>0</v>
      </c>
      <c r="BH9" s="196">
        <v>0</v>
      </c>
      <c r="BI9" s="193">
        <v>0</v>
      </c>
      <c r="BJ9" s="191">
        <v>53</v>
      </c>
      <c r="BK9" s="191">
        <v>158</v>
      </c>
      <c r="BL9" s="191">
        <v>100</v>
      </c>
      <c r="BM9" s="191">
        <v>54</v>
      </c>
      <c r="BN9" s="191">
        <v>9</v>
      </c>
      <c r="BO9" s="196">
        <v>374</v>
      </c>
      <c r="BP9" s="195">
        <v>374</v>
      </c>
      <c r="BQ9" s="190">
        <v>0</v>
      </c>
      <c r="BR9" s="191">
        <v>0</v>
      </c>
      <c r="BS9" s="196">
        <v>0</v>
      </c>
      <c r="BT9" s="193">
        <v>0</v>
      </c>
      <c r="BU9" s="191">
        <v>73</v>
      </c>
      <c r="BV9" s="191">
        <v>89</v>
      </c>
      <c r="BW9" s="191">
        <v>197</v>
      </c>
      <c r="BX9" s="191">
        <v>231</v>
      </c>
      <c r="BY9" s="191">
        <v>69</v>
      </c>
      <c r="BZ9" s="196">
        <v>659</v>
      </c>
      <c r="CA9" s="195">
        <v>659</v>
      </c>
      <c r="CB9" s="190">
        <v>0</v>
      </c>
      <c r="CC9" s="191">
        <v>0</v>
      </c>
      <c r="CD9" s="196">
        <v>0</v>
      </c>
      <c r="CE9" s="193">
        <v>0</v>
      </c>
      <c r="CF9" s="191">
        <v>8</v>
      </c>
      <c r="CG9" s="191">
        <v>0</v>
      </c>
      <c r="CH9" s="191">
        <v>0</v>
      </c>
      <c r="CI9" s="191">
        <v>0</v>
      </c>
      <c r="CJ9" s="191">
        <v>0</v>
      </c>
      <c r="CK9" s="196">
        <v>8</v>
      </c>
      <c r="CL9" s="195">
        <v>8</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844</v>
      </c>
      <c r="H10" s="191">
        <v>594</v>
      </c>
      <c r="I10" s="191">
        <v>690</v>
      </c>
      <c r="J10" s="191">
        <v>1108</v>
      </c>
      <c r="K10" s="191">
        <v>197</v>
      </c>
      <c r="L10" s="194">
        <v>3433</v>
      </c>
      <c r="M10" s="195">
        <v>3433</v>
      </c>
      <c r="N10" s="190">
        <v>0</v>
      </c>
      <c r="O10" s="191">
        <v>0</v>
      </c>
      <c r="P10" s="196">
        <v>0</v>
      </c>
      <c r="Q10" s="193">
        <v>0</v>
      </c>
      <c r="R10" s="191">
        <v>2</v>
      </c>
      <c r="S10" s="191">
        <v>0</v>
      </c>
      <c r="T10" s="191">
        <v>0</v>
      </c>
      <c r="U10" s="191">
        <v>48</v>
      </c>
      <c r="V10" s="191">
        <v>62</v>
      </c>
      <c r="W10" s="196">
        <v>112</v>
      </c>
      <c r="X10" s="195">
        <v>112</v>
      </c>
      <c r="Y10" s="190">
        <v>0</v>
      </c>
      <c r="Z10" s="191">
        <v>50</v>
      </c>
      <c r="AA10" s="196">
        <v>50</v>
      </c>
      <c r="AB10" s="193">
        <v>0</v>
      </c>
      <c r="AC10" s="191">
        <v>298</v>
      </c>
      <c r="AD10" s="191">
        <v>186</v>
      </c>
      <c r="AE10" s="191">
        <v>193</v>
      </c>
      <c r="AF10" s="191">
        <v>184</v>
      </c>
      <c r="AG10" s="191">
        <v>180</v>
      </c>
      <c r="AH10" s="196">
        <v>1041</v>
      </c>
      <c r="AI10" s="195">
        <v>1091</v>
      </c>
      <c r="AJ10" s="190">
        <v>8</v>
      </c>
      <c r="AK10" s="191">
        <v>0</v>
      </c>
      <c r="AL10" s="196">
        <v>8</v>
      </c>
      <c r="AM10" s="193">
        <v>0</v>
      </c>
      <c r="AN10" s="191">
        <v>33</v>
      </c>
      <c r="AO10" s="191">
        <v>58</v>
      </c>
      <c r="AP10" s="191">
        <v>36</v>
      </c>
      <c r="AQ10" s="191">
        <v>93</v>
      </c>
      <c r="AR10" s="191">
        <v>33</v>
      </c>
      <c r="AS10" s="196">
        <v>253</v>
      </c>
      <c r="AT10" s="195">
        <v>261</v>
      </c>
      <c r="AU10" s="190">
        <v>0</v>
      </c>
      <c r="AV10" s="191">
        <v>0</v>
      </c>
      <c r="AW10" s="196">
        <v>0</v>
      </c>
      <c r="AX10" s="193">
        <v>0</v>
      </c>
      <c r="AY10" s="191">
        <v>604</v>
      </c>
      <c r="AZ10" s="191">
        <v>313</v>
      </c>
      <c r="BA10" s="191">
        <v>147</v>
      </c>
      <c r="BB10" s="191">
        <v>131</v>
      </c>
      <c r="BC10" s="191">
        <v>26</v>
      </c>
      <c r="BD10" s="194">
        <v>1221</v>
      </c>
      <c r="BE10" s="195">
        <v>1221</v>
      </c>
      <c r="BF10" s="190">
        <v>0</v>
      </c>
      <c r="BG10" s="191">
        <v>0</v>
      </c>
      <c r="BH10" s="196">
        <v>0</v>
      </c>
      <c r="BI10" s="193">
        <v>0</v>
      </c>
      <c r="BJ10" s="191">
        <v>146</v>
      </c>
      <c r="BK10" s="191">
        <v>110</v>
      </c>
      <c r="BL10" s="191">
        <v>50</v>
      </c>
      <c r="BM10" s="191">
        <v>49</v>
      </c>
      <c r="BN10" s="191">
        <v>1</v>
      </c>
      <c r="BO10" s="196">
        <v>356</v>
      </c>
      <c r="BP10" s="195">
        <v>356</v>
      </c>
      <c r="BQ10" s="190">
        <v>0</v>
      </c>
      <c r="BR10" s="191">
        <v>0</v>
      </c>
      <c r="BS10" s="196">
        <v>0</v>
      </c>
      <c r="BT10" s="193">
        <v>0</v>
      </c>
      <c r="BU10" s="191">
        <v>69</v>
      </c>
      <c r="BV10" s="191">
        <v>43</v>
      </c>
      <c r="BW10" s="191">
        <v>59</v>
      </c>
      <c r="BX10" s="191">
        <v>108</v>
      </c>
      <c r="BY10" s="191">
        <v>22</v>
      </c>
      <c r="BZ10" s="196">
        <v>301</v>
      </c>
      <c r="CA10" s="195">
        <v>301</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88</v>
      </c>
      <c r="H11" s="191">
        <v>408</v>
      </c>
      <c r="I11" s="191">
        <v>458</v>
      </c>
      <c r="J11" s="191">
        <v>604</v>
      </c>
      <c r="K11" s="191">
        <v>678</v>
      </c>
      <c r="L11" s="194">
        <v>2436</v>
      </c>
      <c r="M11" s="195">
        <v>2436</v>
      </c>
      <c r="N11" s="190">
        <v>0</v>
      </c>
      <c r="O11" s="191">
        <v>0</v>
      </c>
      <c r="P11" s="196">
        <v>0</v>
      </c>
      <c r="Q11" s="193">
        <v>0</v>
      </c>
      <c r="R11" s="191">
        <v>0</v>
      </c>
      <c r="S11" s="191">
        <v>0</v>
      </c>
      <c r="T11" s="191">
        <v>6</v>
      </c>
      <c r="U11" s="191">
        <v>10</v>
      </c>
      <c r="V11" s="191">
        <v>21</v>
      </c>
      <c r="W11" s="196">
        <v>37</v>
      </c>
      <c r="X11" s="195">
        <v>37</v>
      </c>
      <c r="Y11" s="190">
        <v>20</v>
      </c>
      <c r="Z11" s="191">
        <v>60</v>
      </c>
      <c r="AA11" s="196">
        <v>80</v>
      </c>
      <c r="AB11" s="193">
        <v>0</v>
      </c>
      <c r="AC11" s="191">
        <v>181</v>
      </c>
      <c r="AD11" s="191">
        <v>131</v>
      </c>
      <c r="AE11" s="191">
        <v>140</v>
      </c>
      <c r="AF11" s="191">
        <v>130</v>
      </c>
      <c r="AG11" s="191">
        <v>99</v>
      </c>
      <c r="AH11" s="196">
        <v>681</v>
      </c>
      <c r="AI11" s="195">
        <v>761</v>
      </c>
      <c r="AJ11" s="190">
        <v>0</v>
      </c>
      <c r="AK11" s="191">
        <v>28</v>
      </c>
      <c r="AL11" s="196">
        <v>28</v>
      </c>
      <c r="AM11" s="193">
        <v>0</v>
      </c>
      <c r="AN11" s="191">
        <v>69</v>
      </c>
      <c r="AO11" s="191">
        <v>63</v>
      </c>
      <c r="AP11" s="191">
        <v>10</v>
      </c>
      <c r="AQ11" s="191">
        <v>33</v>
      </c>
      <c r="AR11" s="191">
        <v>69</v>
      </c>
      <c r="AS11" s="196">
        <v>244</v>
      </c>
      <c r="AT11" s="195">
        <v>272</v>
      </c>
      <c r="AU11" s="190">
        <v>0</v>
      </c>
      <c r="AV11" s="191">
        <v>0</v>
      </c>
      <c r="AW11" s="196">
        <v>0</v>
      </c>
      <c r="AX11" s="193">
        <v>0</v>
      </c>
      <c r="AY11" s="191">
        <v>240</v>
      </c>
      <c r="AZ11" s="191">
        <v>337</v>
      </c>
      <c r="BA11" s="191">
        <v>185</v>
      </c>
      <c r="BB11" s="191">
        <v>103</v>
      </c>
      <c r="BC11" s="191">
        <v>41</v>
      </c>
      <c r="BD11" s="194">
        <v>906</v>
      </c>
      <c r="BE11" s="195">
        <v>906</v>
      </c>
      <c r="BF11" s="190">
        <v>0</v>
      </c>
      <c r="BG11" s="191">
        <v>0</v>
      </c>
      <c r="BH11" s="196">
        <v>0</v>
      </c>
      <c r="BI11" s="193">
        <v>0</v>
      </c>
      <c r="BJ11" s="191">
        <v>128</v>
      </c>
      <c r="BK11" s="191">
        <v>58</v>
      </c>
      <c r="BL11" s="191">
        <v>76</v>
      </c>
      <c r="BM11" s="191">
        <v>52</v>
      </c>
      <c r="BN11" s="191">
        <v>22</v>
      </c>
      <c r="BO11" s="196">
        <v>336</v>
      </c>
      <c r="BP11" s="195">
        <v>336</v>
      </c>
      <c r="BQ11" s="190">
        <v>0</v>
      </c>
      <c r="BR11" s="191">
        <v>0</v>
      </c>
      <c r="BS11" s="196">
        <v>0</v>
      </c>
      <c r="BT11" s="193">
        <v>0</v>
      </c>
      <c r="BU11" s="191">
        <v>60</v>
      </c>
      <c r="BV11" s="191">
        <v>95</v>
      </c>
      <c r="BW11" s="191">
        <v>160</v>
      </c>
      <c r="BX11" s="191">
        <v>7</v>
      </c>
      <c r="BY11" s="191">
        <v>33</v>
      </c>
      <c r="BZ11" s="196">
        <v>355</v>
      </c>
      <c r="CA11" s="195">
        <v>355</v>
      </c>
      <c r="CB11" s="190">
        <v>0</v>
      </c>
      <c r="CC11" s="191">
        <v>0</v>
      </c>
      <c r="CD11" s="196">
        <v>0</v>
      </c>
      <c r="CE11" s="193">
        <v>0</v>
      </c>
      <c r="CF11" s="191">
        <v>10</v>
      </c>
      <c r="CG11" s="191">
        <v>0</v>
      </c>
      <c r="CH11" s="191">
        <v>2</v>
      </c>
      <c r="CI11" s="191">
        <v>3</v>
      </c>
      <c r="CJ11" s="191">
        <v>6</v>
      </c>
      <c r="CK11" s="196">
        <v>21</v>
      </c>
      <c r="CL11" s="195">
        <v>21</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844</v>
      </c>
      <c r="H12" s="191">
        <v>653</v>
      </c>
      <c r="I12" s="191">
        <v>1289</v>
      </c>
      <c r="J12" s="191">
        <v>1686</v>
      </c>
      <c r="K12" s="191">
        <v>1111</v>
      </c>
      <c r="L12" s="194">
        <v>5583</v>
      </c>
      <c r="M12" s="195">
        <v>5583</v>
      </c>
      <c r="N12" s="190">
        <v>0</v>
      </c>
      <c r="O12" s="191">
        <v>0</v>
      </c>
      <c r="P12" s="196">
        <v>0</v>
      </c>
      <c r="Q12" s="193">
        <v>0</v>
      </c>
      <c r="R12" s="191">
        <v>4</v>
      </c>
      <c r="S12" s="191">
        <v>3</v>
      </c>
      <c r="T12" s="191">
        <v>5</v>
      </c>
      <c r="U12" s="191">
        <v>50</v>
      </c>
      <c r="V12" s="191">
        <v>48</v>
      </c>
      <c r="W12" s="196">
        <v>110</v>
      </c>
      <c r="X12" s="195">
        <v>110</v>
      </c>
      <c r="Y12" s="190">
        <v>111</v>
      </c>
      <c r="Z12" s="191">
        <v>107</v>
      </c>
      <c r="AA12" s="196">
        <v>218</v>
      </c>
      <c r="AB12" s="193">
        <v>0</v>
      </c>
      <c r="AC12" s="191">
        <v>567</v>
      </c>
      <c r="AD12" s="191">
        <v>566</v>
      </c>
      <c r="AE12" s="191">
        <v>301</v>
      </c>
      <c r="AF12" s="191">
        <v>356</v>
      </c>
      <c r="AG12" s="191">
        <v>205</v>
      </c>
      <c r="AH12" s="196">
        <v>1995</v>
      </c>
      <c r="AI12" s="195">
        <v>2213</v>
      </c>
      <c r="AJ12" s="190">
        <v>16</v>
      </c>
      <c r="AK12" s="191">
        <v>20</v>
      </c>
      <c r="AL12" s="196">
        <v>36</v>
      </c>
      <c r="AM12" s="193">
        <v>0</v>
      </c>
      <c r="AN12" s="191">
        <v>40</v>
      </c>
      <c r="AO12" s="191">
        <v>130</v>
      </c>
      <c r="AP12" s="191">
        <v>91</v>
      </c>
      <c r="AQ12" s="191">
        <v>73</v>
      </c>
      <c r="AR12" s="191">
        <v>104</v>
      </c>
      <c r="AS12" s="196">
        <v>438</v>
      </c>
      <c r="AT12" s="195">
        <v>474</v>
      </c>
      <c r="AU12" s="190">
        <v>0</v>
      </c>
      <c r="AV12" s="191">
        <v>0</v>
      </c>
      <c r="AW12" s="196">
        <v>0</v>
      </c>
      <c r="AX12" s="193">
        <v>0</v>
      </c>
      <c r="AY12" s="191">
        <v>504</v>
      </c>
      <c r="AZ12" s="191">
        <v>300</v>
      </c>
      <c r="BA12" s="191">
        <v>231</v>
      </c>
      <c r="BB12" s="191">
        <v>89</v>
      </c>
      <c r="BC12" s="191">
        <v>32</v>
      </c>
      <c r="BD12" s="194">
        <v>1156</v>
      </c>
      <c r="BE12" s="195">
        <v>1156</v>
      </c>
      <c r="BF12" s="190">
        <v>0</v>
      </c>
      <c r="BG12" s="191">
        <v>0</v>
      </c>
      <c r="BH12" s="196">
        <v>0</v>
      </c>
      <c r="BI12" s="193">
        <v>0</v>
      </c>
      <c r="BJ12" s="191">
        <v>186</v>
      </c>
      <c r="BK12" s="191">
        <v>131</v>
      </c>
      <c r="BL12" s="191">
        <v>127</v>
      </c>
      <c r="BM12" s="191">
        <v>52</v>
      </c>
      <c r="BN12" s="191">
        <v>18</v>
      </c>
      <c r="BO12" s="196">
        <v>514</v>
      </c>
      <c r="BP12" s="195">
        <v>514</v>
      </c>
      <c r="BQ12" s="190">
        <v>0</v>
      </c>
      <c r="BR12" s="191">
        <v>0</v>
      </c>
      <c r="BS12" s="196">
        <v>0</v>
      </c>
      <c r="BT12" s="193">
        <v>0</v>
      </c>
      <c r="BU12" s="191">
        <v>50</v>
      </c>
      <c r="BV12" s="191">
        <v>138</v>
      </c>
      <c r="BW12" s="191">
        <v>208</v>
      </c>
      <c r="BX12" s="191">
        <v>50</v>
      </c>
      <c r="BY12" s="191">
        <v>78</v>
      </c>
      <c r="BZ12" s="196">
        <v>524</v>
      </c>
      <c r="CA12" s="195">
        <v>524</v>
      </c>
      <c r="CB12" s="190">
        <v>0</v>
      </c>
      <c r="CC12" s="191">
        <v>0</v>
      </c>
      <c r="CD12" s="196">
        <v>0</v>
      </c>
      <c r="CE12" s="193">
        <v>0</v>
      </c>
      <c r="CF12" s="191">
        <v>3</v>
      </c>
      <c r="CG12" s="191">
        <v>2</v>
      </c>
      <c r="CH12" s="191">
        <v>20</v>
      </c>
      <c r="CI12" s="191">
        <v>51</v>
      </c>
      <c r="CJ12" s="191">
        <v>0</v>
      </c>
      <c r="CK12" s="196">
        <v>76</v>
      </c>
      <c r="CL12" s="195">
        <v>76</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366</v>
      </c>
      <c r="H13" s="191">
        <v>1550</v>
      </c>
      <c r="I13" s="191">
        <v>2341</v>
      </c>
      <c r="J13" s="191">
        <v>1749</v>
      </c>
      <c r="K13" s="191">
        <v>959</v>
      </c>
      <c r="L13" s="194">
        <v>7965</v>
      </c>
      <c r="M13" s="195">
        <v>7965</v>
      </c>
      <c r="N13" s="190">
        <v>0</v>
      </c>
      <c r="O13" s="191">
        <v>0</v>
      </c>
      <c r="P13" s="196">
        <v>0</v>
      </c>
      <c r="Q13" s="193">
        <v>0</v>
      </c>
      <c r="R13" s="191">
        <v>0</v>
      </c>
      <c r="S13" s="191">
        <v>10</v>
      </c>
      <c r="T13" s="191">
        <v>19</v>
      </c>
      <c r="U13" s="191">
        <v>38</v>
      </c>
      <c r="V13" s="191">
        <v>25</v>
      </c>
      <c r="W13" s="196">
        <v>92</v>
      </c>
      <c r="X13" s="195">
        <v>92</v>
      </c>
      <c r="Y13" s="190">
        <v>110</v>
      </c>
      <c r="Z13" s="191">
        <v>235</v>
      </c>
      <c r="AA13" s="196">
        <v>345</v>
      </c>
      <c r="AB13" s="193">
        <v>0</v>
      </c>
      <c r="AC13" s="191">
        <v>662</v>
      </c>
      <c r="AD13" s="191">
        <v>561</v>
      </c>
      <c r="AE13" s="191">
        <v>300</v>
      </c>
      <c r="AF13" s="191">
        <v>284</v>
      </c>
      <c r="AG13" s="191">
        <v>168</v>
      </c>
      <c r="AH13" s="196">
        <v>1975</v>
      </c>
      <c r="AI13" s="195">
        <v>2320</v>
      </c>
      <c r="AJ13" s="190">
        <v>6</v>
      </c>
      <c r="AK13" s="191">
        <v>44</v>
      </c>
      <c r="AL13" s="196">
        <v>50</v>
      </c>
      <c r="AM13" s="193">
        <v>0</v>
      </c>
      <c r="AN13" s="191">
        <v>106</v>
      </c>
      <c r="AO13" s="191">
        <v>120</v>
      </c>
      <c r="AP13" s="191">
        <v>57</v>
      </c>
      <c r="AQ13" s="191">
        <v>31</v>
      </c>
      <c r="AR13" s="191">
        <v>54</v>
      </c>
      <c r="AS13" s="196">
        <v>368</v>
      </c>
      <c r="AT13" s="195">
        <v>418</v>
      </c>
      <c r="AU13" s="190">
        <v>0</v>
      </c>
      <c r="AV13" s="191">
        <v>0</v>
      </c>
      <c r="AW13" s="196">
        <v>0</v>
      </c>
      <c r="AX13" s="193">
        <v>0</v>
      </c>
      <c r="AY13" s="191">
        <v>1042</v>
      </c>
      <c r="AZ13" s="191">
        <v>456</v>
      </c>
      <c r="BA13" s="191">
        <v>453</v>
      </c>
      <c r="BB13" s="191">
        <v>155</v>
      </c>
      <c r="BC13" s="191">
        <v>52</v>
      </c>
      <c r="BD13" s="194">
        <v>2158</v>
      </c>
      <c r="BE13" s="195">
        <v>2158</v>
      </c>
      <c r="BF13" s="190">
        <v>0</v>
      </c>
      <c r="BG13" s="191">
        <v>0</v>
      </c>
      <c r="BH13" s="196">
        <v>0</v>
      </c>
      <c r="BI13" s="193">
        <v>0</v>
      </c>
      <c r="BJ13" s="191">
        <v>132</v>
      </c>
      <c r="BK13" s="191">
        <v>149</v>
      </c>
      <c r="BL13" s="191">
        <v>85</v>
      </c>
      <c r="BM13" s="191">
        <v>13</v>
      </c>
      <c r="BN13" s="191">
        <v>21</v>
      </c>
      <c r="BO13" s="196">
        <v>400</v>
      </c>
      <c r="BP13" s="195">
        <v>400</v>
      </c>
      <c r="BQ13" s="190">
        <v>0</v>
      </c>
      <c r="BR13" s="191">
        <v>17</v>
      </c>
      <c r="BS13" s="196">
        <v>17</v>
      </c>
      <c r="BT13" s="193">
        <v>0</v>
      </c>
      <c r="BU13" s="191">
        <v>112</v>
      </c>
      <c r="BV13" s="191">
        <v>61</v>
      </c>
      <c r="BW13" s="191">
        <v>125</v>
      </c>
      <c r="BX13" s="191">
        <v>181</v>
      </c>
      <c r="BY13" s="191">
        <v>51</v>
      </c>
      <c r="BZ13" s="196">
        <v>530</v>
      </c>
      <c r="CA13" s="195">
        <v>547</v>
      </c>
      <c r="CB13" s="190">
        <v>0</v>
      </c>
      <c r="CC13" s="191">
        <v>0</v>
      </c>
      <c r="CD13" s="196">
        <v>0</v>
      </c>
      <c r="CE13" s="193">
        <v>0</v>
      </c>
      <c r="CF13" s="191">
        <v>0</v>
      </c>
      <c r="CG13" s="191">
        <v>3</v>
      </c>
      <c r="CH13" s="191">
        <v>0</v>
      </c>
      <c r="CI13" s="191">
        <v>23</v>
      </c>
      <c r="CJ13" s="191">
        <v>4</v>
      </c>
      <c r="CK13" s="196">
        <v>30</v>
      </c>
      <c r="CL13" s="195">
        <v>30</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74</v>
      </c>
      <c r="H14" s="191">
        <v>209</v>
      </c>
      <c r="I14" s="191">
        <v>427</v>
      </c>
      <c r="J14" s="191">
        <v>345</v>
      </c>
      <c r="K14" s="191">
        <v>125</v>
      </c>
      <c r="L14" s="194">
        <v>1280</v>
      </c>
      <c r="M14" s="195">
        <v>1280</v>
      </c>
      <c r="N14" s="190">
        <v>0</v>
      </c>
      <c r="O14" s="191">
        <v>0</v>
      </c>
      <c r="P14" s="196">
        <v>0</v>
      </c>
      <c r="Q14" s="193">
        <v>0</v>
      </c>
      <c r="R14" s="191">
        <v>0</v>
      </c>
      <c r="S14" s="191">
        <v>0</v>
      </c>
      <c r="T14" s="191">
        <v>0</v>
      </c>
      <c r="U14" s="191">
        <v>22</v>
      </c>
      <c r="V14" s="191">
        <v>5</v>
      </c>
      <c r="W14" s="196">
        <v>27</v>
      </c>
      <c r="X14" s="195">
        <v>27</v>
      </c>
      <c r="Y14" s="190">
        <v>11</v>
      </c>
      <c r="Z14" s="191">
        <v>29</v>
      </c>
      <c r="AA14" s="196">
        <v>40</v>
      </c>
      <c r="AB14" s="193">
        <v>0</v>
      </c>
      <c r="AC14" s="191">
        <v>344</v>
      </c>
      <c r="AD14" s="191">
        <v>226</v>
      </c>
      <c r="AE14" s="191">
        <v>123</v>
      </c>
      <c r="AF14" s="191">
        <v>165</v>
      </c>
      <c r="AG14" s="191">
        <v>45</v>
      </c>
      <c r="AH14" s="196">
        <v>903</v>
      </c>
      <c r="AI14" s="195">
        <v>943</v>
      </c>
      <c r="AJ14" s="190">
        <v>0</v>
      </c>
      <c r="AK14" s="191">
        <v>0</v>
      </c>
      <c r="AL14" s="196">
        <v>0</v>
      </c>
      <c r="AM14" s="193">
        <v>0</v>
      </c>
      <c r="AN14" s="191">
        <v>53</v>
      </c>
      <c r="AO14" s="191">
        <v>24</v>
      </c>
      <c r="AP14" s="191">
        <v>0</v>
      </c>
      <c r="AQ14" s="191">
        <v>9</v>
      </c>
      <c r="AR14" s="191">
        <v>14</v>
      </c>
      <c r="AS14" s="196">
        <v>100</v>
      </c>
      <c r="AT14" s="195">
        <v>100</v>
      </c>
      <c r="AU14" s="190">
        <v>0</v>
      </c>
      <c r="AV14" s="191">
        <v>0</v>
      </c>
      <c r="AW14" s="196">
        <v>0</v>
      </c>
      <c r="AX14" s="193">
        <v>0</v>
      </c>
      <c r="AY14" s="191">
        <v>174</v>
      </c>
      <c r="AZ14" s="191">
        <v>85</v>
      </c>
      <c r="BA14" s="191">
        <v>86</v>
      </c>
      <c r="BB14" s="191">
        <v>62</v>
      </c>
      <c r="BC14" s="191">
        <v>20</v>
      </c>
      <c r="BD14" s="194">
        <v>427</v>
      </c>
      <c r="BE14" s="195">
        <v>427</v>
      </c>
      <c r="BF14" s="190">
        <v>0</v>
      </c>
      <c r="BG14" s="191">
        <v>0</v>
      </c>
      <c r="BH14" s="196">
        <v>0</v>
      </c>
      <c r="BI14" s="193">
        <v>0</v>
      </c>
      <c r="BJ14" s="191">
        <v>72</v>
      </c>
      <c r="BK14" s="191">
        <v>52</v>
      </c>
      <c r="BL14" s="191">
        <v>104</v>
      </c>
      <c r="BM14" s="191">
        <v>10</v>
      </c>
      <c r="BN14" s="191">
        <v>4</v>
      </c>
      <c r="BO14" s="196">
        <v>242</v>
      </c>
      <c r="BP14" s="195">
        <v>242</v>
      </c>
      <c r="BQ14" s="190">
        <v>0</v>
      </c>
      <c r="BR14" s="191">
        <v>0</v>
      </c>
      <c r="BS14" s="196">
        <v>0</v>
      </c>
      <c r="BT14" s="193">
        <v>0</v>
      </c>
      <c r="BU14" s="191">
        <v>21</v>
      </c>
      <c r="BV14" s="191">
        <v>62</v>
      </c>
      <c r="BW14" s="191">
        <v>2</v>
      </c>
      <c r="BX14" s="191">
        <v>8</v>
      </c>
      <c r="BY14" s="191">
        <v>16</v>
      </c>
      <c r="BZ14" s="196">
        <v>109</v>
      </c>
      <c r="CA14" s="195">
        <v>109</v>
      </c>
      <c r="CB14" s="190">
        <v>0</v>
      </c>
      <c r="CC14" s="191">
        <v>0</v>
      </c>
      <c r="CD14" s="196">
        <v>0</v>
      </c>
      <c r="CE14" s="193">
        <v>0</v>
      </c>
      <c r="CF14" s="191">
        <v>0</v>
      </c>
      <c r="CG14" s="191">
        <v>0</v>
      </c>
      <c r="CH14" s="191">
        <v>8</v>
      </c>
      <c r="CI14" s="191">
        <v>0</v>
      </c>
      <c r="CJ14" s="191">
        <v>13</v>
      </c>
      <c r="CK14" s="196">
        <v>21</v>
      </c>
      <c r="CL14" s="195">
        <v>21</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598</v>
      </c>
      <c r="H15" s="191">
        <v>778</v>
      </c>
      <c r="I15" s="191">
        <v>628</v>
      </c>
      <c r="J15" s="191">
        <v>897</v>
      </c>
      <c r="K15" s="191">
        <v>868</v>
      </c>
      <c r="L15" s="194">
        <v>3769</v>
      </c>
      <c r="M15" s="195">
        <v>3769</v>
      </c>
      <c r="N15" s="190">
        <v>0</v>
      </c>
      <c r="O15" s="191">
        <v>0</v>
      </c>
      <c r="P15" s="196">
        <v>0</v>
      </c>
      <c r="Q15" s="193">
        <v>0</v>
      </c>
      <c r="R15" s="191">
        <v>0</v>
      </c>
      <c r="S15" s="191">
        <v>4</v>
      </c>
      <c r="T15" s="191">
        <v>17</v>
      </c>
      <c r="U15" s="191">
        <v>11</v>
      </c>
      <c r="V15" s="191">
        <v>10</v>
      </c>
      <c r="W15" s="196">
        <v>42</v>
      </c>
      <c r="X15" s="195">
        <v>42</v>
      </c>
      <c r="Y15" s="190">
        <v>49</v>
      </c>
      <c r="Z15" s="191">
        <v>182</v>
      </c>
      <c r="AA15" s="196">
        <v>231</v>
      </c>
      <c r="AB15" s="193">
        <v>0</v>
      </c>
      <c r="AC15" s="191">
        <v>194</v>
      </c>
      <c r="AD15" s="191">
        <v>268</v>
      </c>
      <c r="AE15" s="191">
        <v>119</v>
      </c>
      <c r="AF15" s="191">
        <v>182</v>
      </c>
      <c r="AG15" s="191">
        <v>89</v>
      </c>
      <c r="AH15" s="196">
        <v>852</v>
      </c>
      <c r="AI15" s="195">
        <v>1083</v>
      </c>
      <c r="AJ15" s="190">
        <v>15</v>
      </c>
      <c r="AK15" s="191">
        <v>8</v>
      </c>
      <c r="AL15" s="196">
        <v>23</v>
      </c>
      <c r="AM15" s="193">
        <v>0</v>
      </c>
      <c r="AN15" s="191">
        <v>8</v>
      </c>
      <c r="AO15" s="191">
        <v>24</v>
      </c>
      <c r="AP15" s="191">
        <v>22</v>
      </c>
      <c r="AQ15" s="191">
        <v>8</v>
      </c>
      <c r="AR15" s="191">
        <v>0</v>
      </c>
      <c r="AS15" s="196">
        <v>62</v>
      </c>
      <c r="AT15" s="195">
        <v>85</v>
      </c>
      <c r="AU15" s="190">
        <v>0</v>
      </c>
      <c r="AV15" s="191">
        <v>0</v>
      </c>
      <c r="AW15" s="196">
        <v>0</v>
      </c>
      <c r="AX15" s="193">
        <v>0</v>
      </c>
      <c r="AY15" s="191">
        <v>358</v>
      </c>
      <c r="AZ15" s="191">
        <v>331</v>
      </c>
      <c r="BA15" s="191">
        <v>162</v>
      </c>
      <c r="BB15" s="191">
        <v>90</v>
      </c>
      <c r="BC15" s="191">
        <v>69</v>
      </c>
      <c r="BD15" s="194">
        <v>1010</v>
      </c>
      <c r="BE15" s="195">
        <v>1010</v>
      </c>
      <c r="BF15" s="190">
        <v>0</v>
      </c>
      <c r="BG15" s="191">
        <v>0</v>
      </c>
      <c r="BH15" s="196">
        <v>0</v>
      </c>
      <c r="BI15" s="193">
        <v>0</v>
      </c>
      <c r="BJ15" s="191">
        <v>79</v>
      </c>
      <c r="BK15" s="191">
        <v>49</v>
      </c>
      <c r="BL15" s="191">
        <v>96</v>
      </c>
      <c r="BM15" s="191">
        <v>63</v>
      </c>
      <c r="BN15" s="191">
        <v>9</v>
      </c>
      <c r="BO15" s="196">
        <v>296</v>
      </c>
      <c r="BP15" s="195">
        <v>296</v>
      </c>
      <c r="BQ15" s="190">
        <v>0</v>
      </c>
      <c r="BR15" s="191">
        <v>3</v>
      </c>
      <c r="BS15" s="196">
        <v>3</v>
      </c>
      <c r="BT15" s="193">
        <v>0</v>
      </c>
      <c r="BU15" s="191">
        <v>47</v>
      </c>
      <c r="BV15" s="191">
        <v>33</v>
      </c>
      <c r="BW15" s="191">
        <v>69</v>
      </c>
      <c r="BX15" s="191">
        <v>118</v>
      </c>
      <c r="BY15" s="191">
        <v>-17</v>
      </c>
      <c r="BZ15" s="196">
        <v>250</v>
      </c>
      <c r="CA15" s="195">
        <v>253</v>
      </c>
      <c r="CB15" s="190">
        <v>0</v>
      </c>
      <c r="CC15" s="191">
        <v>0</v>
      </c>
      <c r="CD15" s="196">
        <v>0</v>
      </c>
      <c r="CE15" s="193">
        <v>0</v>
      </c>
      <c r="CF15" s="191">
        <v>22</v>
      </c>
      <c r="CG15" s="191">
        <v>0</v>
      </c>
      <c r="CH15" s="191">
        <v>6</v>
      </c>
      <c r="CI15" s="191">
        <v>0</v>
      </c>
      <c r="CJ15" s="191">
        <v>0</v>
      </c>
      <c r="CK15" s="196">
        <v>28</v>
      </c>
      <c r="CL15" s="195">
        <v>28</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194</v>
      </c>
      <c r="H16" s="191">
        <v>492</v>
      </c>
      <c r="I16" s="191">
        <v>370</v>
      </c>
      <c r="J16" s="191">
        <v>402</v>
      </c>
      <c r="K16" s="191">
        <v>590</v>
      </c>
      <c r="L16" s="194">
        <v>2048</v>
      </c>
      <c r="M16" s="195">
        <v>2048</v>
      </c>
      <c r="N16" s="190">
        <v>0</v>
      </c>
      <c r="O16" s="191">
        <v>0</v>
      </c>
      <c r="P16" s="196">
        <v>0</v>
      </c>
      <c r="Q16" s="193">
        <v>0</v>
      </c>
      <c r="R16" s="191">
        <v>0</v>
      </c>
      <c r="S16" s="191">
        <v>5</v>
      </c>
      <c r="T16" s="191">
        <v>0</v>
      </c>
      <c r="U16" s="191">
        <v>4</v>
      </c>
      <c r="V16" s="191">
        <v>14</v>
      </c>
      <c r="W16" s="196">
        <v>23</v>
      </c>
      <c r="X16" s="195">
        <v>23</v>
      </c>
      <c r="Y16" s="190">
        <v>2</v>
      </c>
      <c r="Z16" s="191">
        <v>41</v>
      </c>
      <c r="AA16" s="196">
        <v>43</v>
      </c>
      <c r="AB16" s="193">
        <v>0</v>
      </c>
      <c r="AC16" s="191">
        <v>171</v>
      </c>
      <c r="AD16" s="191">
        <v>169</v>
      </c>
      <c r="AE16" s="191">
        <v>204</v>
      </c>
      <c r="AF16" s="191">
        <v>32</v>
      </c>
      <c r="AG16" s="191">
        <v>35</v>
      </c>
      <c r="AH16" s="196">
        <v>611</v>
      </c>
      <c r="AI16" s="195">
        <v>654</v>
      </c>
      <c r="AJ16" s="190">
        <v>0</v>
      </c>
      <c r="AK16" s="191">
        <v>0</v>
      </c>
      <c r="AL16" s="196">
        <v>0</v>
      </c>
      <c r="AM16" s="193">
        <v>0</v>
      </c>
      <c r="AN16" s="191">
        <v>4</v>
      </c>
      <c r="AO16" s="191">
        <v>50</v>
      </c>
      <c r="AP16" s="191">
        <v>15</v>
      </c>
      <c r="AQ16" s="191">
        <v>4</v>
      </c>
      <c r="AR16" s="191">
        <v>28</v>
      </c>
      <c r="AS16" s="196">
        <v>101</v>
      </c>
      <c r="AT16" s="195">
        <v>101</v>
      </c>
      <c r="AU16" s="190">
        <v>0</v>
      </c>
      <c r="AV16" s="191">
        <v>0</v>
      </c>
      <c r="AW16" s="196">
        <v>0</v>
      </c>
      <c r="AX16" s="193">
        <v>0</v>
      </c>
      <c r="AY16" s="191">
        <v>146</v>
      </c>
      <c r="AZ16" s="191">
        <v>100</v>
      </c>
      <c r="BA16" s="191">
        <v>83</v>
      </c>
      <c r="BB16" s="191">
        <v>22</v>
      </c>
      <c r="BC16" s="191">
        <v>6</v>
      </c>
      <c r="BD16" s="194">
        <v>357</v>
      </c>
      <c r="BE16" s="195">
        <v>357</v>
      </c>
      <c r="BF16" s="190">
        <v>0</v>
      </c>
      <c r="BG16" s="191">
        <v>0</v>
      </c>
      <c r="BH16" s="196">
        <v>0</v>
      </c>
      <c r="BI16" s="193">
        <v>0</v>
      </c>
      <c r="BJ16" s="191">
        <v>20</v>
      </c>
      <c r="BK16" s="191">
        <v>31</v>
      </c>
      <c r="BL16" s="191">
        <v>18</v>
      </c>
      <c r="BM16" s="191">
        <v>57</v>
      </c>
      <c r="BN16" s="191">
        <v>9</v>
      </c>
      <c r="BO16" s="196">
        <v>135</v>
      </c>
      <c r="BP16" s="195">
        <v>135</v>
      </c>
      <c r="BQ16" s="190">
        <v>0</v>
      </c>
      <c r="BR16" s="191">
        <v>0</v>
      </c>
      <c r="BS16" s="196">
        <v>0</v>
      </c>
      <c r="BT16" s="193">
        <v>0</v>
      </c>
      <c r="BU16" s="191">
        <v>0</v>
      </c>
      <c r="BV16" s="191">
        <v>17</v>
      </c>
      <c r="BW16" s="191">
        <v>11</v>
      </c>
      <c r="BX16" s="191">
        <v>7</v>
      </c>
      <c r="BY16" s="191">
        <v>16</v>
      </c>
      <c r="BZ16" s="196">
        <v>51</v>
      </c>
      <c r="CA16" s="195">
        <v>5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81</v>
      </c>
      <c r="H17" s="191">
        <v>93</v>
      </c>
      <c r="I17" s="191">
        <v>0</v>
      </c>
      <c r="J17" s="191">
        <v>177</v>
      </c>
      <c r="K17" s="191">
        <v>26</v>
      </c>
      <c r="L17" s="194">
        <v>377</v>
      </c>
      <c r="M17" s="195">
        <v>377</v>
      </c>
      <c r="N17" s="190">
        <v>0</v>
      </c>
      <c r="O17" s="191">
        <v>0</v>
      </c>
      <c r="P17" s="196">
        <v>0</v>
      </c>
      <c r="Q17" s="193">
        <v>0</v>
      </c>
      <c r="R17" s="191">
        <v>0</v>
      </c>
      <c r="S17" s="191">
        <v>1</v>
      </c>
      <c r="T17" s="191">
        <v>4</v>
      </c>
      <c r="U17" s="191">
        <v>0</v>
      </c>
      <c r="V17" s="191">
        <v>13</v>
      </c>
      <c r="W17" s="196">
        <v>18</v>
      </c>
      <c r="X17" s="195">
        <v>18</v>
      </c>
      <c r="Y17" s="190">
        <v>0</v>
      </c>
      <c r="Z17" s="191">
        <v>9</v>
      </c>
      <c r="AA17" s="196">
        <v>9</v>
      </c>
      <c r="AB17" s="193">
        <v>0</v>
      </c>
      <c r="AC17" s="191">
        <v>26</v>
      </c>
      <c r="AD17" s="191">
        <v>16</v>
      </c>
      <c r="AE17" s="191">
        <v>17</v>
      </c>
      <c r="AF17" s="191">
        <v>17</v>
      </c>
      <c r="AG17" s="191">
        <v>43</v>
      </c>
      <c r="AH17" s="196">
        <v>119</v>
      </c>
      <c r="AI17" s="195">
        <v>128</v>
      </c>
      <c r="AJ17" s="190">
        <v>0</v>
      </c>
      <c r="AK17" s="191">
        <v>0</v>
      </c>
      <c r="AL17" s="196">
        <v>0</v>
      </c>
      <c r="AM17" s="193">
        <v>0</v>
      </c>
      <c r="AN17" s="191">
        <v>0</v>
      </c>
      <c r="AO17" s="191">
        <v>9</v>
      </c>
      <c r="AP17" s="191">
        <v>0</v>
      </c>
      <c r="AQ17" s="191">
        <v>0</v>
      </c>
      <c r="AR17" s="191">
        <v>15</v>
      </c>
      <c r="AS17" s="196">
        <v>24</v>
      </c>
      <c r="AT17" s="195">
        <v>24</v>
      </c>
      <c r="AU17" s="190">
        <v>0</v>
      </c>
      <c r="AV17" s="191">
        <v>0</v>
      </c>
      <c r="AW17" s="196">
        <v>0</v>
      </c>
      <c r="AX17" s="193">
        <v>0</v>
      </c>
      <c r="AY17" s="191">
        <v>16</v>
      </c>
      <c r="AZ17" s="191">
        <v>29</v>
      </c>
      <c r="BA17" s="191">
        <v>39</v>
      </c>
      <c r="BB17" s="191">
        <v>4</v>
      </c>
      <c r="BC17" s="191">
        <v>0</v>
      </c>
      <c r="BD17" s="194">
        <v>88</v>
      </c>
      <c r="BE17" s="195">
        <v>88</v>
      </c>
      <c r="BF17" s="190">
        <v>0</v>
      </c>
      <c r="BG17" s="191">
        <v>0</v>
      </c>
      <c r="BH17" s="196">
        <v>0</v>
      </c>
      <c r="BI17" s="193">
        <v>0</v>
      </c>
      <c r="BJ17" s="191">
        <v>3</v>
      </c>
      <c r="BK17" s="191">
        <v>8</v>
      </c>
      <c r="BL17" s="191">
        <v>14</v>
      </c>
      <c r="BM17" s="191">
        <v>6</v>
      </c>
      <c r="BN17" s="191">
        <v>9</v>
      </c>
      <c r="BO17" s="196">
        <v>40</v>
      </c>
      <c r="BP17" s="195">
        <v>40</v>
      </c>
      <c r="BQ17" s="190">
        <v>0</v>
      </c>
      <c r="BR17" s="191">
        <v>0</v>
      </c>
      <c r="BS17" s="196">
        <v>0</v>
      </c>
      <c r="BT17" s="193">
        <v>0</v>
      </c>
      <c r="BU17" s="191">
        <v>0</v>
      </c>
      <c r="BV17" s="191">
        <v>26</v>
      </c>
      <c r="BW17" s="191">
        <v>12</v>
      </c>
      <c r="BX17" s="191">
        <v>31</v>
      </c>
      <c r="BY17" s="191">
        <v>8</v>
      </c>
      <c r="BZ17" s="196">
        <v>77</v>
      </c>
      <c r="CA17" s="195">
        <v>77</v>
      </c>
      <c r="CB17" s="190">
        <v>0</v>
      </c>
      <c r="CC17" s="191">
        <v>0</v>
      </c>
      <c r="CD17" s="196">
        <v>0</v>
      </c>
      <c r="CE17" s="193">
        <v>0</v>
      </c>
      <c r="CF17" s="191">
        <v>0</v>
      </c>
      <c r="CG17" s="191">
        <v>5</v>
      </c>
      <c r="CH17" s="191">
        <v>0</v>
      </c>
      <c r="CI17" s="191">
        <v>0</v>
      </c>
      <c r="CJ17" s="191">
        <v>0</v>
      </c>
      <c r="CK17" s="196">
        <v>5</v>
      </c>
      <c r="CL17" s="195">
        <v>5</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38</v>
      </c>
      <c r="H18" s="191">
        <v>436</v>
      </c>
      <c r="I18" s="191">
        <v>95</v>
      </c>
      <c r="J18" s="191">
        <v>175</v>
      </c>
      <c r="K18" s="191">
        <v>83</v>
      </c>
      <c r="L18" s="194">
        <v>827</v>
      </c>
      <c r="M18" s="195">
        <v>827</v>
      </c>
      <c r="N18" s="190">
        <v>0</v>
      </c>
      <c r="O18" s="191">
        <v>0</v>
      </c>
      <c r="P18" s="196">
        <v>0</v>
      </c>
      <c r="Q18" s="193">
        <v>0</v>
      </c>
      <c r="R18" s="191">
        <v>0</v>
      </c>
      <c r="S18" s="191">
        <v>0</v>
      </c>
      <c r="T18" s="191">
        <v>0</v>
      </c>
      <c r="U18" s="191">
        <v>5</v>
      </c>
      <c r="V18" s="191">
        <v>9</v>
      </c>
      <c r="W18" s="196">
        <v>14</v>
      </c>
      <c r="X18" s="195">
        <v>14</v>
      </c>
      <c r="Y18" s="190">
        <v>6</v>
      </c>
      <c r="Z18" s="191">
        <v>54</v>
      </c>
      <c r="AA18" s="196">
        <v>60</v>
      </c>
      <c r="AB18" s="193">
        <v>0</v>
      </c>
      <c r="AC18" s="191">
        <v>31</v>
      </c>
      <c r="AD18" s="191">
        <v>131</v>
      </c>
      <c r="AE18" s="191">
        <v>116</v>
      </c>
      <c r="AF18" s="191">
        <v>116</v>
      </c>
      <c r="AG18" s="191">
        <v>18</v>
      </c>
      <c r="AH18" s="196">
        <v>412</v>
      </c>
      <c r="AI18" s="195">
        <v>472</v>
      </c>
      <c r="AJ18" s="190">
        <v>3</v>
      </c>
      <c r="AK18" s="191">
        <v>0</v>
      </c>
      <c r="AL18" s="196">
        <v>3</v>
      </c>
      <c r="AM18" s="193">
        <v>0</v>
      </c>
      <c r="AN18" s="191">
        <v>0</v>
      </c>
      <c r="AO18" s="191">
        <v>20</v>
      </c>
      <c r="AP18" s="191">
        <v>12</v>
      </c>
      <c r="AQ18" s="191">
        <v>0</v>
      </c>
      <c r="AR18" s="191">
        <v>15</v>
      </c>
      <c r="AS18" s="196">
        <v>47</v>
      </c>
      <c r="AT18" s="195">
        <v>50</v>
      </c>
      <c r="AU18" s="190">
        <v>0</v>
      </c>
      <c r="AV18" s="191">
        <v>0</v>
      </c>
      <c r="AW18" s="196">
        <v>0</v>
      </c>
      <c r="AX18" s="193">
        <v>0</v>
      </c>
      <c r="AY18" s="191">
        <v>211</v>
      </c>
      <c r="AZ18" s="191">
        <v>175</v>
      </c>
      <c r="BA18" s="191">
        <v>51</v>
      </c>
      <c r="BB18" s="191">
        <v>56</v>
      </c>
      <c r="BC18" s="191">
        <v>10</v>
      </c>
      <c r="BD18" s="194">
        <v>503</v>
      </c>
      <c r="BE18" s="195">
        <v>503</v>
      </c>
      <c r="BF18" s="190">
        <v>0</v>
      </c>
      <c r="BG18" s="191">
        <v>0</v>
      </c>
      <c r="BH18" s="196">
        <v>0</v>
      </c>
      <c r="BI18" s="193">
        <v>0</v>
      </c>
      <c r="BJ18" s="191">
        <v>69</v>
      </c>
      <c r="BK18" s="191">
        <v>144</v>
      </c>
      <c r="BL18" s="191">
        <v>44</v>
      </c>
      <c r="BM18" s="191">
        <v>20</v>
      </c>
      <c r="BN18" s="191">
        <v>9</v>
      </c>
      <c r="BO18" s="196">
        <v>286</v>
      </c>
      <c r="BP18" s="195">
        <v>286</v>
      </c>
      <c r="BQ18" s="190">
        <v>0</v>
      </c>
      <c r="BR18" s="191">
        <v>0</v>
      </c>
      <c r="BS18" s="196">
        <v>0</v>
      </c>
      <c r="BT18" s="193">
        <v>0</v>
      </c>
      <c r="BU18" s="191">
        <v>0</v>
      </c>
      <c r="BV18" s="191">
        <v>34</v>
      </c>
      <c r="BW18" s="191">
        <v>11</v>
      </c>
      <c r="BX18" s="191">
        <v>10</v>
      </c>
      <c r="BY18" s="191">
        <v>0</v>
      </c>
      <c r="BZ18" s="196">
        <v>55</v>
      </c>
      <c r="CA18" s="195">
        <v>55</v>
      </c>
      <c r="CB18" s="190">
        <v>0</v>
      </c>
      <c r="CC18" s="191">
        <v>0</v>
      </c>
      <c r="CD18" s="196">
        <v>0</v>
      </c>
      <c r="CE18" s="193">
        <v>0</v>
      </c>
      <c r="CF18" s="191">
        <v>0</v>
      </c>
      <c r="CG18" s="191">
        <v>30</v>
      </c>
      <c r="CH18" s="191">
        <v>0</v>
      </c>
      <c r="CI18" s="191">
        <v>0</v>
      </c>
      <c r="CJ18" s="191">
        <v>0</v>
      </c>
      <c r="CK18" s="196">
        <v>30</v>
      </c>
      <c r="CL18" s="195">
        <v>3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201</v>
      </c>
      <c r="H19" s="191">
        <v>434</v>
      </c>
      <c r="I19" s="191">
        <v>736</v>
      </c>
      <c r="J19" s="191">
        <v>255</v>
      </c>
      <c r="K19" s="191">
        <v>377</v>
      </c>
      <c r="L19" s="194">
        <v>2003</v>
      </c>
      <c r="M19" s="195">
        <v>2003</v>
      </c>
      <c r="N19" s="190">
        <v>0</v>
      </c>
      <c r="O19" s="191">
        <v>0</v>
      </c>
      <c r="P19" s="196">
        <v>0</v>
      </c>
      <c r="Q19" s="193">
        <v>0</v>
      </c>
      <c r="R19" s="191">
        <v>0</v>
      </c>
      <c r="S19" s="191">
        <v>1</v>
      </c>
      <c r="T19" s="191">
        <v>3</v>
      </c>
      <c r="U19" s="191">
        <v>15</v>
      </c>
      <c r="V19" s="191">
        <v>9</v>
      </c>
      <c r="W19" s="196">
        <v>28</v>
      </c>
      <c r="X19" s="195">
        <v>28</v>
      </c>
      <c r="Y19" s="190">
        <v>26</v>
      </c>
      <c r="Z19" s="191">
        <v>63</v>
      </c>
      <c r="AA19" s="196">
        <v>89</v>
      </c>
      <c r="AB19" s="193">
        <v>0</v>
      </c>
      <c r="AC19" s="191">
        <v>88</v>
      </c>
      <c r="AD19" s="191">
        <v>242</v>
      </c>
      <c r="AE19" s="191">
        <v>192</v>
      </c>
      <c r="AF19" s="191">
        <v>90</v>
      </c>
      <c r="AG19" s="191">
        <v>41</v>
      </c>
      <c r="AH19" s="196">
        <v>653</v>
      </c>
      <c r="AI19" s="195">
        <v>742</v>
      </c>
      <c r="AJ19" s="190">
        <v>15</v>
      </c>
      <c r="AK19" s="191">
        <v>0</v>
      </c>
      <c r="AL19" s="196">
        <v>15</v>
      </c>
      <c r="AM19" s="193">
        <v>0</v>
      </c>
      <c r="AN19" s="191">
        <v>0</v>
      </c>
      <c r="AO19" s="191">
        <v>52</v>
      </c>
      <c r="AP19" s="191">
        <v>57</v>
      </c>
      <c r="AQ19" s="191">
        <v>27</v>
      </c>
      <c r="AR19" s="191">
        <v>0</v>
      </c>
      <c r="AS19" s="196">
        <v>136</v>
      </c>
      <c r="AT19" s="195">
        <v>151</v>
      </c>
      <c r="AU19" s="190">
        <v>0</v>
      </c>
      <c r="AV19" s="191">
        <v>0</v>
      </c>
      <c r="AW19" s="196">
        <v>0</v>
      </c>
      <c r="AX19" s="193">
        <v>0</v>
      </c>
      <c r="AY19" s="191">
        <v>181</v>
      </c>
      <c r="AZ19" s="191">
        <v>286</v>
      </c>
      <c r="BA19" s="191">
        <v>126</v>
      </c>
      <c r="BB19" s="191">
        <v>117</v>
      </c>
      <c r="BC19" s="191">
        <v>26</v>
      </c>
      <c r="BD19" s="194">
        <v>736</v>
      </c>
      <c r="BE19" s="195">
        <v>736</v>
      </c>
      <c r="BF19" s="190">
        <v>0</v>
      </c>
      <c r="BG19" s="191">
        <v>0</v>
      </c>
      <c r="BH19" s="196">
        <v>0</v>
      </c>
      <c r="BI19" s="193">
        <v>0</v>
      </c>
      <c r="BJ19" s="191">
        <v>36</v>
      </c>
      <c r="BK19" s="191">
        <v>101</v>
      </c>
      <c r="BL19" s="191">
        <v>61</v>
      </c>
      <c r="BM19" s="191">
        <v>53</v>
      </c>
      <c r="BN19" s="191">
        <v>6</v>
      </c>
      <c r="BO19" s="196">
        <v>257</v>
      </c>
      <c r="BP19" s="195">
        <v>257</v>
      </c>
      <c r="BQ19" s="190">
        <v>0</v>
      </c>
      <c r="BR19" s="191">
        <v>7</v>
      </c>
      <c r="BS19" s="196">
        <v>7</v>
      </c>
      <c r="BT19" s="193">
        <v>0</v>
      </c>
      <c r="BU19" s="191">
        <v>7</v>
      </c>
      <c r="BV19" s="191">
        <v>50</v>
      </c>
      <c r="BW19" s="191">
        <v>28</v>
      </c>
      <c r="BX19" s="191">
        <v>24</v>
      </c>
      <c r="BY19" s="191">
        <v>14</v>
      </c>
      <c r="BZ19" s="196">
        <v>123</v>
      </c>
      <c r="CA19" s="195">
        <v>130</v>
      </c>
      <c r="CB19" s="190">
        <v>0</v>
      </c>
      <c r="CC19" s="191">
        <v>0</v>
      </c>
      <c r="CD19" s="196">
        <v>0</v>
      </c>
      <c r="CE19" s="193">
        <v>0</v>
      </c>
      <c r="CF19" s="191">
        <v>0</v>
      </c>
      <c r="CG19" s="191">
        <v>5</v>
      </c>
      <c r="CH19" s="191">
        <v>0</v>
      </c>
      <c r="CI19" s="191">
        <v>0</v>
      </c>
      <c r="CJ19" s="191">
        <v>0</v>
      </c>
      <c r="CK19" s="196">
        <v>5</v>
      </c>
      <c r="CL19" s="195">
        <v>5</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290</v>
      </c>
      <c r="H20" s="191">
        <v>260</v>
      </c>
      <c r="I20" s="191">
        <v>830</v>
      </c>
      <c r="J20" s="191">
        <v>1154</v>
      </c>
      <c r="K20" s="191">
        <v>307</v>
      </c>
      <c r="L20" s="194">
        <v>2841</v>
      </c>
      <c r="M20" s="195">
        <v>2841</v>
      </c>
      <c r="N20" s="190">
        <v>0</v>
      </c>
      <c r="O20" s="191">
        <v>0</v>
      </c>
      <c r="P20" s="196">
        <v>0</v>
      </c>
      <c r="Q20" s="193">
        <v>0</v>
      </c>
      <c r="R20" s="191">
        <v>0</v>
      </c>
      <c r="S20" s="191">
        <v>0</v>
      </c>
      <c r="T20" s="191">
        <v>5</v>
      </c>
      <c r="U20" s="191">
        <v>24</v>
      </c>
      <c r="V20" s="191">
        <v>4</v>
      </c>
      <c r="W20" s="196">
        <v>33</v>
      </c>
      <c r="X20" s="195">
        <v>33</v>
      </c>
      <c r="Y20" s="190">
        <v>43</v>
      </c>
      <c r="Z20" s="191">
        <v>19</v>
      </c>
      <c r="AA20" s="196">
        <v>62</v>
      </c>
      <c r="AB20" s="193">
        <v>0</v>
      </c>
      <c r="AC20" s="191">
        <v>263</v>
      </c>
      <c r="AD20" s="191">
        <v>297</v>
      </c>
      <c r="AE20" s="191">
        <v>208</v>
      </c>
      <c r="AF20" s="191">
        <v>249</v>
      </c>
      <c r="AG20" s="191">
        <v>147</v>
      </c>
      <c r="AH20" s="196">
        <v>1164</v>
      </c>
      <c r="AI20" s="195">
        <v>1226</v>
      </c>
      <c r="AJ20" s="190">
        <v>9</v>
      </c>
      <c r="AK20" s="191">
        <v>10</v>
      </c>
      <c r="AL20" s="196">
        <v>19</v>
      </c>
      <c r="AM20" s="193">
        <v>0</v>
      </c>
      <c r="AN20" s="191">
        <v>21</v>
      </c>
      <c r="AO20" s="191">
        <v>52</v>
      </c>
      <c r="AP20" s="191">
        <v>87</v>
      </c>
      <c r="AQ20" s="191">
        <v>6</v>
      </c>
      <c r="AR20" s="191">
        <v>0</v>
      </c>
      <c r="AS20" s="196">
        <v>166</v>
      </c>
      <c r="AT20" s="195">
        <v>185</v>
      </c>
      <c r="AU20" s="190">
        <v>0</v>
      </c>
      <c r="AV20" s="191">
        <v>0</v>
      </c>
      <c r="AW20" s="196">
        <v>0</v>
      </c>
      <c r="AX20" s="193">
        <v>0</v>
      </c>
      <c r="AY20" s="191">
        <v>275</v>
      </c>
      <c r="AZ20" s="191">
        <v>424</v>
      </c>
      <c r="BA20" s="191">
        <v>173</v>
      </c>
      <c r="BB20" s="191">
        <v>125</v>
      </c>
      <c r="BC20" s="191">
        <v>78</v>
      </c>
      <c r="BD20" s="194">
        <v>1075</v>
      </c>
      <c r="BE20" s="195">
        <v>1075</v>
      </c>
      <c r="BF20" s="190">
        <v>0</v>
      </c>
      <c r="BG20" s="191">
        <v>0</v>
      </c>
      <c r="BH20" s="196">
        <v>0</v>
      </c>
      <c r="BI20" s="193">
        <v>0</v>
      </c>
      <c r="BJ20" s="191">
        <v>75</v>
      </c>
      <c r="BK20" s="191">
        <v>122</v>
      </c>
      <c r="BL20" s="191">
        <v>57</v>
      </c>
      <c r="BM20" s="191">
        <v>38</v>
      </c>
      <c r="BN20" s="191">
        <v>7</v>
      </c>
      <c r="BO20" s="196">
        <v>299</v>
      </c>
      <c r="BP20" s="195">
        <v>299</v>
      </c>
      <c r="BQ20" s="190">
        <v>0</v>
      </c>
      <c r="BR20" s="191">
        <v>0</v>
      </c>
      <c r="BS20" s="196">
        <v>0</v>
      </c>
      <c r="BT20" s="193">
        <v>0</v>
      </c>
      <c r="BU20" s="191">
        <v>18</v>
      </c>
      <c r="BV20" s="191">
        <v>42</v>
      </c>
      <c r="BW20" s="191">
        <v>110</v>
      </c>
      <c r="BX20" s="191">
        <v>89</v>
      </c>
      <c r="BY20" s="191">
        <v>123</v>
      </c>
      <c r="BZ20" s="196">
        <v>382</v>
      </c>
      <c r="CA20" s="195">
        <v>382</v>
      </c>
      <c r="CB20" s="190">
        <v>0</v>
      </c>
      <c r="CC20" s="191">
        <v>0</v>
      </c>
      <c r="CD20" s="196">
        <v>0</v>
      </c>
      <c r="CE20" s="193">
        <v>0</v>
      </c>
      <c r="CF20" s="191">
        <v>0</v>
      </c>
      <c r="CG20" s="191">
        <v>12</v>
      </c>
      <c r="CH20" s="191">
        <v>0</v>
      </c>
      <c r="CI20" s="191">
        <v>0</v>
      </c>
      <c r="CJ20" s="191">
        <v>4</v>
      </c>
      <c r="CK20" s="196">
        <v>16</v>
      </c>
      <c r="CL20" s="195">
        <v>16</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83</v>
      </c>
      <c r="H21" s="191">
        <v>248</v>
      </c>
      <c r="I21" s="191">
        <v>163</v>
      </c>
      <c r="J21" s="191">
        <v>17</v>
      </c>
      <c r="K21" s="191">
        <v>7</v>
      </c>
      <c r="L21" s="194">
        <v>518</v>
      </c>
      <c r="M21" s="195">
        <v>518</v>
      </c>
      <c r="N21" s="190">
        <v>0</v>
      </c>
      <c r="O21" s="191">
        <v>0</v>
      </c>
      <c r="P21" s="196">
        <v>0</v>
      </c>
      <c r="Q21" s="193">
        <v>0</v>
      </c>
      <c r="R21" s="191">
        <v>0</v>
      </c>
      <c r="S21" s="191">
        <v>2</v>
      </c>
      <c r="T21" s="191">
        <v>8</v>
      </c>
      <c r="U21" s="191">
        <v>0</v>
      </c>
      <c r="V21" s="191">
        <v>4</v>
      </c>
      <c r="W21" s="196">
        <v>14</v>
      </c>
      <c r="X21" s="195">
        <v>14</v>
      </c>
      <c r="Y21" s="190">
        <v>22</v>
      </c>
      <c r="Z21" s="191">
        <v>37</v>
      </c>
      <c r="AA21" s="196">
        <v>59</v>
      </c>
      <c r="AB21" s="193">
        <v>0</v>
      </c>
      <c r="AC21" s="191">
        <v>137</v>
      </c>
      <c r="AD21" s="191">
        <v>110</v>
      </c>
      <c r="AE21" s="191">
        <v>72</v>
      </c>
      <c r="AF21" s="191">
        <v>53</v>
      </c>
      <c r="AG21" s="191">
        <v>28</v>
      </c>
      <c r="AH21" s="196">
        <v>400</v>
      </c>
      <c r="AI21" s="195">
        <v>459</v>
      </c>
      <c r="AJ21" s="190">
        <v>0</v>
      </c>
      <c r="AK21" s="191">
        <v>0</v>
      </c>
      <c r="AL21" s="196">
        <v>0</v>
      </c>
      <c r="AM21" s="193">
        <v>0</v>
      </c>
      <c r="AN21" s="191">
        <v>12</v>
      </c>
      <c r="AO21" s="191">
        <v>0</v>
      </c>
      <c r="AP21" s="191">
        <v>0</v>
      </c>
      <c r="AQ21" s="191">
        <v>22</v>
      </c>
      <c r="AR21" s="191">
        <v>0</v>
      </c>
      <c r="AS21" s="196">
        <v>34</v>
      </c>
      <c r="AT21" s="195">
        <v>34</v>
      </c>
      <c r="AU21" s="190">
        <v>0</v>
      </c>
      <c r="AV21" s="191">
        <v>0</v>
      </c>
      <c r="AW21" s="196">
        <v>0</v>
      </c>
      <c r="AX21" s="193">
        <v>0</v>
      </c>
      <c r="AY21" s="191">
        <v>124</v>
      </c>
      <c r="AZ21" s="191">
        <v>129</v>
      </c>
      <c r="BA21" s="191">
        <v>22</v>
      </c>
      <c r="BB21" s="191">
        <v>14</v>
      </c>
      <c r="BC21" s="191">
        <v>53</v>
      </c>
      <c r="BD21" s="194">
        <v>342</v>
      </c>
      <c r="BE21" s="195">
        <v>342</v>
      </c>
      <c r="BF21" s="190">
        <v>0</v>
      </c>
      <c r="BG21" s="191">
        <v>0</v>
      </c>
      <c r="BH21" s="196">
        <v>0</v>
      </c>
      <c r="BI21" s="193">
        <v>0</v>
      </c>
      <c r="BJ21" s="191">
        <v>83</v>
      </c>
      <c r="BK21" s="191">
        <v>38</v>
      </c>
      <c r="BL21" s="191">
        <v>28</v>
      </c>
      <c r="BM21" s="191">
        <v>25</v>
      </c>
      <c r="BN21" s="191">
        <v>12</v>
      </c>
      <c r="BO21" s="196">
        <v>186</v>
      </c>
      <c r="BP21" s="195">
        <v>186</v>
      </c>
      <c r="BQ21" s="190">
        <v>0</v>
      </c>
      <c r="BR21" s="191">
        <v>0</v>
      </c>
      <c r="BS21" s="196">
        <v>0</v>
      </c>
      <c r="BT21" s="193">
        <v>0</v>
      </c>
      <c r="BU21" s="191">
        <v>4</v>
      </c>
      <c r="BV21" s="191">
        <v>10</v>
      </c>
      <c r="BW21" s="191">
        <v>8</v>
      </c>
      <c r="BX21" s="191">
        <v>0</v>
      </c>
      <c r="BY21" s="191">
        <v>0</v>
      </c>
      <c r="BZ21" s="196">
        <v>22</v>
      </c>
      <c r="CA21" s="195">
        <v>22</v>
      </c>
      <c r="CB21" s="190">
        <v>0</v>
      </c>
      <c r="CC21" s="191">
        <v>0</v>
      </c>
      <c r="CD21" s="196">
        <v>0</v>
      </c>
      <c r="CE21" s="193">
        <v>0</v>
      </c>
      <c r="CF21" s="191">
        <v>2</v>
      </c>
      <c r="CG21" s="191">
        <v>0</v>
      </c>
      <c r="CH21" s="191">
        <v>4</v>
      </c>
      <c r="CI21" s="191">
        <v>13</v>
      </c>
      <c r="CJ21" s="191">
        <v>0</v>
      </c>
      <c r="CK21" s="196">
        <v>19</v>
      </c>
      <c r="CL21" s="195">
        <v>19</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177</v>
      </c>
      <c r="H22" s="191">
        <v>289</v>
      </c>
      <c r="I22" s="191">
        <v>113</v>
      </c>
      <c r="J22" s="191">
        <v>537</v>
      </c>
      <c r="K22" s="191">
        <v>279</v>
      </c>
      <c r="L22" s="194">
        <v>1395</v>
      </c>
      <c r="M22" s="195">
        <v>1395</v>
      </c>
      <c r="N22" s="190">
        <v>0</v>
      </c>
      <c r="O22" s="191">
        <v>0</v>
      </c>
      <c r="P22" s="196">
        <v>0</v>
      </c>
      <c r="Q22" s="193">
        <v>0</v>
      </c>
      <c r="R22" s="191">
        <v>1</v>
      </c>
      <c r="S22" s="191">
        <v>0</v>
      </c>
      <c r="T22" s="191">
        <v>0</v>
      </c>
      <c r="U22" s="191">
        <v>25</v>
      </c>
      <c r="V22" s="191">
        <v>11</v>
      </c>
      <c r="W22" s="196">
        <v>37</v>
      </c>
      <c r="X22" s="195">
        <v>37</v>
      </c>
      <c r="Y22" s="190">
        <v>33</v>
      </c>
      <c r="Z22" s="191">
        <v>29</v>
      </c>
      <c r="AA22" s="196">
        <v>62</v>
      </c>
      <c r="AB22" s="193">
        <v>0</v>
      </c>
      <c r="AC22" s="191">
        <v>121</v>
      </c>
      <c r="AD22" s="191">
        <v>162</v>
      </c>
      <c r="AE22" s="191">
        <v>114</v>
      </c>
      <c r="AF22" s="191">
        <v>81</v>
      </c>
      <c r="AG22" s="191">
        <v>0</v>
      </c>
      <c r="AH22" s="196">
        <v>478</v>
      </c>
      <c r="AI22" s="195">
        <v>540</v>
      </c>
      <c r="AJ22" s="190">
        <v>0</v>
      </c>
      <c r="AK22" s="191">
        <v>58</v>
      </c>
      <c r="AL22" s="196">
        <v>58</v>
      </c>
      <c r="AM22" s="193">
        <v>0</v>
      </c>
      <c r="AN22" s="191">
        <v>75</v>
      </c>
      <c r="AO22" s="191">
        <v>62</v>
      </c>
      <c r="AP22" s="191">
        <v>0</v>
      </c>
      <c r="AQ22" s="191">
        <v>24</v>
      </c>
      <c r="AR22" s="191">
        <v>15</v>
      </c>
      <c r="AS22" s="196">
        <v>176</v>
      </c>
      <c r="AT22" s="195">
        <v>234</v>
      </c>
      <c r="AU22" s="190">
        <v>0</v>
      </c>
      <c r="AV22" s="191">
        <v>0</v>
      </c>
      <c r="AW22" s="196">
        <v>0</v>
      </c>
      <c r="AX22" s="193">
        <v>0</v>
      </c>
      <c r="AY22" s="191">
        <v>149</v>
      </c>
      <c r="AZ22" s="191">
        <v>119</v>
      </c>
      <c r="BA22" s="191">
        <v>135</v>
      </c>
      <c r="BB22" s="191">
        <v>40</v>
      </c>
      <c r="BC22" s="191">
        <v>38</v>
      </c>
      <c r="BD22" s="194">
        <v>481</v>
      </c>
      <c r="BE22" s="195">
        <v>481</v>
      </c>
      <c r="BF22" s="190">
        <v>0</v>
      </c>
      <c r="BG22" s="191">
        <v>0</v>
      </c>
      <c r="BH22" s="196">
        <v>0</v>
      </c>
      <c r="BI22" s="193">
        <v>0</v>
      </c>
      <c r="BJ22" s="191">
        <v>38</v>
      </c>
      <c r="BK22" s="191">
        <v>76</v>
      </c>
      <c r="BL22" s="191">
        <v>35</v>
      </c>
      <c r="BM22" s="191">
        <v>42</v>
      </c>
      <c r="BN22" s="191">
        <v>0</v>
      </c>
      <c r="BO22" s="196">
        <v>191</v>
      </c>
      <c r="BP22" s="195">
        <v>191</v>
      </c>
      <c r="BQ22" s="190">
        <v>0</v>
      </c>
      <c r="BR22" s="191">
        <v>6</v>
      </c>
      <c r="BS22" s="196">
        <v>6</v>
      </c>
      <c r="BT22" s="193">
        <v>0</v>
      </c>
      <c r="BU22" s="191">
        <v>15</v>
      </c>
      <c r="BV22" s="191">
        <v>69</v>
      </c>
      <c r="BW22" s="191">
        <v>46</v>
      </c>
      <c r="BX22" s="191">
        <v>8</v>
      </c>
      <c r="BY22" s="191">
        <v>51</v>
      </c>
      <c r="BZ22" s="196">
        <v>189</v>
      </c>
      <c r="CA22" s="195">
        <v>195</v>
      </c>
      <c r="CB22" s="190">
        <v>0</v>
      </c>
      <c r="CC22" s="191">
        <v>0</v>
      </c>
      <c r="CD22" s="196">
        <v>0</v>
      </c>
      <c r="CE22" s="193">
        <v>0</v>
      </c>
      <c r="CF22" s="191">
        <v>1</v>
      </c>
      <c r="CG22" s="191">
        <v>4</v>
      </c>
      <c r="CH22" s="191">
        <v>0</v>
      </c>
      <c r="CI22" s="191">
        <v>0</v>
      </c>
      <c r="CJ22" s="191">
        <v>0</v>
      </c>
      <c r="CK22" s="196">
        <v>5</v>
      </c>
      <c r="CL22" s="195">
        <v>5</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49</v>
      </c>
      <c r="H23" s="191">
        <v>257</v>
      </c>
      <c r="I23" s="191">
        <v>46</v>
      </c>
      <c r="J23" s="191">
        <v>315</v>
      </c>
      <c r="K23" s="191">
        <v>157</v>
      </c>
      <c r="L23" s="194">
        <v>924</v>
      </c>
      <c r="M23" s="195">
        <v>924</v>
      </c>
      <c r="N23" s="190">
        <v>0</v>
      </c>
      <c r="O23" s="191">
        <v>0</v>
      </c>
      <c r="P23" s="196">
        <v>0</v>
      </c>
      <c r="Q23" s="193">
        <v>0</v>
      </c>
      <c r="R23" s="191">
        <v>0</v>
      </c>
      <c r="S23" s="191">
        <v>0</v>
      </c>
      <c r="T23" s="191">
        <v>0</v>
      </c>
      <c r="U23" s="191">
        <v>3</v>
      </c>
      <c r="V23" s="191">
        <v>20</v>
      </c>
      <c r="W23" s="196">
        <v>23</v>
      </c>
      <c r="X23" s="195">
        <v>23</v>
      </c>
      <c r="Y23" s="190">
        <v>0</v>
      </c>
      <c r="Z23" s="191">
        <v>0</v>
      </c>
      <c r="AA23" s="196">
        <v>0</v>
      </c>
      <c r="AB23" s="193">
        <v>0</v>
      </c>
      <c r="AC23" s="191">
        <v>95</v>
      </c>
      <c r="AD23" s="191">
        <v>81</v>
      </c>
      <c r="AE23" s="191">
        <v>81</v>
      </c>
      <c r="AF23" s="191">
        <v>32</v>
      </c>
      <c r="AG23" s="191">
        <v>90</v>
      </c>
      <c r="AH23" s="196">
        <v>379</v>
      </c>
      <c r="AI23" s="195">
        <v>379</v>
      </c>
      <c r="AJ23" s="190">
        <v>0</v>
      </c>
      <c r="AK23" s="191">
        <v>27</v>
      </c>
      <c r="AL23" s="196">
        <v>27</v>
      </c>
      <c r="AM23" s="193">
        <v>0</v>
      </c>
      <c r="AN23" s="191">
        <v>0</v>
      </c>
      <c r="AO23" s="191">
        <v>0</v>
      </c>
      <c r="AP23" s="191">
        <v>18</v>
      </c>
      <c r="AQ23" s="191">
        <v>0</v>
      </c>
      <c r="AR23" s="191">
        <v>6</v>
      </c>
      <c r="AS23" s="196">
        <v>24</v>
      </c>
      <c r="AT23" s="195">
        <v>51</v>
      </c>
      <c r="AU23" s="190">
        <v>0</v>
      </c>
      <c r="AV23" s="191">
        <v>0</v>
      </c>
      <c r="AW23" s="196">
        <v>0</v>
      </c>
      <c r="AX23" s="193">
        <v>0</v>
      </c>
      <c r="AY23" s="191">
        <v>127</v>
      </c>
      <c r="AZ23" s="191">
        <v>116</v>
      </c>
      <c r="BA23" s="191">
        <v>55</v>
      </c>
      <c r="BB23" s="191">
        <v>39</v>
      </c>
      <c r="BC23" s="191">
        <v>31</v>
      </c>
      <c r="BD23" s="194">
        <v>368</v>
      </c>
      <c r="BE23" s="195">
        <v>368</v>
      </c>
      <c r="BF23" s="190">
        <v>0</v>
      </c>
      <c r="BG23" s="191">
        <v>0</v>
      </c>
      <c r="BH23" s="196">
        <v>0</v>
      </c>
      <c r="BI23" s="193">
        <v>0</v>
      </c>
      <c r="BJ23" s="191">
        <v>4</v>
      </c>
      <c r="BK23" s="191">
        <v>23</v>
      </c>
      <c r="BL23" s="191">
        <v>15</v>
      </c>
      <c r="BM23" s="191">
        <v>0</v>
      </c>
      <c r="BN23" s="191">
        <v>12</v>
      </c>
      <c r="BO23" s="196">
        <v>54</v>
      </c>
      <c r="BP23" s="195">
        <v>54</v>
      </c>
      <c r="BQ23" s="190">
        <v>0</v>
      </c>
      <c r="BR23" s="191">
        <v>0</v>
      </c>
      <c r="BS23" s="196">
        <v>0</v>
      </c>
      <c r="BT23" s="193">
        <v>0</v>
      </c>
      <c r="BU23" s="191">
        <v>9</v>
      </c>
      <c r="BV23" s="191">
        <v>8</v>
      </c>
      <c r="BW23" s="191">
        <v>33</v>
      </c>
      <c r="BX23" s="191">
        <v>0</v>
      </c>
      <c r="BY23" s="191">
        <v>0</v>
      </c>
      <c r="BZ23" s="196">
        <v>50</v>
      </c>
      <c r="CA23" s="195">
        <v>50</v>
      </c>
      <c r="CB23" s="190">
        <v>0</v>
      </c>
      <c r="CC23" s="191">
        <v>0</v>
      </c>
      <c r="CD23" s="196">
        <v>0</v>
      </c>
      <c r="CE23" s="193">
        <v>0</v>
      </c>
      <c r="CF23" s="191">
        <v>0</v>
      </c>
      <c r="CG23" s="191">
        <v>0</v>
      </c>
      <c r="CH23" s="191">
        <v>16</v>
      </c>
      <c r="CI23" s="191">
        <v>0</v>
      </c>
      <c r="CJ23" s="191">
        <v>0</v>
      </c>
      <c r="CK23" s="196">
        <v>16</v>
      </c>
      <c r="CL23" s="195">
        <v>16</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9</v>
      </c>
      <c r="H24" s="191">
        <v>14</v>
      </c>
      <c r="I24" s="191">
        <v>33</v>
      </c>
      <c r="J24" s="191">
        <v>119</v>
      </c>
      <c r="K24" s="191">
        <v>196</v>
      </c>
      <c r="L24" s="194">
        <v>391</v>
      </c>
      <c r="M24" s="195">
        <v>391</v>
      </c>
      <c r="N24" s="190">
        <v>0</v>
      </c>
      <c r="O24" s="191">
        <v>0</v>
      </c>
      <c r="P24" s="196">
        <v>0</v>
      </c>
      <c r="Q24" s="193">
        <v>0</v>
      </c>
      <c r="R24" s="191">
        <v>0</v>
      </c>
      <c r="S24" s="191">
        <v>0</v>
      </c>
      <c r="T24" s="191">
        <v>0</v>
      </c>
      <c r="U24" s="191">
        <v>0</v>
      </c>
      <c r="V24" s="191">
        <v>43</v>
      </c>
      <c r="W24" s="196">
        <v>43</v>
      </c>
      <c r="X24" s="195">
        <v>43</v>
      </c>
      <c r="Y24" s="190">
        <v>0</v>
      </c>
      <c r="Z24" s="191">
        <v>0</v>
      </c>
      <c r="AA24" s="196">
        <v>0</v>
      </c>
      <c r="AB24" s="193">
        <v>0</v>
      </c>
      <c r="AC24" s="191">
        <v>30</v>
      </c>
      <c r="AD24" s="191">
        <v>5</v>
      </c>
      <c r="AE24" s="191">
        <v>4</v>
      </c>
      <c r="AF24" s="191">
        <v>1</v>
      </c>
      <c r="AG24" s="191">
        <v>90</v>
      </c>
      <c r="AH24" s="196">
        <v>130</v>
      </c>
      <c r="AI24" s="195">
        <v>130</v>
      </c>
      <c r="AJ24" s="190">
        <v>0</v>
      </c>
      <c r="AK24" s="191">
        <v>0</v>
      </c>
      <c r="AL24" s="196">
        <v>0</v>
      </c>
      <c r="AM24" s="193">
        <v>0</v>
      </c>
      <c r="AN24" s="191">
        <v>24</v>
      </c>
      <c r="AO24" s="191">
        <v>12</v>
      </c>
      <c r="AP24" s="191">
        <v>0</v>
      </c>
      <c r="AQ24" s="191">
        <v>22</v>
      </c>
      <c r="AR24" s="191">
        <v>0</v>
      </c>
      <c r="AS24" s="196">
        <v>58</v>
      </c>
      <c r="AT24" s="195">
        <v>58</v>
      </c>
      <c r="AU24" s="190">
        <v>0</v>
      </c>
      <c r="AV24" s="191">
        <v>0</v>
      </c>
      <c r="AW24" s="196">
        <v>0</v>
      </c>
      <c r="AX24" s="193">
        <v>0</v>
      </c>
      <c r="AY24" s="191">
        <v>23</v>
      </c>
      <c r="AZ24" s="191">
        <v>51</v>
      </c>
      <c r="BA24" s="191">
        <v>29</v>
      </c>
      <c r="BB24" s="191">
        <v>84</v>
      </c>
      <c r="BC24" s="191">
        <v>17</v>
      </c>
      <c r="BD24" s="194">
        <v>204</v>
      </c>
      <c r="BE24" s="195">
        <v>204</v>
      </c>
      <c r="BF24" s="190">
        <v>0</v>
      </c>
      <c r="BG24" s="191">
        <v>0</v>
      </c>
      <c r="BH24" s="196">
        <v>0</v>
      </c>
      <c r="BI24" s="193">
        <v>0</v>
      </c>
      <c r="BJ24" s="191">
        <v>13</v>
      </c>
      <c r="BK24" s="191">
        <v>26</v>
      </c>
      <c r="BL24" s="191">
        <v>0</v>
      </c>
      <c r="BM24" s="191">
        <v>0</v>
      </c>
      <c r="BN24" s="191">
        <v>0</v>
      </c>
      <c r="BO24" s="196">
        <v>39</v>
      </c>
      <c r="BP24" s="195">
        <v>39</v>
      </c>
      <c r="BQ24" s="190">
        <v>0</v>
      </c>
      <c r="BR24" s="191">
        <v>0</v>
      </c>
      <c r="BS24" s="196">
        <v>0</v>
      </c>
      <c r="BT24" s="193">
        <v>0</v>
      </c>
      <c r="BU24" s="191">
        <v>0</v>
      </c>
      <c r="BV24" s="191">
        <v>14</v>
      </c>
      <c r="BW24" s="191">
        <v>32</v>
      </c>
      <c r="BX24" s="191">
        <v>13</v>
      </c>
      <c r="BY24" s="191">
        <v>0</v>
      </c>
      <c r="BZ24" s="196">
        <v>59</v>
      </c>
      <c r="CA24" s="195">
        <v>59</v>
      </c>
      <c r="CB24" s="190">
        <v>0</v>
      </c>
      <c r="CC24" s="191">
        <v>0</v>
      </c>
      <c r="CD24" s="196">
        <v>0</v>
      </c>
      <c r="CE24" s="193">
        <v>0</v>
      </c>
      <c r="CF24" s="191">
        <v>0</v>
      </c>
      <c r="CG24" s="191">
        <v>0</v>
      </c>
      <c r="CH24" s="191">
        <v>8</v>
      </c>
      <c r="CI24" s="191">
        <v>0</v>
      </c>
      <c r="CJ24" s="191">
        <v>0</v>
      </c>
      <c r="CK24" s="196">
        <v>8</v>
      </c>
      <c r="CL24" s="195">
        <v>8</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0</v>
      </c>
      <c r="H25" s="191">
        <v>75</v>
      </c>
      <c r="I25" s="191">
        <v>338</v>
      </c>
      <c r="J25" s="191">
        <v>82</v>
      </c>
      <c r="K25" s="191">
        <v>130</v>
      </c>
      <c r="L25" s="194">
        <v>625</v>
      </c>
      <c r="M25" s="195">
        <v>625</v>
      </c>
      <c r="N25" s="190">
        <v>0</v>
      </c>
      <c r="O25" s="191">
        <v>0</v>
      </c>
      <c r="P25" s="196">
        <v>0</v>
      </c>
      <c r="Q25" s="193">
        <v>0</v>
      </c>
      <c r="R25" s="191">
        <v>0</v>
      </c>
      <c r="S25" s="191">
        <v>9</v>
      </c>
      <c r="T25" s="191">
        <v>0</v>
      </c>
      <c r="U25" s="191">
        <v>0</v>
      </c>
      <c r="V25" s="191">
        <v>0</v>
      </c>
      <c r="W25" s="196">
        <v>9</v>
      </c>
      <c r="X25" s="195">
        <v>9</v>
      </c>
      <c r="Y25" s="190">
        <v>20</v>
      </c>
      <c r="Z25" s="191">
        <v>31</v>
      </c>
      <c r="AA25" s="196">
        <v>51</v>
      </c>
      <c r="AB25" s="193">
        <v>0</v>
      </c>
      <c r="AC25" s="191">
        <v>38</v>
      </c>
      <c r="AD25" s="191">
        <v>130</v>
      </c>
      <c r="AE25" s="191">
        <v>69</v>
      </c>
      <c r="AF25" s="191">
        <v>4</v>
      </c>
      <c r="AG25" s="191">
        <v>36</v>
      </c>
      <c r="AH25" s="196">
        <v>277</v>
      </c>
      <c r="AI25" s="195">
        <v>328</v>
      </c>
      <c r="AJ25" s="190">
        <v>8</v>
      </c>
      <c r="AK25" s="191">
        <v>15</v>
      </c>
      <c r="AL25" s="196">
        <v>23</v>
      </c>
      <c r="AM25" s="193">
        <v>0</v>
      </c>
      <c r="AN25" s="191">
        <v>0</v>
      </c>
      <c r="AO25" s="191">
        <v>0</v>
      </c>
      <c r="AP25" s="191">
        <v>0</v>
      </c>
      <c r="AQ25" s="191">
        <v>0</v>
      </c>
      <c r="AR25" s="191">
        <v>0</v>
      </c>
      <c r="AS25" s="196">
        <v>0</v>
      </c>
      <c r="AT25" s="195">
        <v>23</v>
      </c>
      <c r="AU25" s="190">
        <v>0</v>
      </c>
      <c r="AV25" s="191">
        <v>0</v>
      </c>
      <c r="AW25" s="196">
        <v>0</v>
      </c>
      <c r="AX25" s="193">
        <v>0</v>
      </c>
      <c r="AY25" s="191">
        <v>90</v>
      </c>
      <c r="AZ25" s="191">
        <v>112</v>
      </c>
      <c r="BA25" s="191">
        <v>55</v>
      </c>
      <c r="BB25" s="191">
        <v>12</v>
      </c>
      <c r="BC25" s="191">
        <v>17</v>
      </c>
      <c r="BD25" s="194">
        <v>286</v>
      </c>
      <c r="BE25" s="195">
        <v>286</v>
      </c>
      <c r="BF25" s="190">
        <v>0</v>
      </c>
      <c r="BG25" s="191">
        <v>0</v>
      </c>
      <c r="BH25" s="196">
        <v>0</v>
      </c>
      <c r="BI25" s="193">
        <v>0</v>
      </c>
      <c r="BJ25" s="191">
        <v>9</v>
      </c>
      <c r="BK25" s="191">
        <v>0</v>
      </c>
      <c r="BL25" s="191">
        <v>28</v>
      </c>
      <c r="BM25" s="191">
        <v>9</v>
      </c>
      <c r="BN25" s="191">
        <v>8</v>
      </c>
      <c r="BO25" s="196">
        <v>54</v>
      </c>
      <c r="BP25" s="195">
        <v>54</v>
      </c>
      <c r="BQ25" s="190">
        <v>0</v>
      </c>
      <c r="BR25" s="191">
        <v>0</v>
      </c>
      <c r="BS25" s="196">
        <v>0</v>
      </c>
      <c r="BT25" s="193">
        <v>0</v>
      </c>
      <c r="BU25" s="191">
        <v>20</v>
      </c>
      <c r="BV25" s="191">
        <v>58</v>
      </c>
      <c r="BW25" s="191">
        <v>28</v>
      </c>
      <c r="BX25" s="191">
        <v>0</v>
      </c>
      <c r="BY25" s="191">
        <v>0</v>
      </c>
      <c r="BZ25" s="196">
        <v>106</v>
      </c>
      <c r="CA25" s="195">
        <v>106</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68</v>
      </c>
      <c r="H26" s="191">
        <v>78</v>
      </c>
      <c r="I26" s="191">
        <v>110</v>
      </c>
      <c r="J26" s="191">
        <v>109</v>
      </c>
      <c r="K26" s="191">
        <v>125</v>
      </c>
      <c r="L26" s="194">
        <v>490</v>
      </c>
      <c r="M26" s="195">
        <v>490</v>
      </c>
      <c r="N26" s="190">
        <v>0</v>
      </c>
      <c r="O26" s="191">
        <v>0</v>
      </c>
      <c r="P26" s="196">
        <v>0</v>
      </c>
      <c r="Q26" s="193">
        <v>0</v>
      </c>
      <c r="R26" s="191">
        <v>0</v>
      </c>
      <c r="S26" s="191">
        <v>5</v>
      </c>
      <c r="T26" s="191">
        <v>3</v>
      </c>
      <c r="U26" s="191">
        <v>0</v>
      </c>
      <c r="V26" s="191">
        <v>10</v>
      </c>
      <c r="W26" s="196">
        <v>18</v>
      </c>
      <c r="X26" s="195">
        <v>18</v>
      </c>
      <c r="Y26" s="190">
        <v>3</v>
      </c>
      <c r="Z26" s="191">
        <v>38</v>
      </c>
      <c r="AA26" s="196">
        <v>41</v>
      </c>
      <c r="AB26" s="193">
        <v>0</v>
      </c>
      <c r="AC26" s="191">
        <v>29</v>
      </c>
      <c r="AD26" s="191">
        <v>82</v>
      </c>
      <c r="AE26" s="191">
        <v>28</v>
      </c>
      <c r="AF26" s="191">
        <v>86</v>
      </c>
      <c r="AG26" s="191">
        <v>44</v>
      </c>
      <c r="AH26" s="196">
        <v>269</v>
      </c>
      <c r="AI26" s="195">
        <v>310</v>
      </c>
      <c r="AJ26" s="190">
        <v>0</v>
      </c>
      <c r="AK26" s="191">
        <v>0</v>
      </c>
      <c r="AL26" s="196">
        <v>0</v>
      </c>
      <c r="AM26" s="193">
        <v>0</v>
      </c>
      <c r="AN26" s="191">
        <v>0</v>
      </c>
      <c r="AO26" s="191">
        <v>0</v>
      </c>
      <c r="AP26" s="191">
        <v>0</v>
      </c>
      <c r="AQ26" s="191">
        <v>0</v>
      </c>
      <c r="AR26" s="191">
        <v>8</v>
      </c>
      <c r="AS26" s="196">
        <v>8</v>
      </c>
      <c r="AT26" s="195">
        <v>8</v>
      </c>
      <c r="AU26" s="190">
        <v>0</v>
      </c>
      <c r="AV26" s="191">
        <v>0</v>
      </c>
      <c r="AW26" s="196">
        <v>0</v>
      </c>
      <c r="AX26" s="193">
        <v>0</v>
      </c>
      <c r="AY26" s="191">
        <v>66</v>
      </c>
      <c r="AZ26" s="191">
        <v>55</v>
      </c>
      <c r="BA26" s="191">
        <v>20</v>
      </c>
      <c r="BB26" s="191">
        <v>4</v>
      </c>
      <c r="BC26" s="191">
        <v>19</v>
      </c>
      <c r="BD26" s="194">
        <v>164</v>
      </c>
      <c r="BE26" s="195">
        <v>164</v>
      </c>
      <c r="BF26" s="190">
        <v>0</v>
      </c>
      <c r="BG26" s="191">
        <v>0</v>
      </c>
      <c r="BH26" s="196">
        <v>0</v>
      </c>
      <c r="BI26" s="193">
        <v>0</v>
      </c>
      <c r="BJ26" s="191">
        <v>36</v>
      </c>
      <c r="BK26" s="191">
        <v>20</v>
      </c>
      <c r="BL26" s="191">
        <v>13</v>
      </c>
      <c r="BM26" s="191">
        <v>14</v>
      </c>
      <c r="BN26" s="191">
        <v>25</v>
      </c>
      <c r="BO26" s="196">
        <v>108</v>
      </c>
      <c r="BP26" s="195">
        <v>108</v>
      </c>
      <c r="BQ26" s="190">
        <v>0</v>
      </c>
      <c r="BR26" s="191">
        <v>3</v>
      </c>
      <c r="BS26" s="196">
        <v>3</v>
      </c>
      <c r="BT26" s="193">
        <v>0</v>
      </c>
      <c r="BU26" s="191">
        <v>0</v>
      </c>
      <c r="BV26" s="191">
        <v>0</v>
      </c>
      <c r="BW26" s="191">
        <v>9</v>
      </c>
      <c r="BX26" s="191">
        <v>0</v>
      </c>
      <c r="BY26" s="191">
        <v>10</v>
      </c>
      <c r="BZ26" s="196">
        <v>19</v>
      </c>
      <c r="CA26" s="195">
        <v>22</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40</v>
      </c>
      <c r="H27" s="191">
        <v>0</v>
      </c>
      <c r="I27" s="191">
        <v>31</v>
      </c>
      <c r="J27" s="191">
        <v>81</v>
      </c>
      <c r="K27" s="191">
        <v>1</v>
      </c>
      <c r="L27" s="194">
        <v>153</v>
      </c>
      <c r="M27" s="195">
        <v>153</v>
      </c>
      <c r="N27" s="190">
        <v>0</v>
      </c>
      <c r="O27" s="191">
        <v>0</v>
      </c>
      <c r="P27" s="196">
        <v>0</v>
      </c>
      <c r="Q27" s="193">
        <v>0</v>
      </c>
      <c r="R27" s="191">
        <v>0</v>
      </c>
      <c r="S27" s="191">
        <v>0</v>
      </c>
      <c r="T27" s="191">
        <v>9</v>
      </c>
      <c r="U27" s="191">
        <v>0</v>
      </c>
      <c r="V27" s="191">
        <v>9</v>
      </c>
      <c r="W27" s="196">
        <v>18</v>
      </c>
      <c r="X27" s="195">
        <v>18</v>
      </c>
      <c r="Y27" s="190">
        <v>20</v>
      </c>
      <c r="Z27" s="191">
        <v>44</v>
      </c>
      <c r="AA27" s="196">
        <v>64</v>
      </c>
      <c r="AB27" s="193">
        <v>0</v>
      </c>
      <c r="AC27" s="191">
        <v>1</v>
      </c>
      <c r="AD27" s="191">
        <v>0</v>
      </c>
      <c r="AE27" s="191">
        <v>24</v>
      </c>
      <c r="AF27" s="191">
        <v>0</v>
      </c>
      <c r="AG27" s="191">
        <v>27</v>
      </c>
      <c r="AH27" s="196">
        <v>52</v>
      </c>
      <c r="AI27" s="195">
        <v>11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2</v>
      </c>
      <c r="AZ27" s="191">
        <v>27</v>
      </c>
      <c r="BA27" s="191">
        <v>29</v>
      </c>
      <c r="BB27" s="191">
        <v>0</v>
      </c>
      <c r="BC27" s="191">
        <v>0</v>
      </c>
      <c r="BD27" s="194">
        <v>68</v>
      </c>
      <c r="BE27" s="195">
        <v>68</v>
      </c>
      <c r="BF27" s="190">
        <v>0</v>
      </c>
      <c r="BG27" s="191">
        <v>0</v>
      </c>
      <c r="BH27" s="196">
        <v>0</v>
      </c>
      <c r="BI27" s="193">
        <v>0</v>
      </c>
      <c r="BJ27" s="191">
        <v>22</v>
      </c>
      <c r="BK27" s="191">
        <v>14</v>
      </c>
      <c r="BL27" s="191">
        <v>13</v>
      </c>
      <c r="BM27" s="191">
        <v>0</v>
      </c>
      <c r="BN27" s="191">
        <v>0</v>
      </c>
      <c r="BO27" s="196">
        <v>49</v>
      </c>
      <c r="BP27" s="195">
        <v>49</v>
      </c>
      <c r="BQ27" s="190">
        <v>0</v>
      </c>
      <c r="BR27" s="191">
        <v>0</v>
      </c>
      <c r="BS27" s="196">
        <v>0</v>
      </c>
      <c r="BT27" s="193">
        <v>0</v>
      </c>
      <c r="BU27" s="191">
        <v>14</v>
      </c>
      <c r="BV27" s="191">
        <v>41</v>
      </c>
      <c r="BW27" s="191">
        <v>4</v>
      </c>
      <c r="BX27" s="191">
        <v>0</v>
      </c>
      <c r="BY27" s="191">
        <v>0</v>
      </c>
      <c r="BZ27" s="196">
        <v>59</v>
      </c>
      <c r="CA27" s="195">
        <v>59</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18</v>
      </c>
      <c r="H28" s="191">
        <v>79</v>
      </c>
      <c r="I28" s="191">
        <v>42</v>
      </c>
      <c r="J28" s="191">
        <v>0</v>
      </c>
      <c r="K28" s="191">
        <v>145</v>
      </c>
      <c r="L28" s="194">
        <v>284</v>
      </c>
      <c r="M28" s="195">
        <v>284</v>
      </c>
      <c r="N28" s="190">
        <v>0</v>
      </c>
      <c r="O28" s="191">
        <v>0</v>
      </c>
      <c r="P28" s="196">
        <v>0</v>
      </c>
      <c r="Q28" s="193">
        <v>0</v>
      </c>
      <c r="R28" s="191">
        <v>0</v>
      </c>
      <c r="S28" s="191">
        <v>0</v>
      </c>
      <c r="T28" s="191">
        <v>0</v>
      </c>
      <c r="U28" s="191">
        <v>0</v>
      </c>
      <c r="V28" s="191">
        <v>9</v>
      </c>
      <c r="W28" s="196">
        <v>9</v>
      </c>
      <c r="X28" s="195">
        <v>9</v>
      </c>
      <c r="Y28" s="190">
        <v>0</v>
      </c>
      <c r="Z28" s="191">
        <v>8</v>
      </c>
      <c r="AA28" s="196">
        <v>8</v>
      </c>
      <c r="AB28" s="193">
        <v>0</v>
      </c>
      <c r="AC28" s="191">
        <v>30</v>
      </c>
      <c r="AD28" s="191">
        <v>65</v>
      </c>
      <c r="AE28" s="191">
        <v>30</v>
      </c>
      <c r="AF28" s="191">
        <v>0</v>
      </c>
      <c r="AG28" s="191">
        <v>51</v>
      </c>
      <c r="AH28" s="196">
        <v>176</v>
      </c>
      <c r="AI28" s="195">
        <v>184</v>
      </c>
      <c r="AJ28" s="190">
        <v>0</v>
      </c>
      <c r="AK28" s="191">
        <v>24</v>
      </c>
      <c r="AL28" s="196">
        <v>24</v>
      </c>
      <c r="AM28" s="193">
        <v>0</v>
      </c>
      <c r="AN28" s="191">
        <v>18</v>
      </c>
      <c r="AO28" s="191">
        <v>0</v>
      </c>
      <c r="AP28" s="191">
        <v>15</v>
      </c>
      <c r="AQ28" s="191">
        <v>0</v>
      </c>
      <c r="AR28" s="191">
        <v>0</v>
      </c>
      <c r="AS28" s="196">
        <v>33</v>
      </c>
      <c r="AT28" s="195">
        <v>57</v>
      </c>
      <c r="AU28" s="190">
        <v>0</v>
      </c>
      <c r="AV28" s="191">
        <v>0</v>
      </c>
      <c r="AW28" s="196">
        <v>0</v>
      </c>
      <c r="AX28" s="193">
        <v>0</v>
      </c>
      <c r="AY28" s="191">
        <v>105</v>
      </c>
      <c r="AZ28" s="191">
        <v>15</v>
      </c>
      <c r="BA28" s="191">
        <v>6</v>
      </c>
      <c r="BB28" s="191">
        <v>0</v>
      </c>
      <c r="BC28" s="191">
        <v>7</v>
      </c>
      <c r="BD28" s="194">
        <v>133</v>
      </c>
      <c r="BE28" s="195">
        <v>133</v>
      </c>
      <c r="BF28" s="190">
        <v>0</v>
      </c>
      <c r="BG28" s="191">
        <v>0</v>
      </c>
      <c r="BH28" s="196">
        <v>0</v>
      </c>
      <c r="BI28" s="193">
        <v>0</v>
      </c>
      <c r="BJ28" s="191">
        <v>0</v>
      </c>
      <c r="BK28" s="191">
        <v>19</v>
      </c>
      <c r="BL28" s="191">
        <v>2</v>
      </c>
      <c r="BM28" s="191">
        <v>0</v>
      </c>
      <c r="BN28" s="191">
        <v>0</v>
      </c>
      <c r="BO28" s="196">
        <v>21</v>
      </c>
      <c r="BP28" s="195">
        <v>21</v>
      </c>
      <c r="BQ28" s="190">
        <v>0</v>
      </c>
      <c r="BR28" s="191">
        <v>0</v>
      </c>
      <c r="BS28" s="196">
        <v>0</v>
      </c>
      <c r="BT28" s="193">
        <v>0</v>
      </c>
      <c r="BU28" s="191">
        <v>23</v>
      </c>
      <c r="BV28" s="191">
        <v>6</v>
      </c>
      <c r="BW28" s="191">
        <v>0</v>
      </c>
      <c r="BX28" s="191">
        <v>0</v>
      </c>
      <c r="BY28" s="191">
        <v>0</v>
      </c>
      <c r="BZ28" s="196">
        <v>29</v>
      </c>
      <c r="CA28" s="195">
        <v>29</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14</v>
      </c>
      <c r="H29" s="191">
        <v>153</v>
      </c>
      <c r="I29" s="191">
        <v>192</v>
      </c>
      <c r="J29" s="191">
        <v>44</v>
      </c>
      <c r="K29" s="191">
        <v>0</v>
      </c>
      <c r="L29" s="194">
        <v>403</v>
      </c>
      <c r="M29" s="195">
        <v>403</v>
      </c>
      <c r="N29" s="190">
        <v>0</v>
      </c>
      <c r="O29" s="191">
        <v>0</v>
      </c>
      <c r="P29" s="196">
        <v>0</v>
      </c>
      <c r="Q29" s="193">
        <v>0</v>
      </c>
      <c r="R29" s="191">
        <v>0</v>
      </c>
      <c r="S29" s="191">
        <v>0</v>
      </c>
      <c r="T29" s="191">
        <v>4</v>
      </c>
      <c r="U29" s="191">
        <v>9</v>
      </c>
      <c r="V29" s="191">
        <v>0</v>
      </c>
      <c r="W29" s="196">
        <v>13</v>
      </c>
      <c r="X29" s="195">
        <v>13</v>
      </c>
      <c r="Y29" s="190">
        <v>4</v>
      </c>
      <c r="Z29" s="191">
        <v>40</v>
      </c>
      <c r="AA29" s="196">
        <v>44</v>
      </c>
      <c r="AB29" s="193">
        <v>0</v>
      </c>
      <c r="AC29" s="191">
        <v>0</v>
      </c>
      <c r="AD29" s="191">
        <v>37</v>
      </c>
      <c r="AE29" s="191">
        <v>27</v>
      </c>
      <c r="AF29" s="191">
        <v>42</v>
      </c>
      <c r="AG29" s="191">
        <v>0</v>
      </c>
      <c r="AH29" s="196">
        <v>106</v>
      </c>
      <c r="AI29" s="195">
        <v>150</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24</v>
      </c>
      <c r="AZ29" s="191">
        <v>32</v>
      </c>
      <c r="BA29" s="191">
        <v>19</v>
      </c>
      <c r="BB29" s="191">
        <v>12</v>
      </c>
      <c r="BC29" s="191">
        <v>0</v>
      </c>
      <c r="BD29" s="194">
        <v>87</v>
      </c>
      <c r="BE29" s="195">
        <v>87</v>
      </c>
      <c r="BF29" s="190">
        <v>0</v>
      </c>
      <c r="BG29" s="191">
        <v>0</v>
      </c>
      <c r="BH29" s="196">
        <v>0</v>
      </c>
      <c r="BI29" s="193">
        <v>0</v>
      </c>
      <c r="BJ29" s="191">
        <v>19</v>
      </c>
      <c r="BK29" s="191">
        <v>17</v>
      </c>
      <c r="BL29" s="191">
        <v>9</v>
      </c>
      <c r="BM29" s="191">
        <v>0</v>
      </c>
      <c r="BN29" s="191">
        <v>0</v>
      </c>
      <c r="BO29" s="196">
        <v>45</v>
      </c>
      <c r="BP29" s="195">
        <v>45</v>
      </c>
      <c r="BQ29" s="190">
        <v>0</v>
      </c>
      <c r="BR29" s="191">
        <v>0</v>
      </c>
      <c r="BS29" s="196">
        <v>0</v>
      </c>
      <c r="BT29" s="193">
        <v>0</v>
      </c>
      <c r="BU29" s="191">
        <v>6</v>
      </c>
      <c r="BV29" s="191">
        <v>0</v>
      </c>
      <c r="BW29" s="191">
        <v>11</v>
      </c>
      <c r="BX29" s="191">
        <v>24</v>
      </c>
      <c r="BY29" s="191">
        <v>0</v>
      </c>
      <c r="BZ29" s="196">
        <v>41</v>
      </c>
      <c r="CA29" s="195">
        <v>41</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9</v>
      </c>
      <c r="H30" s="191">
        <v>13</v>
      </c>
      <c r="I30" s="191">
        <v>0</v>
      </c>
      <c r="J30" s="191">
        <v>28</v>
      </c>
      <c r="K30" s="191">
        <v>0</v>
      </c>
      <c r="L30" s="194">
        <v>50</v>
      </c>
      <c r="M30" s="195">
        <v>5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7</v>
      </c>
      <c r="AE30" s="191">
        <v>2</v>
      </c>
      <c r="AF30" s="191">
        <v>0</v>
      </c>
      <c r="AG30" s="191">
        <v>0</v>
      </c>
      <c r="AH30" s="196">
        <v>19</v>
      </c>
      <c r="AI30" s="195">
        <v>19</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13</v>
      </c>
      <c r="BA30" s="191">
        <v>27</v>
      </c>
      <c r="BB30" s="191">
        <v>0</v>
      </c>
      <c r="BC30" s="191">
        <v>0</v>
      </c>
      <c r="BD30" s="194">
        <v>40</v>
      </c>
      <c r="BE30" s="195">
        <v>40</v>
      </c>
      <c r="BF30" s="190">
        <v>0</v>
      </c>
      <c r="BG30" s="191">
        <v>0</v>
      </c>
      <c r="BH30" s="196">
        <v>0</v>
      </c>
      <c r="BI30" s="193">
        <v>0</v>
      </c>
      <c r="BJ30" s="191">
        <v>0</v>
      </c>
      <c r="BK30" s="191">
        <v>0</v>
      </c>
      <c r="BL30" s="191">
        <v>8</v>
      </c>
      <c r="BM30" s="191">
        <v>0</v>
      </c>
      <c r="BN30" s="191">
        <v>0</v>
      </c>
      <c r="BO30" s="196">
        <v>8</v>
      </c>
      <c r="BP30" s="195">
        <v>8</v>
      </c>
      <c r="BQ30" s="190">
        <v>0</v>
      </c>
      <c r="BR30" s="191">
        <v>0</v>
      </c>
      <c r="BS30" s="196">
        <v>0</v>
      </c>
      <c r="BT30" s="193">
        <v>0</v>
      </c>
      <c r="BU30" s="191">
        <v>0</v>
      </c>
      <c r="BV30" s="191">
        <v>0</v>
      </c>
      <c r="BW30" s="191">
        <v>7</v>
      </c>
      <c r="BX30" s="191">
        <v>0</v>
      </c>
      <c r="BY30" s="191">
        <v>0</v>
      </c>
      <c r="BZ30" s="196">
        <v>7</v>
      </c>
      <c r="CA30" s="195">
        <v>7</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20</v>
      </c>
      <c r="H31" s="191">
        <v>53</v>
      </c>
      <c r="I31" s="191">
        <v>0</v>
      </c>
      <c r="J31" s="191">
        <v>29</v>
      </c>
      <c r="K31" s="191">
        <v>0</v>
      </c>
      <c r="L31" s="194">
        <v>102</v>
      </c>
      <c r="M31" s="195">
        <v>102</v>
      </c>
      <c r="N31" s="190">
        <v>0</v>
      </c>
      <c r="O31" s="191">
        <v>0</v>
      </c>
      <c r="P31" s="196">
        <v>0</v>
      </c>
      <c r="Q31" s="193">
        <v>0</v>
      </c>
      <c r="R31" s="191">
        <v>0</v>
      </c>
      <c r="S31" s="191">
        <v>0</v>
      </c>
      <c r="T31" s="191">
        <v>0</v>
      </c>
      <c r="U31" s="191">
        <v>0</v>
      </c>
      <c r="V31" s="191">
        <v>0</v>
      </c>
      <c r="W31" s="196">
        <v>0</v>
      </c>
      <c r="X31" s="195">
        <v>0</v>
      </c>
      <c r="Y31" s="190">
        <v>2</v>
      </c>
      <c r="Z31" s="191">
        <v>8</v>
      </c>
      <c r="AA31" s="196">
        <v>10</v>
      </c>
      <c r="AB31" s="193">
        <v>0</v>
      </c>
      <c r="AC31" s="191">
        <v>45</v>
      </c>
      <c r="AD31" s="191">
        <v>6</v>
      </c>
      <c r="AE31" s="191">
        <v>71</v>
      </c>
      <c r="AF31" s="191">
        <v>0</v>
      </c>
      <c r="AG31" s="191">
        <v>0</v>
      </c>
      <c r="AH31" s="196">
        <v>122</v>
      </c>
      <c r="AI31" s="195">
        <v>132</v>
      </c>
      <c r="AJ31" s="190">
        <v>0</v>
      </c>
      <c r="AK31" s="191">
        <v>6</v>
      </c>
      <c r="AL31" s="196">
        <v>6</v>
      </c>
      <c r="AM31" s="193">
        <v>0</v>
      </c>
      <c r="AN31" s="191">
        <v>0</v>
      </c>
      <c r="AO31" s="191">
        <v>0</v>
      </c>
      <c r="AP31" s="191">
        <v>0</v>
      </c>
      <c r="AQ31" s="191">
        <v>9</v>
      </c>
      <c r="AR31" s="191">
        <v>0</v>
      </c>
      <c r="AS31" s="196">
        <v>9</v>
      </c>
      <c r="AT31" s="195">
        <v>15</v>
      </c>
      <c r="AU31" s="190">
        <v>0</v>
      </c>
      <c r="AV31" s="191">
        <v>0</v>
      </c>
      <c r="AW31" s="196">
        <v>0</v>
      </c>
      <c r="AX31" s="193">
        <v>0</v>
      </c>
      <c r="AY31" s="191">
        <v>22</v>
      </c>
      <c r="AZ31" s="191">
        <v>0</v>
      </c>
      <c r="BA31" s="191">
        <v>0</v>
      </c>
      <c r="BB31" s="191">
        <v>0</v>
      </c>
      <c r="BC31" s="191">
        <v>0</v>
      </c>
      <c r="BD31" s="194">
        <v>22</v>
      </c>
      <c r="BE31" s="195">
        <v>22</v>
      </c>
      <c r="BF31" s="190">
        <v>0</v>
      </c>
      <c r="BG31" s="191">
        <v>0</v>
      </c>
      <c r="BH31" s="196">
        <v>0</v>
      </c>
      <c r="BI31" s="193">
        <v>0</v>
      </c>
      <c r="BJ31" s="191">
        <v>9</v>
      </c>
      <c r="BK31" s="191">
        <v>0</v>
      </c>
      <c r="BL31" s="191">
        <v>13</v>
      </c>
      <c r="BM31" s="191">
        <v>8</v>
      </c>
      <c r="BN31" s="191">
        <v>0</v>
      </c>
      <c r="BO31" s="196">
        <v>30</v>
      </c>
      <c r="BP31" s="195">
        <v>3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0</v>
      </c>
      <c r="H32" s="191">
        <v>18</v>
      </c>
      <c r="I32" s="191">
        <v>58</v>
      </c>
      <c r="J32" s="191">
        <v>29</v>
      </c>
      <c r="K32" s="191">
        <v>0</v>
      </c>
      <c r="L32" s="194">
        <v>115</v>
      </c>
      <c r="M32" s="195">
        <v>115</v>
      </c>
      <c r="N32" s="190">
        <v>0</v>
      </c>
      <c r="O32" s="191">
        <v>0</v>
      </c>
      <c r="P32" s="196">
        <v>0</v>
      </c>
      <c r="Q32" s="193">
        <v>0</v>
      </c>
      <c r="R32" s="191">
        <v>0</v>
      </c>
      <c r="S32" s="191">
        <v>0</v>
      </c>
      <c r="T32" s="191">
        <v>4</v>
      </c>
      <c r="U32" s="191">
        <v>0</v>
      </c>
      <c r="V32" s="191">
        <v>0</v>
      </c>
      <c r="W32" s="196">
        <v>4</v>
      </c>
      <c r="X32" s="195">
        <v>4</v>
      </c>
      <c r="Y32" s="190">
        <v>0</v>
      </c>
      <c r="Z32" s="191">
        <v>0</v>
      </c>
      <c r="AA32" s="196">
        <v>0</v>
      </c>
      <c r="AB32" s="193">
        <v>0</v>
      </c>
      <c r="AC32" s="191">
        <v>5</v>
      </c>
      <c r="AD32" s="191">
        <v>13</v>
      </c>
      <c r="AE32" s="191">
        <v>6</v>
      </c>
      <c r="AF32" s="191">
        <v>0</v>
      </c>
      <c r="AG32" s="191">
        <v>0</v>
      </c>
      <c r="AH32" s="196">
        <v>24</v>
      </c>
      <c r="AI32" s="195">
        <v>24</v>
      </c>
      <c r="AJ32" s="190">
        <v>0</v>
      </c>
      <c r="AK32" s="191">
        <v>0</v>
      </c>
      <c r="AL32" s="196">
        <v>0</v>
      </c>
      <c r="AM32" s="193">
        <v>0</v>
      </c>
      <c r="AN32" s="191">
        <v>0</v>
      </c>
      <c r="AO32" s="191">
        <v>14</v>
      </c>
      <c r="AP32" s="191">
        <v>0</v>
      </c>
      <c r="AQ32" s="191">
        <v>0</v>
      </c>
      <c r="AR32" s="191">
        <v>0</v>
      </c>
      <c r="AS32" s="196">
        <v>14</v>
      </c>
      <c r="AT32" s="195">
        <v>14</v>
      </c>
      <c r="AU32" s="190">
        <v>0</v>
      </c>
      <c r="AV32" s="191">
        <v>0</v>
      </c>
      <c r="AW32" s="196">
        <v>0</v>
      </c>
      <c r="AX32" s="193">
        <v>0</v>
      </c>
      <c r="AY32" s="191">
        <v>6</v>
      </c>
      <c r="AZ32" s="191">
        <v>4</v>
      </c>
      <c r="BA32" s="191">
        <v>4</v>
      </c>
      <c r="BB32" s="191">
        <v>0</v>
      </c>
      <c r="BC32" s="191">
        <v>0</v>
      </c>
      <c r="BD32" s="194">
        <v>14</v>
      </c>
      <c r="BE32" s="195">
        <v>14</v>
      </c>
      <c r="BF32" s="190">
        <v>0</v>
      </c>
      <c r="BG32" s="191">
        <v>0</v>
      </c>
      <c r="BH32" s="196">
        <v>0</v>
      </c>
      <c r="BI32" s="193">
        <v>0</v>
      </c>
      <c r="BJ32" s="191">
        <v>7</v>
      </c>
      <c r="BK32" s="191">
        <v>0</v>
      </c>
      <c r="BL32" s="191">
        <v>0</v>
      </c>
      <c r="BM32" s="191">
        <v>13</v>
      </c>
      <c r="BN32" s="191">
        <v>0</v>
      </c>
      <c r="BO32" s="196">
        <v>20</v>
      </c>
      <c r="BP32" s="195">
        <v>20</v>
      </c>
      <c r="BQ32" s="190">
        <v>0</v>
      </c>
      <c r="BR32" s="191">
        <v>0</v>
      </c>
      <c r="BS32" s="196">
        <v>0</v>
      </c>
      <c r="BT32" s="193">
        <v>0</v>
      </c>
      <c r="BU32" s="191">
        <v>0</v>
      </c>
      <c r="BV32" s="191">
        <v>0</v>
      </c>
      <c r="BW32" s="191">
        <v>0</v>
      </c>
      <c r="BX32" s="191">
        <v>20</v>
      </c>
      <c r="BY32" s="191">
        <v>0</v>
      </c>
      <c r="BZ32" s="196">
        <v>20</v>
      </c>
      <c r="CA32" s="195">
        <v>2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5</v>
      </c>
      <c r="H33" s="191">
        <v>0</v>
      </c>
      <c r="I33" s="191">
        <v>0</v>
      </c>
      <c r="J33" s="191">
        <v>0</v>
      </c>
      <c r="K33" s="191">
        <v>0</v>
      </c>
      <c r="L33" s="194">
        <v>5</v>
      </c>
      <c r="M33" s="195">
        <v>5</v>
      </c>
      <c r="N33" s="190">
        <v>0</v>
      </c>
      <c r="O33" s="191">
        <v>0</v>
      </c>
      <c r="P33" s="196">
        <v>0</v>
      </c>
      <c r="Q33" s="193">
        <v>0</v>
      </c>
      <c r="R33" s="191">
        <v>0</v>
      </c>
      <c r="S33" s="191">
        <v>0</v>
      </c>
      <c r="T33" s="191">
        <v>0</v>
      </c>
      <c r="U33" s="191">
        <v>0</v>
      </c>
      <c r="V33" s="191">
        <v>9</v>
      </c>
      <c r="W33" s="196">
        <v>9</v>
      </c>
      <c r="X33" s="195">
        <v>9</v>
      </c>
      <c r="Y33" s="190">
        <v>0</v>
      </c>
      <c r="Z33" s="191">
        <v>0</v>
      </c>
      <c r="AA33" s="196">
        <v>0</v>
      </c>
      <c r="AB33" s="193">
        <v>0</v>
      </c>
      <c r="AC33" s="191">
        <v>40</v>
      </c>
      <c r="AD33" s="191">
        <v>0</v>
      </c>
      <c r="AE33" s="191">
        <v>31</v>
      </c>
      <c r="AF33" s="191">
        <v>0</v>
      </c>
      <c r="AG33" s="191">
        <v>30</v>
      </c>
      <c r="AH33" s="196">
        <v>101</v>
      </c>
      <c r="AI33" s="195">
        <v>101</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6</v>
      </c>
      <c r="AZ33" s="191">
        <v>18</v>
      </c>
      <c r="BA33" s="191">
        <v>23</v>
      </c>
      <c r="BB33" s="191">
        <v>0</v>
      </c>
      <c r="BC33" s="191">
        <v>0</v>
      </c>
      <c r="BD33" s="194">
        <v>57</v>
      </c>
      <c r="BE33" s="195">
        <v>57</v>
      </c>
      <c r="BF33" s="190">
        <v>0</v>
      </c>
      <c r="BG33" s="191">
        <v>0</v>
      </c>
      <c r="BH33" s="196">
        <v>0</v>
      </c>
      <c r="BI33" s="193">
        <v>0</v>
      </c>
      <c r="BJ33" s="191">
        <v>3</v>
      </c>
      <c r="BK33" s="191">
        <v>0</v>
      </c>
      <c r="BL33" s="191">
        <v>22</v>
      </c>
      <c r="BM33" s="191">
        <v>0</v>
      </c>
      <c r="BN33" s="191">
        <v>0</v>
      </c>
      <c r="BO33" s="196">
        <v>25</v>
      </c>
      <c r="BP33" s="195">
        <v>25</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9</v>
      </c>
      <c r="H34" s="191">
        <v>21</v>
      </c>
      <c r="I34" s="191">
        <v>4</v>
      </c>
      <c r="J34" s="191">
        <v>0</v>
      </c>
      <c r="K34" s="191">
        <v>0</v>
      </c>
      <c r="L34" s="194">
        <v>34</v>
      </c>
      <c r="M34" s="195">
        <v>34</v>
      </c>
      <c r="N34" s="190">
        <v>0</v>
      </c>
      <c r="O34" s="191">
        <v>0</v>
      </c>
      <c r="P34" s="196">
        <v>0</v>
      </c>
      <c r="Q34" s="193">
        <v>0</v>
      </c>
      <c r="R34" s="191">
        <v>0</v>
      </c>
      <c r="S34" s="191">
        <v>0</v>
      </c>
      <c r="T34" s="191">
        <v>0</v>
      </c>
      <c r="U34" s="191">
        <v>0</v>
      </c>
      <c r="V34" s="191">
        <v>0</v>
      </c>
      <c r="W34" s="196">
        <v>0</v>
      </c>
      <c r="X34" s="195">
        <v>0</v>
      </c>
      <c r="Y34" s="190">
        <v>7</v>
      </c>
      <c r="Z34" s="191">
        <v>15</v>
      </c>
      <c r="AA34" s="196">
        <v>22</v>
      </c>
      <c r="AB34" s="193">
        <v>0</v>
      </c>
      <c r="AC34" s="191">
        <v>16</v>
      </c>
      <c r="AD34" s="191">
        <v>0</v>
      </c>
      <c r="AE34" s="191">
        <v>4</v>
      </c>
      <c r="AF34" s="191">
        <v>0</v>
      </c>
      <c r="AG34" s="191">
        <v>18</v>
      </c>
      <c r="AH34" s="196">
        <v>38</v>
      </c>
      <c r="AI34" s="195">
        <v>60</v>
      </c>
      <c r="AJ34" s="190">
        <v>0</v>
      </c>
      <c r="AK34" s="191">
        <v>0</v>
      </c>
      <c r="AL34" s="196">
        <v>0</v>
      </c>
      <c r="AM34" s="193">
        <v>0</v>
      </c>
      <c r="AN34" s="191">
        <v>0</v>
      </c>
      <c r="AO34" s="191">
        <v>12</v>
      </c>
      <c r="AP34" s="191">
        <v>0</v>
      </c>
      <c r="AQ34" s="191">
        <v>3</v>
      </c>
      <c r="AR34" s="191">
        <v>0</v>
      </c>
      <c r="AS34" s="196">
        <v>15</v>
      </c>
      <c r="AT34" s="195">
        <v>15</v>
      </c>
      <c r="AU34" s="190">
        <v>0</v>
      </c>
      <c r="AV34" s="191">
        <v>0</v>
      </c>
      <c r="AW34" s="196">
        <v>0</v>
      </c>
      <c r="AX34" s="193">
        <v>0</v>
      </c>
      <c r="AY34" s="191">
        <v>16</v>
      </c>
      <c r="AZ34" s="191">
        <v>56</v>
      </c>
      <c r="BA34" s="191">
        <v>3</v>
      </c>
      <c r="BB34" s="191">
        <v>18</v>
      </c>
      <c r="BC34" s="191">
        <v>3</v>
      </c>
      <c r="BD34" s="194">
        <v>96</v>
      </c>
      <c r="BE34" s="195">
        <v>96</v>
      </c>
      <c r="BF34" s="190">
        <v>0</v>
      </c>
      <c r="BG34" s="191">
        <v>0</v>
      </c>
      <c r="BH34" s="196">
        <v>0</v>
      </c>
      <c r="BI34" s="193">
        <v>0</v>
      </c>
      <c r="BJ34" s="191">
        <v>0</v>
      </c>
      <c r="BK34" s="191">
        <v>13</v>
      </c>
      <c r="BL34" s="191">
        <v>0</v>
      </c>
      <c r="BM34" s="191">
        <v>8</v>
      </c>
      <c r="BN34" s="191">
        <v>6</v>
      </c>
      <c r="BO34" s="196">
        <v>27</v>
      </c>
      <c r="BP34" s="195">
        <v>27</v>
      </c>
      <c r="BQ34" s="190">
        <v>0</v>
      </c>
      <c r="BR34" s="191">
        <v>0</v>
      </c>
      <c r="BS34" s="196">
        <v>0</v>
      </c>
      <c r="BT34" s="193">
        <v>0</v>
      </c>
      <c r="BU34" s="191">
        <v>0</v>
      </c>
      <c r="BV34" s="191">
        <v>3</v>
      </c>
      <c r="BW34" s="191">
        <v>0</v>
      </c>
      <c r="BX34" s="191">
        <v>7</v>
      </c>
      <c r="BY34" s="191">
        <v>3</v>
      </c>
      <c r="BZ34" s="196">
        <v>13</v>
      </c>
      <c r="CA34" s="195">
        <v>13</v>
      </c>
      <c r="CB34" s="190">
        <v>0</v>
      </c>
      <c r="CC34" s="191">
        <v>0</v>
      </c>
      <c r="CD34" s="196">
        <v>0</v>
      </c>
      <c r="CE34" s="193">
        <v>0</v>
      </c>
      <c r="CF34" s="191">
        <v>0</v>
      </c>
      <c r="CG34" s="191">
        <v>0</v>
      </c>
      <c r="CH34" s="191">
        <v>0</v>
      </c>
      <c r="CI34" s="191">
        <v>0</v>
      </c>
      <c r="CJ34" s="191">
        <v>4</v>
      </c>
      <c r="CK34" s="196">
        <v>4</v>
      </c>
      <c r="CL34" s="195">
        <v>4</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132</v>
      </c>
      <c r="H35" s="191">
        <v>0</v>
      </c>
      <c r="I35" s="191">
        <v>28</v>
      </c>
      <c r="J35" s="191">
        <v>0</v>
      </c>
      <c r="K35" s="191">
        <v>98</v>
      </c>
      <c r="L35" s="194">
        <v>258</v>
      </c>
      <c r="M35" s="195">
        <v>258</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64</v>
      </c>
      <c r="AD35" s="191">
        <v>26</v>
      </c>
      <c r="AE35" s="191">
        <v>0</v>
      </c>
      <c r="AF35" s="191">
        <v>0</v>
      </c>
      <c r="AG35" s="191">
        <v>4</v>
      </c>
      <c r="AH35" s="196">
        <v>94</v>
      </c>
      <c r="AI35" s="195">
        <v>94</v>
      </c>
      <c r="AJ35" s="190">
        <v>0</v>
      </c>
      <c r="AK35" s="191">
        <v>9</v>
      </c>
      <c r="AL35" s="196">
        <v>9</v>
      </c>
      <c r="AM35" s="193">
        <v>0</v>
      </c>
      <c r="AN35" s="191">
        <v>27</v>
      </c>
      <c r="AO35" s="191">
        <v>24</v>
      </c>
      <c r="AP35" s="191">
        <v>18</v>
      </c>
      <c r="AQ35" s="191">
        <v>21</v>
      </c>
      <c r="AR35" s="191">
        <v>0</v>
      </c>
      <c r="AS35" s="196">
        <v>90</v>
      </c>
      <c r="AT35" s="195">
        <v>99</v>
      </c>
      <c r="AU35" s="190">
        <v>0</v>
      </c>
      <c r="AV35" s="191">
        <v>0</v>
      </c>
      <c r="AW35" s="196">
        <v>0</v>
      </c>
      <c r="AX35" s="193">
        <v>0</v>
      </c>
      <c r="AY35" s="191">
        <v>18</v>
      </c>
      <c r="AZ35" s="191">
        <v>0</v>
      </c>
      <c r="BA35" s="191">
        <v>0</v>
      </c>
      <c r="BB35" s="191">
        <v>0</v>
      </c>
      <c r="BC35" s="191">
        <v>13</v>
      </c>
      <c r="BD35" s="194">
        <v>31</v>
      </c>
      <c r="BE35" s="195">
        <v>31</v>
      </c>
      <c r="BF35" s="190">
        <v>0</v>
      </c>
      <c r="BG35" s="191">
        <v>0</v>
      </c>
      <c r="BH35" s="196">
        <v>0</v>
      </c>
      <c r="BI35" s="193">
        <v>0</v>
      </c>
      <c r="BJ35" s="191">
        <v>4</v>
      </c>
      <c r="BK35" s="191">
        <v>0</v>
      </c>
      <c r="BL35" s="191">
        <v>4</v>
      </c>
      <c r="BM35" s="191">
        <v>0</v>
      </c>
      <c r="BN35" s="191">
        <v>0</v>
      </c>
      <c r="BO35" s="196">
        <v>8</v>
      </c>
      <c r="BP35" s="195">
        <v>8</v>
      </c>
      <c r="BQ35" s="190">
        <v>0</v>
      </c>
      <c r="BR35" s="191">
        <v>0</v>
      </c>
      <c r="BS35" s="196">
        <v>0</v>
      </c>
      <c r="BT35" s="193">
        <v>0</v>
      </c>
      <c r="BU35" s="191">
        <v>0</v>
      </c>
      <c r="BV35" s="191">
        <v>0</v>
      </c>
      <c r="BW35" s="191">
        <v>0</v>
      </c>
      <c r="BX35" s="191">
        <v>4</v>
      </c>
      <c r="BY35" s="191">
        <v>0</v>
      </c>
      <c r="BZ35" s="196">
        <v>4</v>
      </c>
      <c r="CA35" s="195">
        <v>4</v>
      </c>
      <c r="CB35" s="190">
        <v>0</v>
      </c>
      <c r="CC35" s="191">
        <v>0</v>
      </c>
      <c r="CD35" s="196">
        <v>0</v>
      </c>
      <c r="CE35" s="193">
        <v>0</v>
      </c>
      <c r="CF35" s="191">
        <v>9</v>
      </c>
      <c r="CG35" s="191">
        <v>0</v>
      </c>
      <c r="CH35" s="191">
        <v>0</v>
      </c>
      <c r="CI35" s="191">
        <v>0</v>
      </c>
      <c r="CJ35" s="191">
        <v>0</v>
      </c>
      <c r="CK35" s="196">
        <v>9</v>
      </c>
      <c r="CL35" s="195">
        <v>9</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1</v>
      </c>
      <c r="H36" s="191">
        <v>0</v>
      </c>
      <c r="I36" s="191">
        <v>0</v>
      </c>
      <c r="J36" s="191">
        <v>0</v>
      </c>
      <c r="K36" s="191">
        <v>0</v>
      </c>
      <c r="L36" s="194">
        <v>11</v>
      </c>
      <c r="M36" s="195">
        <v>11</v>
      </c>
      <c r="N36" s="190">
        <v>0</v>
      </c>
      <c r="O36" s="191">
        <v>0</v>
      </c>
      <c r="P36" s="196">
        <v>0</v>
      </c>
      <c r="Q36" s="193">
        <v>0</v>
      </c>
      <c r="R36" s="191">
        <v>0</v>
      </c>
      <c r="S36" s="191">
        <v>0</v>
      </c>
      <c r="T36" s="191">
        <v>0</v>
      </c>
      <c r="U36" s="191">
        <v>0</v>
      </c>
      <c r="V36" s="191">
        <v>0</v>
      </c>
      <c r="W36" s="196">
        <v>0</v>
      </c>
      <c r="X36" s="195">
        <v>0</v>
      </c>
      <c r="Y36" s="190">
        <v>0</v>
      </c>
      <c r="Z36" s="191">
        <v>21</v>
      </c>
      <c r="AA36" s="196">
        <v>21</v>
      </c>
      <c r="AB36" s="193">
        <v>0</v>
      </c>
      <c r="AC36" s="191">
        <v>15</v>
      </c>
      <c r="AD36" s="191">
        <v>0</v>
      </c>
      <c r="AE36" s="191">
        <v>0</v>
      </c>
      <c r="AF36" s="191">
        <v>0</v>
      </c>
      <c r="AG36" s="191">
        <v>0</v>
      </c>
      <c r="AH36" s="196">
        <v>15</v>
      </c>
      <c r="AI36" s="195">
        <v>36</v>
      </c>
      <c r="AJ36" s="190">
        <v>0</v>
      </c>
      <c r="AK36" s="191">
        <v>0</v>
      </c>
      <c r="AL36" s="196">
        <v>0</v>
      </c>
      <c r="AM36" s="193">
        <v>0</v>
      </c>
      <c r="AN36" s="191">
        <v>0</v>
      </c>
      <c r="AO36" s="191">
        <v>26</v>
      </c>
      <c r="AP36" s="191">
        <v>0</v>
      </c>
      <c r="AQ36" s="191">
        <v>0</v>
      </c>
      <c r="AR36" s="191">
        <v>0</v>
      </c>
      <c r="AS36" s="196">
        <v>26</v>
      </c>
      <c r="AT36" s="195">
        <v>26</v>
      </c>
      <c r="AU36" s="190">
        <v>0</v>
      </c>
      <c r="AV36" s="191">
        <v>0</v>
      </c>
      <c r="AW36" s="196">
        <v>0</v>
      </c>
      <c r="AX36" s="193">
        <v>0</v>
      </c>
      <c r="AY36" s="191">
        <v>0</v>
      </c>
      <c r="AZ36" s="191">
        <v>5</v>
      </c>
      <c r="BA36" s="191">
        <v>24</v>
      </c>
      <c r="BB36" s="191">
        <v>13</v>
      </c>
      <c r="BC36" s="191">
        <v>0</v>
      </c>
      <c r="BD36" s="194">
        <v>42</v>
      </c>
      <c r="BE36" s="195">
        <v>42</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24</v>
      </c>
      <c r="H37" s="191">
        <v>108</v>
      </c>
      <c r="I37" s="191">
        <v>14</v>
      </c>
      <c r="J37" s="191">
        <v>0</v>
      </c>
      <c r="K37" s="191">
        <v>0</v>
      </c>
      <c r="L37" s="194">
        <v>146</v>
      </c>
      <c r="M37" s="195">
        <v>146</v>
      </c>
      <c r="N37" s="190">
        <v>0</v>
      </c>
      <c r="O37" s="191">
        <v>0</v>
      </c>
      <c r="P37" s="196">
        <v>0</v>
      </c>
      <c r="Q37" s="193">
        <v>0</v>
      </c>
      <c r="R37" s="191">
        <v>0</v>
      </c>
      <c r="S37" s="191">
        <v>0</v>
      </c>
      <c r="T37" s="191">
        <v>0</v>
      </c>
      <c r="U37" s="191">
        <v>0</v>
      </c>
      <c r="V37" s="191">
        <v>0</v>
      </c>
      <c r="W37" s="196">
        <v>0</v>
      </c>
      <c r="X37" s="195">
        <v>0</v>
      </c>
      <c r="Y37" s="190">
        <v>15</v>
      </c>
      <c r="Z37" s="191">
        <v>11</v>
      </c>
      <c r="AA37" s="196">
        <v>26</v>
      </c>
      <c r="AB37" s="193">
        <v>0</v>
      </c>
      <c r="AC37" s="191">
        <v>17</v>
      </c>
      <c r="AD37" s="191">
        <v>58</v>
      </c>
      <c r="AE37" s="191">
        <v>37</v>
      </c>
      <c r="AF37" s="191">
        <v>0</v>
      </c>
      <c r="AG37" s="191">
        <v>4</v>
      </c>
      <c r="AH37" s="196">
        <v>116</v>
      </c>
      <c r="AI37" s="195">
        <v>142</v>
      </c>
      <c r="AJ37" s="190">
        <v>10</v>
      </c>
      <c r="AK37" s="191">
        <v>14</v>
      </c>
      <c r="AL37" s="196">
        <v>24</v>
      </c>
      <c r="AM37" s="193">
        <v>0</v>
      </c>
      <c r="AN37" s="191">
        <v>15</v>
      </c>
      <c r="AO37" s="191">
        <v>37</v>
      </c>
      <c r="AP37" s="191">
        <v>0</v>
      </c>
      <c r="AQ37" s="191">
        <v>0</v>
      </c>
      <c r="AR37" s="191">
        <v>0</v>
      </c>
      <c r="AS37" s="196">
        <v>52</v>
      </c>
      <c r="AT37" s="195">
        <v>76</v>
      </c>
      <c r="AU37" s="190">
        <v>0</v>
      </c>
      <c r="AV37" s="191">
        <v>0</v>
      </c>
      <c r="AW37" s="196">
        <v>0</v>
      </c>
      <c r="AX37" s="193">
        <v>0</v>
      </c>
      <c r="AY37" s="191">
        <v>24</v>
      </c>
      <c r="AZ37" s="191">
        <v>32</v>
      </c>
      <c r="BA37" s="191">
        <v>0</v>
      </c>
      <c r="BB37" s="191">
        <v>0</v>
      </c>
      <c r="BC37" s="191">
        <v>2</v>
      </c>
      <c r="BD37" s="194">
        <v>58</v>
      </c>
      <c r="BE37" s="195">
        <v>58</v>
      </c>
      <c r="BF37" s="190">
        <v>0</v>
      </c>
      <c r="BG37" s="191">
        <v>0</v>
      </c>
      <c r="BH37" s="196">
        <v>0</v>
      </c>
      <c r="BI37" s="193">
        <v>0</v>
      </c>
      <c r="BJ37" s="191">
        <v>20</v>
      </c>
      <c r="BK37" s="191">
        <v>11</v>
      </c>
      <c r="BL37" s="191">
        <v>16</v>
      </c>
      <c r="BM37" s="191">
        <v>0</v>
      </c>
      <c r="BN37" s="191">
        <v>0</v>
      </c>
      <c r="BO37" s="196">
        <v>47</v>
      </c>
      <c r="BP37" s="195">
        <v>47</v>
      </c>
      <c r="BQ37" s="190">
        <v>0</v>
      </c>
      <c r="BR37" s="191">
        <v>0</v>
      </c>
      <c r="BS37" s="196">
        <v>0</v>
      </c>
      <c r="BT37" s="193">
        <v>0</v>
      </c>
      <c r="BU37" s="191">
        <v>2</v>
      </c>
      <c r="BV37" s="191">
        <v>0</v>
      </c>
      <c r="BW37" s="191">
        <v>4</v>
      </c>
      <c r="BX37" s="191">
        <v>0</v>
      </c>
      <c r="BY37" s="191">
        <v>25</v>
      </c>
      <c r="BZ37" s="196">
        <v>31</v>
      </c>
      <c r="CA37" s="195">
        <v>31</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14</v>
      </c>
      <c r="H38" s="191">
        <v>80</v>
      </c>
      <c r="I38" s="191">
        <v>9</v>
      </c>
      <c r="J38" s="191">
        <v>0</v>
      </c>
      <c r="K38" s="191">
        <v>247</v>
      </c>
      <c r="L38" s="194">
        <v>350</v>
      </c>
      <c r="M38" s="195">
        <v>350</v>
      </c>
      <c r="N38" s="190">
        <v>0</v>
      </c>
      <c r="O38" s="191">
        <v>0</v>
      </c>
      <c r="P38" s="196">
        <v>0</v>
      </c>
      <c r="Q38" s="193">
        <v>0</v>
      </c>
      <c r="R38" s="191">
        <v>0</v>
      </c>
      <c r="S38" s="191">
        <v>0</v>
      </c>
      <c r="T38" s="191">
        <v>0</v>
      </c>
      <c r="U38" s="191">
        <v>0</v>
      </c>
      <c r="V38" s="191">
        <v>0</v>
      </c>
      <c r="W38" s="196">
        <v>0</v>
      </c>
      <c r="X38" s="195">
        <v>0</v>
      </c>
      <c r="Y38" s="190">
        <v>4</v>
      </c>
      <c r="Z38" s="191">
        <v>7</v>
      </c>
      <c r="AA38" s="196">
        <v>11</v>
      </c>
      <c r="AB38" s="193">
        <v>0</v>
      </c>
      <c r="AC38" s="191">
        <v>0</v>
      </c>
      <c r="AD38" s="191">
        <v>9</v>
      </c>
      <c r="AE38" s="191">
        <v>1</v>
      </c>
      <c r="AF38" s="191">
        <v>1</v>
      </c>
      <c r="AG38" s="191">
        <v>16</v>
      </c>
      <c r="AH38" s="196">
        <v>27</v>
      </c>
      <c r="AI38" s="195">
        <v>38</v>
      </c>
      <c r="AJ38" s="190">
        <v>0</v>
      </c>
      <c r="AK38" s="191">
        <v>0</v>
      </c>
      <c r="AL38" s="196">
        <v>0</v>
      </c>
      <c r="AM38" s="193">
        <v>0</v>
      </c>
      <c r="AN38" s="191">
        <v>16</v>
      </c>
      <c r="AO38" s="191">
        <v>10</v>
      </c>
      <c r="AP38" s="191">
        <v>0</v>
      </c>
      <c r="AQ38" s="191">
        <v>0</v>
      </c>
      <c r="AR38" s="191">
        <v>0</v>
      </c>
      <c r="AS38" s="196">
        <v>26</v>
      </c>
      <c r="AT38" s="195">
        <v>26</v>
      </c>
      <c r="AU38" s="190">
        <v>0</v>
      </c>
      <c r="AV38" s="191">
        <v>0</v>
      </c>
      <c r="AW38" s="196">
        <v>0</v>
      </c>
      <c r="AX38" s="193">
        <v>0</v>
      </c>
      <c r="AY38" s="191">
        <v>17</v>
      </c>
      <c r="AZ38" s="191">
        <v>40</v>
      </c>
      <c r="BA38" s="191">
        <v>3</v>
      </c>
      <c r="BB38" s="191">
        <v>25</v>
      </c>
      <c r="BC38" s="191">
        <v>0</v>
      </c>
      <c r="BD38" s="194">
        <v>85</v>
      </c>
      <c r="BE38" s="195">
        <v>85</v>
      </c>
      <c r="BF38" s="190">
        <v>0</v>
      </c>
      <c r="BG38" s="191">
        <v>0</v>
      </c>
      <c r="BH38" s="196">
        <v>0</v>
      </c>
      <c r="BI38" s="193">
        <v>0</v>
      </c>
      <c r="BJ38" s="191">
        <v>0</v>
      </c>
      <c r="BK38" s="191">
        <v>0</v>
      </c>
      <c r="BL38" s="191">
        <v>0</v>
      </c>
      <c r="BM38" s="191">
        <v>17</v>
      </c>
      <c r="BN38" s="191">
        <v>0</v>
      </c>
      <c r="BO38" s="196">
        <v>17</v>
      </c>
      <c r="BP38" s="195">
        <v>17</v>
      </c>
      <c r="BQ38" s="190">
        <v>0</v>
      </c>
      <c r="BR38" s="191">
        <v>0</v>
      </c>
      <c r="BS38" s="196">
        <v>0</v>
      </c>
      <c r="BT38" s="193">
        <v>0</v>
      </c>
      <c r="BU38" s="191">
        <v>0</v>
      </c>
      <c r="BV38" s="191">
        <v>21</v>
      </c>
      <c r="BW38" s="191">
        <v>0</v>
      </c>
      <c r="BX38" s="191">
        <v>11</v>
      </c>
      <c r="BY38" s="191">
        <v>0</v>
      </c>
      <c r="BZ38" s="196">
        <v>32</v>
      </c>
      <c r="CA38" s="195">
        <v>32</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4</v>
      </c>
      <c r="L39" s="201">
        <v>24</v>
      </c>
      <c r="M39" s="202">
        <v>24</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24</v>
      </c>
      <c r="AG39" s="198">
        <v>3</v>
      </c>
      <c r="AH39" s="203">
        <v>27</v>
      </c>
      <c r="AI39" s="202">
        <v>27</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5</v>
      </c>
      <c r="BC39" s="198">
        <v>0</v>
      </c>
      <c r="BD39" s="201">
        <v>5</v>
      </c>
      <c r="BE39" s="202">
        <v>5</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4</v>
      </c>
      <c r="CK39" s="203">
        <v>4</v>
      </c>
      <c r="CL39" s="202">
        <v>4</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1">
        <f>第１表!F2</f>
        <v>6</v>
      </c>
      <c r="I1" s="441"/>
      <c r="J1" s="18">
        <f>第１表!G2</f>
        <v>7</v>
      </c>
      <c r="K1" s="445">
        <f>IF(J1&lt;3,J1-2+12,J1-2)</f>
        <v>5</v>
      </c>
      <c r="L1" s="445"/>
    </row>
    <row r="2" spans="2:35" ht="24" customHeight="1" thickBot="1" x14ac:dyDescent="0.25">
      <c r="J2" s="209"/>
      <c r="K2" s="209"/>
      <c r="L2" s="209"/>
      <c r="M2" s="209"/>
      <c r="N2" s="209"/>
      <c r="O2" s="209"/>
      <c r="P2" s="210"/>
      <c r="Q2" s="210"/>
      <c r="R2" s="210"/>
    </row>
    <row r="3" spans="2:35"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68</v>
      </c>
      <c r="D5" s="212">
        <v>299</v>
      </c>
      <c r="E5" s="213">
        <v>467</v>
      </c>
      <c r="F5" s="214">
        <v>0</v>
      </c>
      <c r="G5" s="212">
        <v>19354</v>
      </c>
      <c r="H5" s="212">
        <v>19835</v>
      </c>
      <c r="I5" s="212">
        <v>13053</v>
      </c>
      <c r="J5" s="212">
        <v>8177</v>
      </c>
      <c r="K5" s="212">
        <v>5039</v>
      </c>
      <c r="L5" s="213">
        <v>65458</v>
      </c>
      <c r="M5" s="215">
        <v>65925</v>
      </c>
      <c r="N5" s="216">
        <v>1</v>
      </c>
      <c r="O5" s="212">
        <v>3</v>
      </c>
      <c r="P5" s="213">
        <v>4</v>
      </c>
      <c r="Q5" s="214">
        <v>0</v>
      </c>
      <c r="R5" s="212">
        <v>204</v>
      </c>
      <c r="S5" s="212">
        <v>388</v>
      </c>
      <c r="T5" s="212">
        <v>221</v>
      </c>
      <c r="U5" s="212">
        <v>164</v>
      </c>
      <c r="V5" s="212">
        <v>156</v>
      </c>
      <c r="W5" s="213">
        <v>1133</v>
      </c>
      <c r="X5" s="215">
        <v>1137</v>
      </c>
      <c r="Y5" s="216">
        <v>169</v>
      </c>
      <c r="Z5" s="212">
        <v>302</v>
      </c>
      <c r="AA5" s="213">
        <v>471</v>
      </c>
      <c r="AB5" s="214">
        <v>0</v>
      </c>
      <c r="AC5" s="212">
        <v>19558</v>
      </c>
      <c r="AD5" s="212">
        <v>20223</v>
      </c>
      <c r="AE5" s="212">
        <v>13274</v>
      </c>
      <c r="AF5" s="212">
        <v>8341</v>
      </c>
      <c r="AG5" s="212">
        <v>5195</v>
      </c>
      <c r="AH5" s="213">
        <v>66591</v>
      </c>
      <c r="AI5" s="215">
        <v>67062</v>
      </c>
    </row>
    <row r="6" spans="2:35" ht="21" customHeight="1" x14ac:dyDescent="0.2">
      <c r="B6" s="95" t="s">
        <v>5</v>
      </c>
      <c r="C6" s="217">
        <v>61</v>
      </c>
      <c r="D6" s="218">
        <v>117</v>
      </c>
      <c r="E6" s="219">
        <v>178</v>
      </c>
      <c r="F6" s="220">
        <v>0</v>
      </c>
      <c r="G6" s="218">
        <v>7287</v>
      </c>
      <c r="H6" s="218">
        <v>9483</v>
      </c>
      <c r="I6" s="218">
        <v>5834</v>
      </c>
      <c r="J6" s="218">
        <v>3591</v>
      </c>
      <c r="K6" s="218">
        <v>2317</v>
      </c>
      <c r="L6" s="219">
        <v>28512</v>
      </c>
      <c r="M6" s="221">
        <v>28690</v>
      </c>
      <c r="N6" s="222">
        <v>0</v>
      </c>
      <c r="O6" s="218">
        <v>1</v>
      </c>
      <c r="P6" s="219">
        <v>1</v>
      </c>
      <c r="Q6" s="220">
        <v>0</v>
      </c>
      <c r="R6" s="218">
        <v>70</v>
      </c>
      <c r="S6" s="218">
        <v>194</v>
      </c>
      <c r="T6" s="218">
        <v>115</v>
      </c>
      <c r="U6" s="218">
        <v>83</v>
      </c>
      <c r="V6" s="218">
        <v>83</v>
      </c>
      <c r="W6" s="219">
        <v>545</v>
      </c>
      <c r="X6" s="221">
        <v>546</v>
      </c>
      <c r="Y6" s="222">
        <v>61</v>
      </c>
      <c r="Z6" s="218">
        <v>118</v>
      </c>
      <c r="AA6" s="219">
        <v>179</v>
      </c>
      <c r="AB6" s="220">
        <v>0</v>
      </c>
      <c r="AC6" s="218">
        <v>7357</v>
      </c>
      <c r="AD6" s="218">
        <v>9677</v>
      </c>
      <c r="AE6" s="218">
        <v>5949</v>
      </c>
      <c r="AF6" s="218">
        <v>3674</v>
      </c>
      <c r="AG6" s="218">
        <v>2400</v>
      </c>
      <c r="AH6" s="219">
        <v>29057</v>
      </c>
      <c r="AI6" s="221">
        <v>29236</v>
      </c>
    </row>
    <row r="7" spans="2:35" ht="21" customHeight="1" x14ac:dyDescent="0.2">
      <c r="B7" s="106" t="s">
        <v>6</v>
      </c>
      <c r="C7" s="217">
        <v>25</v>
      </c>
      <c r="D7" s="218">
        <v>43</v>
      </c>
      <c r="E7" s="219">
        <v>68</v>
      </c>
      <c r="F7" s="220">
        <v>0</v>
      </c>
      <c r="G7" s="218">
        <v>2858</v>
      </c>
      <c r="H7" s="218">
        <v>2650</v>
      </c>
      <c r="I7" s="218">
        <v>1884</v>
      </c>
      <c r="J7" s="218">
        <v>1334</v>
      </c>
      <c r="K7" s="218">
        <v>909</v>
      </c>
      <c r="L7" s="219">
        <v>9635</v>
      </c>
      <c r="M7" s="221">
        <v>9703</v>
      </c>
      <c r="N7" s="222">
        <v>0</v>
      </c>
      <c r="O7" s="218">
        <v>0</v>
      </c>
      <c r="P7" s="219">
        <v>0</v>
      </c>
      <c r="Q7" s="220">
        <v>0</v>
      </c>
      <c r="R7" s="218">
        <v>24</v>
      </c>
      <c r="S7" s="218">
        <v>29</v>
      </c>
      <c r="T7" s="218">
        <v>20</v>
      </c>
      <c r="U7" s="218">
        <v>22</v>
      </c>
      <c r="V7" s="218">
        <v>27</v>
      </c>
      <c r="W7" s="219">
        <v>122</v>
      </c>
      <c r="X7" s="221">
        <v>122</v>
      </c>
      <c r="Y7" s="222">
        <v>25</v>
      </c>
      <c r="Z7" s="218">
        <v>43</v>
      </c>
      <c r="AA7" s="219">
        <v>68</v>
      </c>
      <c r="AB7" s="220">
        <v>0</v>
      </c>
      <c r="AC7" s="218">
        <v>2882</v>
      </c>
      <c r="AD7" s="218">
        <v>2679</v>
      </c>
      <c r="AE7" s="218">
        <v>1904</v>
      </c>
      <c r="AF7" s="218">
        <v>1356</v>
      </c>
      <c r="AG7" s="218">
        <v>936</v>
      </c>
      <c r="AH7" s="219">
        <v>9757</v>
      </c>
      <c r="AI7" s="221">
        <v>9825</v>
      </c>
    </row>
    <row r="8" spans="2:35" ht="21" customHeight="1" x14ac:dyDescent="0.2">
      <c r="B8" s="106" t="s">
        <v>14</v>
      </c>
      <c r="C8" s="217">
        <v>19</v>
      </c>
      <c r="D8" s="218">
        <v>25</v>
      </c>
      <c r="E8" s="219">
        <v>44</v>
      </c>
      <c r="F8" s="220">
        <v>0</v>
      </c>
      <c r="G8" s="218">
        <v>1503</v>
      </c>
      <c r="H8" s="218">
        <v>1699</v>
      </c>
      <c r="I8" s="218">
        <v>1183</v>
      </c>
      <c r="J8" s="218">
        <v>666</v>
      </c>
      <c r="K8" s="218">
        <v>354</v>
      </c>
      <c r="L8" s="219">
        <v>5405</v>
      </c>
      <c r="M8" s="221">
        <v>5449</v>
      </c>
      <c r="N8" s="222">
        <v>0</v>
      </c>
      <c r="O8" s="218">
        <v>0</v>
      </c>
      <c r="P8" s="219">
        <v>0</v>
      </c>
      <c r="Q8" s="220">
        <v>0</v>
      </c>
      <c r="R8" s="218">
        <v>12</v>
      </c>
      <c r="S8" s="218">
        <v>39</v>
      </c>
      <c r="T8" s="218">
        <v>17</v>
      </c>
      <c r="U8" s="218">
        <v>9</v>
      </c>
      <c r="V8" s="218">
        <v>8</v>
      </c>
      <c r="W8" s="219">
        <v>85</v>
      </c>
      <c r="X8" s="221">
        <v>85</v>
      </c>
      <c r="Y8" s="222">
        <v>19</v>
      </c>
      <c r="Z8" s="218">
        <v>25</v>
      </c>
      <c r="AA8" s="219">
        <v>44</v>
      </c>
      <c r="AB8" s="220">
        <v>0</v>
      </c>
      <c r="AC8" s="218">
        <v>1515</v>
      </c>
      <c r="AD8" s="218">
        <v>1738</v>
      </c>
      <c r="AE8" s="218">
        <v>1200</v>
      </c>
      <c r="AF8" s="218">
        <v>675</v>
      </c>
      <c r="AG8" s="218">
        <v>362</v>
      </c>
      <c r="AH8" s="219">
        <v>5490</v>
      </c>
      <c r="AI8" s="221">
        <v>5534</v>
      </c>
    </row>
    <row r="9" spans="2:35" ht="21" customHeight="1" x14ac:dyDescent="0.2">
      <c r="B9" s="106" t="s">
        <v>7</v>
      </c>
      <c r="C9" s="217">
        <v>3</v>
      </c>
      <c r="D9" s="218">
        <v>5</v>
      </c>
      <c r="E9" s="219">
        <v>8</v>
      </c>
      <c r="F9" s="220">
        <v>0</v>
      </c>
      <c r="G9" s="218">
        <v>1435</v>
      </c>
      <c r="H9" s="218">
        <v>970</v>
      </c>
      <c r="I9" s="218">
        <v>554</v>
      </c>
      <c r="J9" s="218">
        <v>308</v>
      </c>
      <c r="K9" s="218">
        <v>167</v>
      </c>
      <c r="L9" s="219">
        <v>3434</v>
      </c>
      <c r="M9" s="221">
        <v>3442</v>
      </c>
      <c r="N9" s="222">
        <v>0</v>
      </c>
      <c r="O9" s="218">
        <v>0</v>
      </c>
      <c r="P9" s="219">
        <v>0</v>
      </c>
      <c r="Q9" s="220">
        <v>0</v>
      </c>
      <c r="R9" s="218">
        <v>19</v>
      </c>
      <c r="S9" s="218">
        <v>19</v>
      </c>
      <c r="T9" s="218">
        <v>10</v>
      </c>
      <c r="U9" s="218">
        <v>5</v>
      </c>
      <c r="V9" s="218">
        <v>2</v>
      </c>
      <c r="W9" s="219">
        <v>55</v>
      </c>
      <c r="X9" s="221">
        <v>55</v>
      </c>
      <c r="Y9" s="222">
        <v>3</v>
      </c>
      <c r="Z9" s="218">
        <v>5</v>
      </c>
      <c r="AA9" s="219">
        <v>8</v>
      </c>
      <c r="AB9" s="220">
        <v>0</v>
      </c>
      <c r="AC9" s="218">
        <v>1454</v>
      </c>
      <c r="AD9" s="218">
        <v>989</v>
      </c>
      <c r="AE9" s="218">
        <v>564</v>
      </c>
      <c r="AF9" s="218">
        <v>313</v>
      </c>
      <c r="AG9" s="218">
        <v>169</v>
      </c>
      <c r="AH9" s="219">
        <v>3489</v>
      </c>
      <c r="AI9" s="221">
        <v>3497</v>
      </c>
    </row>
    <row r="10" spans="2:35" ht="21" customHeight="1" x14ac:dyDescent="0.2">
      <c r="B10" s="106" t="s">
        <v>8</v>
      </c>
      <c r="C10" s="217">
        <v>14</v>
      </c>
      <c r="D10" s="218">
        <v>11</v>
      </c>
      <c r="E10" s="219">
        <v>25</v>
      </c>
      <c r="F10" s="220">
        <v>0</v>
      </c>
      <c r="G10" s="218">
        <v>771</v>
      </c>
      <c r="H10" s="218">
        <v>660</v>
      </c>
      <c r="I10" s="218">
        <v>400</v>
      </c>
      <c r="J10" s="218">
        <v>235</v>
      </c>
      <c r="K10" s="218">
        <v>135</v>
      </c>
      <c r="L10" s="219">
        <v>2201</v>
      </c>
      <c r="M10" s="221">
        <v>2226</v>
      </c>
      <c r="N10" s="222">
        <v>0</v>
      </c>
      <c r="O10" s="218">
        <v>0</v>
      </c>
      <c r="P10" s="219">
        <v>0</v>
      </c>
      <c r="Q10" s="220">
        <v>0</v>
      </c>
      <c r="R10" s="218">
        <v>13</v>
      </c>
      <c r="S10" s="218">
        <v>25</v>
      </c>
      <c r="T10" s="218">
        <v>5</v>
      </c>
      <c r="U10" s="218">
        <v>4</v>
      </c>
      <c r="V10" s="218">
        <v>3</v>
      </c>
      <c r="W10" s="219">
        <v>50</v>
      </c>
      <c r="X10" s="221">
        <v>50</v>
      </c>
      <c r="Y10" s="222">
        <v>14</v>
      </c>
      <c r="Z10" s="218">
        <v>11</v>
      </c>
      <c r="AA10" s="219">
        <v>25</v>
      </c>
      <c r="AB10" s="220">
        <v>0</v>
      </c>
      <c r="AC10" s="218">
        <v>784</v>
      </c>
      <c r="AD10" s="218">
        <v>685</v>
      </c>
      <c r="AE10" s="218">
        <v>405</v>
      </c>
      <c r="AF10" s="218">
        <v>239</v>
      </c>
      <c r="AG10" s="218">
        <v>138</v>
      </c>
      <c r="AH10" s="219">
        <v>2251</v>
      </c>
      <c r="AI10" s="221">
        <v>2276</v>
      </c>
    </row>
    <row r="11" spans="2:35" ht="21" customHeight="1" x14ac:dyDescent="0.2">
      <c r="B11" s="106" t="s">
        <v>9</v>
      </c>
      <c r="C11" s="217">
        <v>4</v>
      </c>
      <c r="D11" s="218">
        <v>4</v>
      </c>
      <c r="E11" s="219">
        <v>8</v>
      </c>
      <c r="F11" s="220">
        <v>0</v>
      </c>
      <c r="G11" s="218">
        <v>529</v>
      </c>
      <c r="H11" s="218">
        <v>393</v>
      </c>
      <c r="I11" s="218">
        <v>288</v>
      </c>
      <c r="J11" s="218">
        <v>205</v>
      </c>
      <c r="K11" s="218">
        <v>106</v>
      </c>
      <c r="L11" s="219">
        <v>1521</v>
      </c>
      <c r="M11" s="221">
        <v>1529</v>
      </c>
      <c r="N11" s="222">
        <v>0</v>
      </c>
      <c r="O11" s="218">
        <v>0</v>
      </c>
      <c r="P11" s="219">
        <v>0</v>
      </c>
      <c r="Q11" s="220">
        <v>0</v>
      </c>
      <c r="R11" s="218">
        <v>14</v>
      </c>
      <c r="S11" s="218">
        <v>13</v>
      </c>
      <c r="T11" s="218">
        <v>4</v>
      </c>
      <c r="U11" s="218">
        <v>6</v>
      </c>
      <c r="V11" s="218">
        <v>2</v>
      </c>
      <c r="W11" s="219">
        <v>39</v>
      </c>
      <c r="X11" s="221">
        <v>39</v>
      </c>
      <c r="Y11" s="222">
        <v>4</v>
      </c>
      <c r="Z11" s="218">
        <v>4</v>
      </c>
      <c r="AA11" s="219">
        <v>8</v>
      </c>
      <c r="AB11" s="220">
        <v>0</v>
      </c>
      <c r="AC11" s="218">
        <v>543</v>
      </c>
      <c r="AD11" s="218">
        <v>406</v>
      </c>
      <c r="AE11" s="218">
        <v>292</v>
      </c>
      <c r="AF11" s="218">
        <v>211</v>
      </c>
      <c r="AG11" s="218">
        <v>108</v>
      </c>
      <c r="AH11" s="219">
        <v>1560</v>
      </c>
      <c r="AI11" s="221">
        <v>1568</v>
      </c>
    </row>
    <row r="12" spans="2:35" ht="21" customHeight="1" x14ac:dyDescent="0.2">
      <c r="B12" s="106" t="s">
        <v>10</v>
      </c>
      <c r="C12" s="217">
        <v>14</v>
      </c>
      <c r="D12" s="218">
        <v>18</v>
      </c>
      <c r="E12" s="219">
        <v>32</v>
      </c>
      <c r="F12" s="220">
        <v>0</v>
      </c>
      <c r="G12" s="218">
        <v>866</v>
      </c>
      <c r="H12" s="218">
        <v>502</v>
      </c>
      <c r="I12" s="218">
        <v>417</v>
      </c>
      <c r="J12" s="218">
        <v>337</v>
      </c>
      <c r="K12" s="218">
        <v>228</v>
      </c>
      <c r="L12" s="219">
        <v>2350</v>
      </c>
      <c r="M12" s="221">
        <v>2382</v>
      </c>
      <c r="N12" s="222">
        <v>0</v>
      </c>
      <c r="O12" s="218">
        <v>1</v>
      </c>
      <c r="P12" s="219">
        <v>1</v>
      </c>
      <c r="Q12" s="220">
        <v>0</v>
      </c>
      <c r="R12" s="218">
        <v>11</v>
      </c>
      <c r="S12" s="218">
        <v>7</v>
      </c>
      <c r="T12" s="218">
        <v>8</v>
      </c>
      <c r="U12" s="218">
        <v>7</v>
      </c>
      <c r="V12" s="218">
        <v>5</v>
      </c>
      <c r="W12" s="219">
        <v>38</v>
      </c>
      <c r="X12" s="221">
        <v>39</v>
      </c>
      <c r="Y12" s="222">
        <v>14</v>
      </c>
      <c r="Z12" s="218">
        <v>19</v>
      </c>
      <c r="AA12" s="219">
        <v>33</v>
      </c>
      <c r="AB12" s="220">
        <v>0</v>
      </c>
      <c r="AC12" s="218">
        <v>877</v>
      </c>
      <c r="AD12" s="218">
        <v>509</v>
      </c>
      <c r="AE12" s="218">
        <v>425</v>
      </c>
      <c r="AF12" s="218">
        <v>344</v>
      </c>
      <c r="AG12" s="218">
        <v>233</v>
      </c>
      <c r="AH12" s="219">
        <v>2388</v>
      </c>
      <c r="AI12" s="221">
        <v>2421</v>
      </c>
    </row>
    <row r="13" spans="2:35" ht="21" customHeight="1" x14ac:dyDescent="0.2">
      <c r="B13" s="106" t="s">
        <v>11</v>
      </c>
      <c r="C13" s="217">
        <v>1</v>
      </c>
      <c r="D13" s="218">
        <v>5</v>
      </c>
      <c r="E13" s="219">
        <v>6</v>
      </c>
      <c r="F13" s="220">
        <v>0</v>
      </c>
      <c r="G13" s="218">
        <v>636</v>
      </c>
      <c r="H13" s="218">
        <v>388</v>
      </c>
      <c r="I13" s="218">
        <v>301</v>
      </c>
      <c r="J13" s="218">
        <v>170</v>
      </c>
      <c r="K13" s="218">
        <v>85</v>
      </c>
      <c r="L13" s="219">
        <v>1580</v>
      </c>
      <c r="M13" s="221">
        <v>1586</v>
      </c>
      <c r="N13" s="222">
        <v>1</v>
      </c>
      <c r="O13" s="218">
        <v>0</v>
      </c>
      <c r="P13" s="219">
        <v>1</v>
      </c>
      <c r="Q13" s="220">
        <v>0</v>
      </c>
      <c r="R13" s="218">
        <v>8</v>
      </c>
      <c r="S13" s="218">
        <v>4</v>
      </c>
      <c r="T13" s="218">
        <v>5</v>
      </c>
      <c r="U13" s="218">
        <v>5</v>
      </c>
      <c r="V13" s="218">
        <v>2</v>
      </c>
      <c r="W13" s="219">
        <v>24</v>
      </c>
      <c r="X13" s="221">
        <v>25</v>
      </c>
      <c r="Y13" s="222">
        <v>2</v>
      </c>
      <c r="Z13" s="218">
        <v>5</v>
      </c>
      <c r="AA13" s="219">
        <v>7</v>
      </c>
      <c r="AB13" s="220">
        <v>0</v>
      </c>
      <c r="AC13" s="218">
        <v>644</v>
      </c>
      <c r="AD13" s="218">
        <v>392</v>
      </c>
      <c r="AE13" s="218">
        <v>306</v>
      </c>
      <c r="AF13" s="218">
        <v>175</v>
      </c>
      <c r="AG13" s="218">
        <v>87</v>
      </c>
      <c r="AH13" s="219">
        <v>1604</v>
      </c>
      <c r="AI13" s="221">
        <v>1611</v>
      </c>
    </row>
    <row r="14" spans="2:35" ht="21" customHeight="1" x14ac:dyDescent="0.2">
      <c r="B14" s="106" t="s">
        <v>12</v>
      </c>
      <c r="C14" s="217">
        <v>0</v>
      </c>
      <c r="D14" s="218">
        <v>1</v>
      </c>
      <c r="E14" s="219">
        <v>1</v>
      </c>
      <c r="F14" s="220">
        <v>0</v>
      </c>
      <c r="G14" s="218">
        <v>476</v>
      </c>
      <c r="H14" s="218">
        <v>354</v>
      </c>
      <c r="I14" s="218">
        <v>281</v>
      </c>
      <c r="J14" s="218">
        <v>188</v>
      </c>
      <c r="K14" s="218">
        <v>126</v>
      </c>
      <c r="L14" s="219">
        <v>1425</v>
      </c>
      <c r="M14" s="221">
        <v>1426</v>
      </c>
      <c r="N14" s="222">
        <v>0</v>
      </c>
      <c r="O14" s="218">
        <v>0</v>
      </c>
      <c r="P14" s="219">
        <v>0</v>
      </c>
      <c r="Q14" s="220">
        <v>0</v>
      </c>
      <c r="R14" s="218">
        <v>6</v>
      </c>
      <c r="S14" s="218">
        <v>8</v>
      </c>
      <c r="T14" s="218">
        <v>2</v>
      </c>
      <c r="U14" s="218">
        <v>1</v>
      </c>
      <c r="V14" s="218">
        <v>5</v>
      </c>
      <c r="W14" s="219">
        <v>22</v>
      </c>
      <c r="X14" s="221">
        <v>22</v>
      </c>
      <c r="Y14" s="222">
        <v>0</v>
      </c>
      <c r="Z14" s="218">
        <v>1</v>
      </c>
      <c r="AA14" s="219">
        <v>1</v>
      </c>
      <c r="AB14" s="220">
        <v>0</v>
      </c>
      <c r="AC14" s="218">
        <v>482</v>
      </c>
      <c r="AD14" s="218">
        <v>362</v>
      </c>
      <c r="AE14" s="218">
        <v>283</v>
      </c>
      <c r="AF14" s="218">
        <v>189</v>
      </c>
      <c r="AG14" s="218">
        <v>131</v>
      </c>
      <c r="AH14" s="219">
        <v>1447</v>
      </c>
      <c r="AI14" s="221">
        <v>1448</v>
      </c>
    </row>
    <row r="15" spans="2:35" ht="21" customHeight="1" x14ac:dyDescent="0.2">
      <c r="B15" s="106" t="s">
        <v>13</v>
      </c>
      <c r="C15" s="217">
        <v>1</v>
      </c>
      <c r="D15" s="218">
        <v>1</v>
      </c>
      <c r="E15" s="219">
        <v>2</v>
      </c>
      <c r="F15" s="220">
        <v>0</v>
      </c>
      <c r="G15" s="218">
        <v>194</v>
      </c>
      <c r="H15" s="218">
        <v>187</v>
      </c>
      <c r="I15" s="218">
        <v>99</v>
      </c>
      <c r="J15" s="218">
        <v>69</v>
      </c>
      <c r="K15" s="218">
        <v>42</v>
      </c>
      <c r="L15" s="219">
        <v>591</v>
      </c>
      <c r="M15" s="221">
        <v>593</v>
      </c>
      <c r="N15" s="222">
        <v>0</v>
      </c>
      <c r="O15" s="218">
        <v>0</v>
      </c>
      <c r="P15" s="219">
        <v>0</v>
      </c>
      <c r="Q15" s="220">
        <v>0</v>
      </c>
      <c r="R15" s="218">
        <v>1</v>
      </c>
      <c r="S15" s="218">
        <v>2</v>
      </c>
      <c r="T15" s="218">
        <v>3</v>
      </c>
      <c r="U15" s="218">
        <v>0</v>
      </c>
      <c r="V15" s="218">
        <v>0</v>
      </c>
      <c r="W15" s="219">
        <v>6</v>
      </c>
      <c r="X15" s="221">
        <v>6</v>
      </c>
      <c r="Y15" s="222">
        <v>1</v>
      </c>
      <c r="Z15" s="218">
        <v>1</v>
      </c>
      <c r="AA15" s="219">
        <v>2</v>
      </c>
      <c r="AB15" s="220">
        <v>0</v>
      </c>
      <c r="AC15" s="218">
        <v>195</v>
      </c>
      <c r="AD15" s="218">
        <v>189</v>
      </c>
      <c r="AE15" s="218">
        <v>102</v>
      </c>
      <c r="AF15" s="218">
        <v>69</v>
      </c>
      <c r="AG15" s="218">
        <v>42</v>
      </c>
      <c r="AH15" s="219">
        <v>597</v>
      </c>
      <c r="AI15" s="221">
        <v>599</v>
      </c>
    </row>
    <row r="16" spans="2:35" ht="21" customHeight="1" x14ac:dyDescent="0.2">
      <c r="B16" s="106" t="s">
        <v>15</v>
      </c>
      <c r="C16" s="217">
        <v>2</v>
      </c>
      <c r="D16" s="218">
        <v>15</v>
      </c>
      <c r="E16" s="219">
        <v>17</v>
      </c>
      <c r="F16" s="220">
        <v>0</v>
      </c>
      <c r="G16" s="218">
        <v>243</v>
      </c>
      <c r="H16" s="218">
        <v>251</v>
      </c>
      <c r="I16" s="218">
        <v>139</v>
      </c>
      <c r="J16" s="218">
        <v>85</v>
      </c>
      <c r="K16" s="218">
        <v>54</v>
      </c>
      <c r="L16" s="219">
        <v>772</v>
      </c>
      <c r="M16" s="221">
        <v>789</v>
      </c>
      <c r="N16" s="222">
        <v>0</v>
      </c>
      <c r="O16" s="218">
        <v>1</v>
      </c>
      <c r="P16" s="219">
        <v>1</v>
      </c>
      <c r="Q16" s="220">
        <v>0</v>
      </c>
      <c r="R16" s="218">
        <v>4</v>
      </c>
      <c r="S16" s="218">
        <v>5</v>
      </c>
      <c r="T16" s="218">
        <v>1</v>
      </c>
      <c r="U16" s="218">
        <v>0</v>
      </c>
      <c r="V16" s="218">
        <v>0</v>
      </c>
      <c r="W16" s="219">
        <v>10</v>
      </c>
      <c r="X16" s="221">
        <v>11</v>
      </c>
      <c r="Y16" s="222">
        <v>2</v>
      </c>
      <c r="Z16" s="218">
        <v>16</v>
      </c>
      <c r="AA16" s="219">
        <v>18</v>
      </c>
      <c r="AB16" s="220">
        <v>0</v>
      </c>
      <c r="AC16" s="218">
        <v>247</v>
      </c>
      <c r="AD16" s="218">
        <v>256</v>
      </c>
      <c r="AE16" s="218">
        <v>140</v>
      </c>
      <c r="AF16" s="218">
        <v>85</v>
      </c>
      <c r="AG16" s="218">
        <v>54</v>
      </c>
      <c r="AH16" s="219">
        <v>782</v>
      </c>
      <c r="AI16" s="221">
        <v>800</v>
      </c>
    </row>
    <row r="17" spans="2:35" ht="21" customHeight="1" x14ac:dyDescent="0.2">
      <c r="B17" s="106" t="s">
        <v>16</v>
      </c>
      <c r="C17" s="217">
        <v>3</v>
      </c>
      <c r="D17" s="218">
        <v>5</v>
      </c>
      <c r="E17" s="219">
        <v>8</v>
      </c>
      <c r="F17" s="220">
        <v>0</v>
      </c>
      <c r="G17" s="218">
        <v>204</v>
      </c>
      <c r="H17" s="218">
        <v>287</v>
      </c>
      <c r="I17" s="218">
        <v>171</v>
      </c>
      <c r="J17" s="218">
        <v>119</v>
      </c>
      <c r="K17" s="218">
        <v>67</v>
      </c>
      <c r="L17" s="219">
        <v>848</v>
      </c>
      <c r="M17" s="221">
        <v>856</v>
      </c>
      <c r="N17" s="222">
        <v>0</v>
      </c>
      <c r="O17" s="218">
        <v>0</v>
      </c>
      <c r="P17" s="219">
        <v>0</v>
      </c>
      <c r="Q17" s="220">
        <v>0</v>
      </c>
      <c r="R17" s="218">
        <v>3</v>
      </c>
      <c r="S17" s="218">
        <v>3</v>
      </c>
      <c r="T17" s="218">
        <v>6</v>
      </c>
      <c r="U17" s="218">
        <v>3</v>
      </c>
      <c r="V17" s="218">
        <v>1</v>
      </c>
      <c r="W17" s="219">
        <v>16</v>
      </c>
      <c r="X17" s="221">
        <v>16</v>
      </c>
      <c r="Y17" s="222">
        <v>3</v>
      </c>
      <c r="Z17" s="218">
        <v>5</v>
      </c>
      <c r="AA17" s="219">
        <v>8</v>
      </c>
      <c r="AB17" s="220">
        <v>0</v>
      </c>
      <c r="AC17" s="218">
        <v>207</v>
      </c>
      <c r="AD17" s="218">
        <v>290</v>
      </c>
      <c r="AE17" s="218">
        <v>177</v>
      </c>
      <c r="AF17" s="218">
        <v>122</v>
      </c>
      <c r="AG17" s="218">
        <v>68</v>
      </c>
      <c r="AH17" s="219">
        <v>864</v>
      </c>
      <c r="AI17" s="221">
        <v>872</v>
      </c>
    </row>
    <row r="18" spans="2:35" ht="21" customHeight="1" x14ac:dyDescent="0.2">
      <c r="B18" s="106" t="s">
        <v>17</v>
      </c>
      <c r="C18" s="217">
        <v>4</v>
      </c>
      <c r="D18" s="218">
        <v>7</v>
      </c>
      <c r="E18" s="219">
        <v>11</v>
      </c>
      <c r="F18" s="220">
        <v>0</v>
      </c>
      <c r="G18" s="218">
        <v>312</v>
      </c>
      <c r="H18" s="218">
        <v>413</v>
      </c>
      <c r="I18" s="218">
        <v>325</v>
      </c>
      <c r="J18" s="218">
        <v>207</v>
      </c>
      <c r="K18" s="218">
        <v>103</v>
      </c>
      <c r="L18" s="219">
        <v>1360</v>
      </c>
      <c r="M18" s="221">
        <v>1371</v>
      </c>
      <c r="N18" s="222">
        <v>0</v>
      </c>
      <c r="O18" s="218">
        <v>0</v>
      </c>
      <c r="P18" s="219">
        <v>0</v>
      </c>
      <c r="Q18" s="220">
        <v>0</v>
      </c>
      <c r="R18" s="218">
        <v>4</v>
      </c>
      <c r="S18" s="218">
        <v>14</v>
      </c>
      <c r="T18" s="218">
        <v>5</v>
      </c>
      <c r="U18" s="218">
        <v>7</v>
      </c>
      <c r="V18" s="218">
        <v>5</v>
      </c>
      <c r="W18" s="219">
        <v>35</v>
      </c>
      <c r="X18" s="221">
        <v>35</v>
      </c>
      <c r="Y18" s="222">
        <v>4</v>
      </c>
      <c r="Z18" s="218">
        <v>7</v>
      </c>
      <c r="AA18" s="219">
        <v>11</v>
      </c>
      <c r="AB18" s="220">
        <v>0</v>
      </c>
      <c r="AC18" s="218">
        <v>316</v>
      </c>
      <c r="AD18" s="218">
        <v>427</v>
      </c>
      <c r="AE18" s="218">
        <v>330</v>
      </c>
      <c r="AF18" s="218">
        <v>214</v>
      </c>
      <c r="AG18" s="218">
        <v>108</v>
      </c>
      <c r="AH18" s="219">
        <v>1395</v>
      </c>
      <c r="AI18" s="221">
        <v>1406</v>
      </c>
    </row>
    <row r="19" spans="2:35" ht="21" customHeight="1" x14ac:dyDescent="0.2">
      <c r="B19" s="106" t="s">
        <v>18</v>
      </c>
      <c r="C19" s="217">
        <v>5</v>
      </c>
      <c r="D19" s="218">
        <v>19</v>
      </c>
      <c r="E19" s="219">
        <v>24</v>
      </c>
      <c r="F19" s="220">
        <v>0</v>
      </c>
      <c r="G19" s="218">
        <v>409</v>
      </c>
      <c r="H19" s="218">
        <v>340</v>
      </c>
      <c r="I19" s="218">
        <v>276</v>
      </c>
      <c r="J19" s="218">
        <v>161</v>
      </c>
      <c r="K19" s="218">
        <v>76</v>
      </c>
      <c r="L19" s="219">
        <v>1262</v>
      </c>
      <c r="M19" s="221">
        <v>1286</v>
      </c>
      <c r="N19" s="222">
        <v>0</v>
      </c>
      <c r="O19" s="218">
        <v>0</v>
      </c>
      <c r="P19" s="219">
        <v>0</v>
      </c>
      <c r="Q19" s="220">
        <v>0</v>
      </c>
      <c r="R19" s="218">
        <v>4</v>
      </c>
      <c r="S19" s="218">
        <v>7</v>
      </c>
      <c r="T19" s="218">
        <v>3</v>
      </c>
      <c r="U19" s="218">
        <v>6</v>
      </c>
      <c r="V19" s="218">
        <v>5</v>
      </c>
      <c r="W19" s="219">
        <v>25</v>
      </c>
      <c r="X19" s="221">
        <v>25</v>
      </c>
      <c r="Y19" s="222">
        <v>5</v>
      </c>
      <c r="Z19" s="218">
        <v>19</v>
      </c>
      <c r="AA19" s="219">
        <v>24</v>
      </c>
      <c r="AB19" s="220">
        <v>0</v>
      </c>
      <c r="AC19" s="218">
        <v>413</v>
      </c>
      <c r="AD19" s="218">
        <v>347</v>
      </c>
      <c r="AE19" s="218">
        <v>279</v>
      </c>
      <c r="AF19" s="218">
        <v>167</v>
      </c>
      <c r="AG19" s="218">
        <v>81</v>
      </c>
      <c r="AH19" s="219">
        <v>1287</v>
      </c>
      <c r="AI19" s="221">
        <v>1311</v>
      </c>
    </row>
    <row r="20" spans="2:35" ht="21" customHeight="1" x14ac:dyDescent="0.2">
      <c r="B20" s="106" t="s">
        <v>19</v>
      </c>
      <c r="C20" s="217">
        <v>0</v>
      </c>
      <c r="D20" s="218">
        <v>1</v>
      </c>
      <c r="E20" s="219">
        <v>1</v>
      </c>
      <c r="F20" s="220">
        <v>0</v>
      </c>
      <c r="G20" s="218">
        <v>219</v>
      </c>
      <c r="H20" s="218">
        <v>195</v>
      </c>
      <c r="I20" s="218">
        <v>127</v>
      </c>
      <c r="J20" s="218">
        <v>64</v>
      </c>
      <c r="K20" s="218">
        <v>51</v>
      </c>
      <c r="L20" s="219">
        <v>656</v>
      </c>
      <c r="M20" s="221">
        <v>657</v>
      </c>
      <c r="N20" s="222">
        <v>0</v>
      </c>
      <c r="O20" s="218">
        <v>0</v>
      </c>
      <c r="P20" s="219">
        <v>0</v>
      </c>
      <c r="Q20" s="220">
        <v>0</v>
      </c>
      <c r="R20" s="218">
        <v>2</v>
      </c>
      <c r="S20" s="218">
        <v>3</v>
      </c>
      <c r="T20" s="218">
        <v>1</v>
      </c>
      <c r="U20" s="218">
        <v>3</v>
      </c>
      <c r="V20" s="218">
        <v>1</v>
      </c>
      <c r="W20" s="219">
        <v>10</v>
      </c>
      <c r="X20" s="221">
        <v>10</v>
      </c>
      <c r="Y20" s="222">
        <v>0</v>
      </c>
      <c r="Z20" s="218">
        <v>1</v>
      </c>
      <c r="AA20" s="219">
        <v>1</v>
      </c>
      <c r="AB20" s="220">
        <v>0</v>
      </c>
      <c r="AC20" s="218">
        <v>221</v>
      </c>
      <c r="AD20" s="218">
        <v>198</v>
      </c>
      <c r="AE20" s="218">
        <v>128</v>
      </c>
      <c r="AF20" s="218">
        <v>67</v>
      </c>
      <c r="AG20" s="218">
        <v>52</v>
      </c>
      <c r="AH20" s="219">
        <v>666</v>
      </c>
      <c r="AI20" s="221">
        <v>667</v>
      </c>
    </row>
    <row r="21" spans="2:35" ht="21" customHeight="1" x14ac:dyDescent="0.2">
      <c r="B21" s="106" t="s">
        <v>20</v>
      </c>
      <c r="C21" s="217">
        <v>0</v>
      </c>
      <c r="D21" s="218">
        <v>0</v>
      </c>
      <c r="E21" s="219">
        <v>0</v>
      </c>
      <c r="F21" s="220">
        <v>0</v>
      </c>
      <c r="G21" s="218">
        <v>213</v>
      </c>
      <c r="H21" s="218">
        <v>130</v>
      </c>
      <c r="I21" s="218">
        <v>105</v>
      </c>
      <c r="J21" s="218">
        <v>42</v>
      </c>
      <c r="K21" s="218">
        <v>30</v>
      </c>
      <c r="L21" s="219">
        <v>520</v>
      </c>
      <c r="M21" s="221">
        <v>520</v>
      </c>
      <c r="N21" s="222">
        <v>0</v>
      </c>
      <c r="O21" s="218">
        <v>0</v>
      </c>
      <c r="P21" s="219">
        <v>0</v>
      </c>
      <c r="Q21" s="220">
        <v>0</v>
      </c>
      <c r="R21" s="218">
        <v>3</v>
      </c>
      <c r="S21" s="218">
        <v>2</v>
      </c>
      <c r="T21" s="218">
        <v>5</v>
      </c>
      <c r="U21" s="218">
        <v>0</v>
      </c>
      <c r="V21" s="218">
        <v>2</v>
      </c>
      <c r="W21" s="219">
        <v>12</v>
      </c>
      <c r="X21" s="221">
        <v>12</v>
      </c>
      <c r="Y21" s="222">
        <v>0</v>
      </c>
      <c r="Z21" s="218">
        <v>0</v>
      </c>
      <c r="AA21" s="219">
        <v>0</v>
      </c>
      <c r="AB21" s="220">
        <v>0</v>
      </c>
      <c r="AC21" s="218">
        <v>216</v>
      </c>
      <c r="AD21" s="218">
        <v>132</v>
      </c>
      <c r="AE21" s="218">
        <v>110</v>
      </c>
      <c r="AF21" s="218">
        <v>42</v>
      </c>
      <c r="AG21" s="218">
        <v>32</v>
      </c>
      <c r="AH21" s="219">
        <v>532</v>
      </c>
      <c r="AI21" s="221">
        <v>532</v>
      </c>
    </row>
    <row r="22" spans="2:35" ht="21" customHeight="1" x14ac:dyDescent="0.2">
      <c r="B22" s="106" t="s">
        <v>21</v>
      </c>
      <c r="C22" s="217">
        <v>0</v>
      </c>
      <c r="D22" s="218">
        <v>0</v>
      </c>
      <c r="E22" s="219">
        <v>0</v>
      </c>
      <c r="F22" s="220">
        <v>0</v>
      </c>
      <c r="G22" s="218">
        <v>245</v>
      </c>
      <c r="H22" s="218">
        <v>222</v>
      </c>
      <c r="I22" s="218">
        <v>133</v>
      </c>
      <c r="J22" s="218">
        <v>64</v>
      </c>
      <c r="K22" s="218">
        <v>32</v>
      </c>
      <c r="L22" s="219">
        <v>696</v>
      </c>
      <c r="M22" s="221">
        <v>696</v>
      </c>
      <c r="N22" s="222">
        <v>0</v>
      </c>
      <c r="O22" s="218">
        <v>0</v>
      </c>
      <c r="P22" s="219">
        <v>0</v>
      </c>
      <c r="Q22" s="220">
        <v>0</v>
      </c>
      <c r="R22" s="218">
        <v>1</v>
      </c>
      <c r="S22" s="218">
        <v>7</v>
      </c>
      <c r="T22" s="218">
        <v>3</v>
      </c>
      <c r="U22" s="218">
        <v>0</v>
      </c>
      <c r="V22" s="218">
        <v>2</v>
      </c>
      <c r="W22" s="219">
        <v>13</v>
      </c>
      <c r="X22" s="221">
        <v>13</v>
      </c>
      <c r="Y22" s="222">
        <v>0</v>
      </c>
      <c r="Z22" s="218">
        <v>0</v>
      </c>
      <c r="AA22" s="219">
        <v>0</v>
      </c>
      <c r="AB22" s="220">
        <v>0</v>
      </c>
      <c r="AC22" s="218">
        <v>246</v>
      </c>
      <c r="AD22" s="218">
        <v>229</v>
      </c>
      <c r="AE22" s="218">
        <v>136</v>
      </c>
      <c r="AF22" s="218">
        <v>64</v>
      </c>
      <c r="AG22" s="218">
        <v>34</v>
      </c>
      <c r="AH22" s="219">
        <v>709</v>
      </c>
      <c r="AI22" s="221">
        <v>709</v>
      </c>
    </row>
    <row r="23" spans="2:35" ht="21" customHeight="1" x14ac:dyDescent="0.2">
      <c r="B23" s="106" t="s">
        <v>22</v>
      </c>
      <c r="C23" s="217">
        <v>4</v>
      </c>
      <c r="D23" s="218">
        <v>6</v>
      </c>
      <c r="E23" s="219">
        <v>10</v>
      </c>
      <c r="F23" s="220">
        <v>0</v>
      </c>
      <c r="G23" s="218">
        <v>161</v>
      </c>
      <c r="H23" s="218">
        <v>148</v>
      </c>
      <c r="I23" s="218">
        <v>91</v>
      </c>
      <c r="J23" s="218">
        <v>67</v>
      </c>
      <c r="K23" s="218">
        <v>30</v>
      </c>
      <c r="L23" s="219">
        <v>497</v>
      </c>
      <c r="M23" s="221">
        <v>507</v>
      </c>
      <c r="N23" s="222">
        <v>0</v>
      </c>
      <c r="O23" s="218">
        <v>0</v>
      </c>
      <c r="P23" s="219">
        <v>0</v>
      </c>
      <c r="Q23" s="220">
        <v>0</v>
      </c>
      <c r="R23" s="218">
        <v>1</v>
      </c>
      <c r="S23" s="218">
        <v>1</v>
      </c>
      <c r="T23" s="218">
        <v>1</v>
      </c>
      <c r="U23" s="218">
        <v>0</v>
      </c>
      <c r="V23" s="218">
        <v>0</v>
      </c>
      <c r="W23" s="219">
        <v>3</v>
      </c>
      <c r="X23" s="221">
        <v>3</v>
      </c>
      <c r="Y23" s="222">
        <v>4</v>
      </c>
      <c r="Z23" s="218">
        <v>6</v>
      </c>
      <c r="AA23" s="219">
        <v>10</v>
      </c>
      <c r="AB23" s="220">
        <v>0</v>
      </c>
      <c r="AC23" s="218">
        <v>162</v>
      </c>
      <c r="AD23" s="218">
        <v>149</v>
      </c>
      <c r="AE23" s="218">
        <v>92</v>
      </c>
      <c r="AF23" s="218">
        <v>67</v>
      </c>
      <c r="AG23" s="218">
        <v>30</v>
      </c>
      <c r="AH23" s="219">
        <v>500</v>
      </c>
      <c r="AI23" s="221">
        <v>510</v>
      </c>
    </row>
    <row r="24" spans="2:35" ht="21" customHeight="1" x14ac:dyDescent="0.2">
      <c r="B24" s="106" t="s">
        <v>23</v>
      </c>
      <c r="C24" s="217">
        <v>0</v>
      </c>
      <c r="D24" s="218">
        <v>0</v>
      </c>
      <c r="E24" s="219">
        <v>0</v>
      </c>
      <c r="F24" s="220">
        <v>0</v>
      </c>
      <c r="G24" s="218">
        <v>119</v>
      </c>
      <c r="H24" s="218">
        <v>82</v>
      </c>
      <c r="I24" s="218">
        <v>62</v>
      </c>
      <c r="J24" s="218">
        <v>42</v>
      </c>
      <c r="K24" s="218">
        <v>13</v>
      </c>
      <c r="L24" s="219">
        <v>318</v>
      </c>
      <c r="M24" s="221">
        <v>318</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20</v>
      </c>
      <c r="AD24" s="218">
        <v>83</v>
      </c>
      <c r="AE24" s="218">
        <v>63</v>
      </c>
      <c r="AF24" s="218">
        <v>42</v>
      </c>
      <c r="AG24" s="218">
        <v>13</v>
      </c>
      <c r="AH24" s="219">
        <v>321</v>
      </c>
      <c r="AI24" s="221">
        <v>321</v>
      </c>
    </row>
    <row r="25" spans="2:35" ht="21" customHeight="1" x14ac:dyDescent="0.2">
      <c r="B25" s="106" t="s">
        <v>24</v>
      </c>
      <c r="C25" s="217">
        <v>2</v>
      </c>
      <c r="D25" s="218">
        <v>3</v>
      </c>
      <c r="E25" s="219">
        <v>5</v>
      </c>
      <c r="F25" s="220">
        <v>0</v>
      </c>
      <c r="G25" s="218">
        <v>40</v>
      </c>
      <c r="H25" s="218">
        <v>37</v>
      </c>
      <c r="I25" s="218">
        <v>29</v>
      </c>
      <c r="J25" s="218">
        <v>21</v>
      </c>
      <c r="K25" s="218">
        <v>6</v>
      </c>
      <c r="L25" s="219">
        <v>133</v>
      </c>
      <c r="M25" s="221">
        <v>138</v>
      </c>
      <c r="N25" s="222">
        <v>0</v>
      </c>
      <c r="O25" s="218">
        <v>0</v>
      </c>
      <c r="P25" s="219">
        <v>0</v>
      </c>
      <c r="Q25" s="220">
        <v>0</v>
      </c>
      <c r="R25" s="218">
        <v>0</v>
      </c>
      <c r="S25" s="218">
        <v>1</v>
      </c>
      <c r="T25" s="218">
        <v>0</v>
      </c>
      <c r="U25" s="218">
        <v>1</v>
      </c>
      <c r="V25" s="218">
        <v>0</v>
      </c>
      <c r="W25" s="219">
        <v>2</v>
      </c>
      <c r="X25" s="221">
        <v>2</v>
      </c>
      <c r="Y25" s="222">
        <v>2</v>
      </c>
      <c r="Z25" s="218">
        <v>3</v>
      </c>
      <c r="AA25" s="219">
        <v>5</v>
      </c>
      <c r="AB25" s="220">
        <v>0</v>
      </c>
      <c r="AC25" s="218">
        <v>40</v>
      </c>
      <c r="AD25" s="218">
        <v>38</v>
      </c>
      <c r="AE25" s="218">
        <v>29</v>
      </c>
      <c r="AF25" s="218">
        <v>22</v>
      </c>
      <c r="AG25" s="218">
        <v>6</v>
      </c>
      <c r="AH25" s="219">
        <v>135</v>
      </c>
      <c r="AI25" s="221">
        <v>140</v>
      </c>
    </row>
    <row r="26" spans="2:35" ht="21" customHeight="1" x14ac:dyDescent="0.2">
      <c r="B26" s="106" t="s">
        <v>25</v>
      </c>
      <c r="C26" s="217">
        <v>2</v>
      </c>
      <c r="D26" s="218">
        <v>1</v>
      </c>
      <c r="E26" s="219">
        <v>3</v>
      </c>
      <c r="F26" s="220">
        <v>0</v>
      </c>
      <c r="G26" s="218">
        <v>93</v>
      </c>
      <c r="H26" s="218">
        <v>46</v>
      </c>
      <c r="I26" s="218">
        <v>31</v>
      </c>
      <c r="J26" s="218">
        <v>15</v>
      </c>
      <c r="K26" s="218">
        <v>4</v>
      </c>
      <c r="L26" s="219">
        <v>189</v>
      </c>
      <c r="M26" s="221">
        <v>192</v>
      </c>
      <c r="N26" s="222">
        <v>0</v>
      </c>
      <c r="O26" s="218">
        <v>0</v>
      </c>
      <c r="P26" s="219">
        <v>0</v>
      </c>
      <c r="Q26" s="220">
        <v>0</v>
      </c>
      <c r="R26" s="218">
        <v>1</v>
      </c>
      <c r="S26" s="218">
        <v>1</v>
      </c>
      <c r="T26" s="218">
        <v>2</v>
      </c>
      <c r="U26" s="218">
        <v>0</v>
      </c>
      <c r="V26" s="218">
        <v>0</v>
      </c>
      <c r="W26" s="219">
        <v>4</v>
      </c>
      <c r="X26" s="221">
        <v>4</v>
      </c>
      <c r="Y26" s="222">
        <v>2</v>
      </c>
      <c r="Z26" s="218">
        <v>1</v>
      </c>
      <c r="AA26" s="219">
        <v>3</v>
      </c>
      <c r="AB26" s="220">
        <v>0</v>
      </c>
      <c r="AC26" s="218">
        <v>94</v>
      </c>
      <c r="AD26" s="218">
        <v>47</v>
      </c>
      <c r="AE26" s="218">
        <v>33</v>
      </c>
      <c r="AF26" s="218">
        <v>15</v>
      </c>
      <c r="AG26" s="218">
        <v>4</v>
      </c>
      <c r="AH26" s="219">
        <v>193</v>
      </c>
      <c r="AI26" s="221">
        <v>196</v>
      </c>
    </row>
    <row r="27" spans="2:35" ht="21" customHeight="1" x14ac:dyDescent="0.2">
      <c r="B27" s="106" t="s">
        <v>26</v>
      </c>
      <c r="C27" s="217">
        <v>0</v>
      </c>
      <c r="D27" s="218">
        <v>0</v>
      </c>
      <c r="E27" s="219">
        <v>0</v>
      </c>
      <c r="F27" s="220">
        <v>0</v>
      </c>
      <c r="G27" s="218">
        <v>56</v>
      </c>
      <c r="H27" s="218">
        <v>62</v>
      </c>
      <c r="I27" s="218">
        <v>54</v>
      </c>
      <c r="J27" s="218">
        <v>19</v>
      </c>
      <c r="K27" s="218">
        <v>8</v>
      </c>
      <c r="L27" s="219">
        <v>199</v>
      </c>
      <c r="M27" s="221">
        <v>199</v>
      </c>
      <c r="N27" s="222">
        <v>0</v>
      </c>
      <c r="O27" s="218">
        <v>0</v>
      </c>
      <c r="P27" s="219">
        <v>0</v>
      </c>
      <c r="Q27" s="220">
        <v>0</v>
      </c>
      <c r="R27" s="218">
        <v>0</v>
      </c>
      <c r="S27" s="218">
        <v>0</v>
      </c>
      <c r="T27" s="218">
        <v>0</v>
      </c>
      <c r="U27" s="218">
        <v>0</v>
      </c>
      <c r="V27" s="218">
        <v>1</v>
      </c>
      <c r="W27" s="219">
        <v>1</v>
      </c>
      <c r="X27" s="221">
        <v>1</v>
      </c>
      <c r="Y27" s="222">
        <v>0</v>
      </c>
      <c r="Z27" s="218">
        <v>0</v>
      </c>
      <c r="AA27" s="219">
        <v>0</v>
      </c>
      <c r="AB27" s="220">
        <v>0</v>
      </c>
      <c r="AC27" s="218">
        <v>56</v>
      </c>
      <c r="AD27" s="218">
        <v>62</v>
      </c>
      <c r="AE27" s="218">
        <v>54</v>
      </c>
      <c r="AF27" s="218">
        <v>19</v>
      </c>
      <c r="AG27" s="218">
        <v>9</v>
      </c>
      <c r="AH27" s="219">
        <v>200</v>
      </c>
      <c r="AI27" s="221">
        <v>200</v>
      </c>
    </row>
    <row r="28" spans="2:35" ht="21" customHeight="1" x14ac:dyDescent="0.2">
      <c r="B28" s="106" t="s">
        <v>27</v>
      </c>
      <c r="C28" s="217">
        <v>0</v>
      </c>
      <c r="D28" s="218">
        <v>0</v>
      </c>
      <c r="E28" s="219">
        <v>0</v>
      </c>
      <c r="F28" s="220">
        <v>0</v>
      </c>
      <c r="G28" s="218">
        <v>58</v>
      </c>
      <c r="H28" s="218">
        <v>31</v>
      </c>
      <c r="I28" s="218">
        <v>33</v>
      </c>
      <c r="J28" s="218">
        <v>19</v>
      </c>
      <c r="K28" s="218">
        <v>11</v>
      </c>
      <c r="L28" s="219">
        <v>152</v>
      </c>
      <c r="M28" s="221">
        <v>152</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59</v>
      </c>
      <c r="AD28" s="218">
        <v>31</v>
      </c>
      <c r="AE28" s="218">
        <v>34</v>
      </c>
      <c r="AF28" s="218">
        <v>19</v>
      </c>
      <c r="AG28" s="218">
        <v>11</v>
      </c>
      <c r="AH28" s="219">
        <v>154</v>
      </c>
      <c r="AI28" s="221">
        <v>154</v>
      </c>
    </row>
    <row r="29" spans="2:35" ht="21" customHeight="1" x14ac:dyDescent="0.2">
      <c r="B29" s="106" t="s">
        <v>28</v>
      </c>
      <c r="C29" s="217">
        <v>0</v>
      </c>
      <c r="D29" s="218">
        <v>0</v>
      </c>
      <c r="E29" s="219">
        <v>0</v>
      </c>
      <c r="F29" s="220">
        <v>0</v>
      </c>
      <c r="G29" s="218">
        <v>34</v>
      </c>
      <c r="H29" s="218">
        <v>20</v>
      </c>
      <c r="I29" s="218">
        <v>7</v>
      </c>
      <c r="J29" s="218">
        <v>5</v>
      </c>
      <c r="K29" s="218">
        <v>6</v>
      </c>
      <c r="L29" s="219">
        <v>72</v>
      </c>
      <c r="M29" s="221">
        <v>72</v>
      </c>
      <c r="N29" s="222">
        <v>0</v>
      </c>
      <c r="O29" s="218">
        <v>0</v>
      </c>
      <c r="P29" s="219">
        <v>0</v>
      </c>
      <c r="Q29" s="220">
        <v>0</v>
      </c>
      <c r="R29" s="218">
        <v>0</v>
      </c>
      <c r="S29" s="218">
        <v>0</v>
      </c>
      <c r="T29" s="218">
        <v>1</v>
      </c>
      <c r="U29" s="218">
        <v>0</v>
      </c>
      <c r="V29" s="218">
        <v>0</v>
      </c>
      <c r="W29" s="219">
        <v>1</v>
      </c>
      <c r="X29" s="221">
        <v>1</v>
      </c>
      <c r="Y29" s="222">
        <v>0</v>
      </c>
      <c r="Z29" s="218">
        <v>0</v>
      </c>
      <c r="AA29" s="219">
        <v>0</v>
      </c>
      <c r="AB29" s="220">
        <v>0</v>
      </c>
      <c r="AC29" s="218">
        <v>34</v>
      </c>
      <c r="AD29" s="218">
        <v>20</v>
      </c>
      <c r="AE29" s="218">
        <v>8</v>
      </c>
      <c r="AF29" s="218">
        <v>5</v>
      </c>
      <c r="AG29" s="218">
        <v>6</v>
      </c>
      <c r="AH29" s="219">
        <v>73</v>
      </c>
      <c r="AI29" s="221">
        <v>73</v>
      </c>
    </row>
    <row r="30" spans="2:35" ht="21" customHeight="1" x14ac:dyDescent="0.2">
      <c r="B30" s="106" t="s">
        <v>29</v>
      </c>
      <c r="C30" s="217">
        <v>0</v>
      </c>
      <c r="D30" s="218">
        <v>0</v>
      </c>
      <c r="E30" s="219">
        <v>0</v>
      </c>
      <c r="F30" s="220">
        <v>0</v>
      </c>
      <c r="G30" s="218">
        <v>32</v>
      </c>
      <c r="H30" s="218">
        <v>33</v>
      </c>
      <c r="I30" s="218">
        <v>33</v>
      </c>
      <c r="J30" s="218">
        <v>21</v>
      </c>
      <c r="K30" s="218">
        <v>8</v>
      </c>
      <c r="L30" s="219">
        <v>127</v>
      </c>
      <c r="M30" s="221">
        <v>127</v>
      </c>
      <c r="N30" s="222">
        <v>0</v>
      </c>
      <c r="O30" s="218">
        <v>0</v>
      </c>
      <c r="P30" s="219">
        <v>0</v>
      </c>
      <c r="Q30" s="220">
        <v>0</v>
      </c>
      <c r="R30" s="218">
        <v>0</v>
      </c>
      <c r="S30" s="218">
        <v>1</v>
      </c>
      <c r="T30" s="218">
        <v>0</v>
      </c>
      <c r="U30" s="218">
        <v>0</v>
      </c>
      <c r="V30" s="218">
        <v>0</v>
      </c>
      <c r="W30" s="219">
        <v>1</v>
      </c>
      <c r="X30" s="221">
        <v>1</v>
      </c>
      <c r="Y30" s="222">
        <v>0</v>
      </c>
      <c r="Z30" s="218">
        <v>0</v>
      </c>
      <c r="AA30" s="219">
        <v>0</v>
      </c>
      <c r="AB30" s="220">
        <v>0</v>
      </c>
      <c r="AC30" s="218">
        <v>32</v>
      </c>
      <c r="AD30" s="218">
        <v>34</v>
      </c>
      <c r="AE30" s="218">
        <v>33</v>
      </c>
      <c r="AF30" s="218">
        <v>21</v>
      </c>
      <c r="AG30" s="218">
        <v>8</v>
      </c>
      <c r="AH30" s="219">
        <v>128</v>
      </c>
      <c r="AI30" s="221">
        <v>128</v>
      </c>
    </row>
    <row r="31" spans="2:35" ht="21" customHeight="1" x14ac:dyDescent="0.2">
      <c r="B31" s="106" t="s">
        <v>30</v>
      </c>
      <c r="C31" s="217">
        <v>0</v>
      </c>
      <c r="D31" s="218">
        <v>0</v>
      </c>
      <c r="E31" s="219">
        <v>0</v>
      </c>
      <c r="F31" s="220">
        <v>0</v>
      </c>
      <c r="G31" s="218">
        <v>28</v>
      </c>
      <c r="H31" s="218">
        <v>19</v>
      </c>
      <c r="I31" s="218">
        <v>12</v>
      </c>
      <c r="J31" s="218">
        <v>12</v>
      </c>
      <c r="K31" s="218">
        <v>4</v>
      </c>
      <c r="L31" s="219">
        <v>75</v>
      </c>
      <c r="M31" s="221">
        <v>75</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29</v>
      </c>
      <c r="AD31" s="218">
        <v>20</v>
      </c>
      <c r="AE31" s="218">
        <v>12</v>
      </c>
      <c r="AF31" s="218">
        <v>12</v>
      </c>
      <c r="AG31" s="218">
        <v>4</v>
      </c>
      <c r="AH31" s="219">
        <v>77</v>
      </c>
      <c r="AI31" s="221">
        <v>77</v>
      </c>
    </row>
    <row r="32" spans="2:35" ht="21" customHeight="1" x14ac:dyDescent="0.2">
      <c r="B32" s="106" t="s">
        <v>31</v>
      </c>
      <c r="C32" s="217">
        <v>0</v>
      </c>
      <c r="D32" s="218">
        <v>1</v>
      </c>
      <c r="E32" s="219">
        <v>1</v>
      </c>
      <c r="F32" s="220">
        <v>0</v>
      </c>
      <c r="G32" s="218">
        <v>48</v>
      </c>
      <c r="H32" s="218">
        <v>36</v>
      </c>
      <c r="I32" s="218">
        <v>24</v>
      </c>
      <c r="J32" s="218">
        <v>14</v>
      </c>
      <c r="K32" s="218">
        <v>6</v>
      </c>
      <c r="L32" s="219">
        <v>128</v>
      </c>
      <c r="M32" s="221">
        <v>129</v>
      </c>
      <c r="N32" s="222">
        <v>0</v>
      </c>
      <c r="O32" s="218">
        <v>0</v>
      </c>
      <c r="P32" s="219">
        <v>0</v>
      </c>
      <c r="Q32" s="220">
        <v>0</v>
      </c>
      <c r="R32" s="218">
        <v>0</v>
      </c>
      <c r="S32" s="218">
        <v>0</v>
      </c>
      <c r="T32" s="218">
        <v>0</v>
      </c>
      <c r="U32" s="218">
        <v>0</v>
      </c>
      <c r="V32" s="218">
        <v>0</v>
      </c>
      <c r="W32" s="219">
        <v>0</v>
      </c>
      <c r="X32" s="221">
        <v>0</v>
      </c>
      <c r="Y32" s="222">
        <v>0</v>
      </c>
      <c r="Z32" s="218">
        <v>1</v>
      </c>
      <c r="AA32" s="219">
        <v>1</v>
      </c>
      <c r="AB32" s="220">
        <v>0</v>
      </c>
      <c r="AC32" s="218">
        <v>48</v>
      </c>
      <c r="AD32" s="218">
        <v>36</v>
      </c>
      <c r="AE32" s="218">
        <v>24</v>
      </c>
      <c r="AF32" s="218">
        <v>14</v>
      </c>
      <c r="AG32" s="218">
        <v>6</v>
      </c>
      <c r="AH32" s="219">
        <v>128</v>
      </c>
      <c r="AI32" s="221">
        <v>129</v>
      </c>
    </row>
    <row r="33" spans="2:35" ht="21" customHeight="1" x14ac:dyDescent="0.2">
      <c r="B33" s="106" t="s">
        <v>32</v>
      </c>
      <c r="C33" s="217">
        <v>0</v>
      </c>
      <c r="D33" s="218">
        <v>3</v>
      </c>
      <c r="E33" s="219">
        <v>3</v>
      </c>
      <c r="F33" s="220">
        <v>0</v>
      </c>
      <c r="G33" s="218">
        <v>66</v>
      </c>
      <c r="H33" s="218">
        <v>39</v>
      </c>
      <c r="I33" s="218">
        <v>30</v>
      </c>
      <c r="J33" s="218">
        <v>24</v>
      </c>
      <c r="K33" s="218">
        <v>12</v>
      </c>
      <c r="L33" s="219">
        <v>171</v>
      </c>
      <c r="M33" s="221">
        <v>174</v>
      </c>
      <c r="N33" s="222">
        <v>0</v>
      </c>
      <c r="O33" s="218">
        <v>0</v>
      </c>
      <c r="P33" s="219">
        <v>0</v>
      </c>
      <c r="Q33" s="220">
        <v>0</v>
      </c>
      <c r="R33" s="218">
        <v>0</v>
      </c>
      <c r="S33" s="218">
        <v>1</v>
      </c>
      <c r="T33" s="218">
        <v>0</v>
      </c>
      <c r="U33" s="218">
        <v>0</v>
      </c>
      <c r="V33" s="218">
        <v>0</v>
      </c>
      <c r="W33" s="219">
        <v>1</v>
      </c>
      <c r="X33" s="221">
        <v>1</v>
      </c>
      <c r="Y33" s="222">
        <v>0</v>
      </c>
      <c r="Z33" s="218">
        <v>3</v>
      </c>
      <c r="AA33" s="219">
        <v>3</v>
      </c>
      <c r="AB33" s="220">
        <v>0</v>
      </c>
      <c r="AC33" s="218">
        <v>66</v>
      </c>
      <c r="AD33" s="218">
        <v>40</v>
      </c>
      <c r="AE33" s="218">
        <v>30</v>
      </c>
      <c r="AF33" s="218">
        <v>24</v>
      </c>
      <c r="AG33" s="218">
        <v>12</v>
      </c>
      <c r="AH33" s="219">
        <v>172</v>
      </c>
      <c r="AI33" s="221">
        <v>175</v>
      </c>
    </row>
    <row r="34" spans="2:35" ht="21" customHeight="1" x14ac:dyDescent="0.2">
      <c r="B34" s="106" t="s">
        <v>33</v>
      </c>
      <c r="C34" s="217">
        <v>0</v>
      </c>
      <c r="D34" s="218">
        <v>1</v>
      </c>
      <c r="E34" s="219">
        <v>1</v>
      </c>
      <c r="F34" s="220">
        <v>0</v>
      </c>
      <c r="G34" s="218">
        <v>30</v>
      </c>
      <c r="H34" s="218">
        <v>17</v>
      </c>
      <c r="I34" s="218">
        <v>15</v>
      </c>
      <c r="J34" s="218">
        <v>8</v>
      </c>
      <c r="K34" s="218">
        <v>6</v>
      </c>
      <c r="L34" s="219">
        <v>76</v>
      </c>
      <c r="M34" s="221">
        <v>77</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30</v>
      </c>
      <c r="AD34" s="218">
        <v>17</v>
      </c>
      <c r="AE34" s="218">
        <v>15</v>
      </c>
      <c r="AF34" s="218">
        <v>8</v>
      </c>
      <c r="AG34" s="218">
        <v>6</v>
      </c>
      <c r="AH34" s="219">
        <v>76</v>
      </c>
      <c r="AI34" s="221">
        <v>77</v>
      </c>
    </row>
    <row r="35" spans="2:35" ht="21" customHeight="1" x14ac:dyDescent="0.2">
      <c r="B35" s="106" t="s">
        <v>34</v>
      </c>
      <c r="C35" s="217">
        <v>2</v>
      </c>
      <c r="D35" s="218">
        <v>2</v>
      </c>
      <c r="E35" s="219">
        <v>4</v>
      </c>
      <c r="F35" s="220">
        <v>0</v>
      </c>
      <c r="G35" s="218">
        <v>37</v>
      </c>
      <c r="H35" s="218">
        <v>22</v>
      </c>
      <c r="I35" s="218">
        <v>12</v>
      </c>
      <c r="J35" s="218">
        <v>7</v>
      </c>
      <c r="K35" s="218">
        <v>3</v>
      </c>
      <c r="L35" s="219">
        <v>81</v>
      </c>
      <c r="M35" s="221">
        <v>85</v>
      </c>
      <c r="N35" s="222">
        <v>0</v>
      </c>
      <c r="O35" s="218">
        <v>0</v>
      </c>
      <c r="P35" s="219">
        <v>0</v>
      </c>
      <c r="Q35" s="220">
        <v>0</v>
      </c>
      <c r="R35" s="218">
        <v>0</v>
      </c>
      <c r="S35" s="218">
        <v>0</v>
      </c>
      <c r="T35" s="218">
        <v>0</v>
      </c>
      <c r="U35" s="218">
        <v>1</v>
      </c>
      <c r="V35" s="218">
        <v>0</v>
      </c>
      <c r="W35" s="219">
        <v>1</v>
      </c>
      <c r="X35" s="221">
        <v>1</v>
      </c>
      <c r="Y35" s="222">
        <v>2</v>
      </c>
      <c r="Z35" s="218">
        <v>2</v>
      </c>
      <c r="AA35" s="219">
        <v>4</v>
      </c>
      <c r="AB35" s="220">
        <v>0</v>
      </c>
      <c r="AC35" s="218">
        <v>37</v>
      </c>
      <c r="AD35" s="218">
        <v>22</v>
      </c>
      <c r="AE35" s="218">
        <v>12</v>
      </c>
      <c r="AF35" s="218">
        <v>8</v>
      </c>
      <c r="AG35" s="218">
        <v>3</v>
      </c>
      <c r="AH35" s="219">
        <v>82</v>
      </c>
      <c r="AI35" s="221">
        <v>86</v>
      </c>
    </row>
    <row r="36" spans="2:35" ht="21" customHeight="1" x14ac:dyDescent="0.2">
      <c r="B36" s="106" t="s">
        <v>35</v>
      </c>
      <c r="C36" s="217">
        <v>2</v>
      </c>
      <c r="D36" s="218">
        <v>4</v>
      </c>
      <c r="E36" s="219">
        <v>6</v>
      </c>
      <c r="F36" s="220">
        <v>0</v>
      </c>
      <c r="G36" s="218">
        <v>42</v>
      </c>
      <c r="H36" s="218">
        <v>30</v>
      </c>
      <c r="I36" s="218">
        <v>37</v>
      </c>
      <c r="J36" s="218">
        <v>24</v>
      </c>
      <c r="K36" s="218">
        <v>11</v>
      </c>
      <c r="L36" s="219">
        <v>144</v>
      </c>
      <c r="M36" s="221">
        <v>150</v>
      </c>
      <c r="N36" s="222">
        <v>0</v>
      </c>
      <c r="O36" s="218">
        <v>0</v>
      </c>
      <c r="P36" s="219">
        <v>0</v>
      </c>
      <c r="Q36" s="220">
        <v>0</v>
      </c>
      <c r="R36" s="218">
        <v>0</v>
      </c>
      <c r="S36" s="218">
        <v>0</v>
      </c>
      <c r="T36" s="218">
        <v>0</v>
      </c>
      <c r="U36" s="218">
        <v>1</v>
      </c>
      <c r="V36" s="218">
        <v>0</v>
      </c>
      <c r="W36" s="219">
        <v>1</v>
      </c>
      <c r="X36" s="221">
        <v>1</v>
      </c>
      <c r="Y36" s="222">
        <v>2</v>
      </c>
      <c r="Z36" s="218">
        <v>4</v>
      </c>
      <c r="AA36" s="219">
        <v>6</v>
      </c>
      <c r="AB36" s="220">
        <v>0</v>
      </c>
      <c r="AC36" s="218">
        <v>42</v>
      </c>
      <c r="AD36" s="218">
        <v>30</v>
      </c>
      <c r="AE36" s="218">
        <v>37</v>
      </c>
      <c r="AF36" s="218">
        <v>25</v>
      </c>
      <c r="AG36" s="218">
        <v>11</v>
      </c>
      <c r="AH36" s="219">
        <v>145</v>
      </c>
      <c r="AI36" s="221">
        <v>151</v>
      </c>
    </row>
    <row r="37" spans="2:35" ht="21" customHeight="1" x14ac:dyDescent="0.2">
      <c r="B37" s="106" t="s">
        <v>36</v>
      </c>
      <c r="C37" s="217">
        <v>0</v>
      </c>
      <c r="D37" s="218">
        <v>1</v>
      </c>
      <c r="E37" s="219">
        <v>1</v>
      </c>
      <c r="F37" s="220">
        <v>0</v>
      </c>
      <c r="G37" s="218">
        <v>93</v>
      </c>
      <c r="H37" s="218">
        <v>83</v>
      </c>
      <c r="I37" s="218">
        <v>57</v>
      </c>
      <c r="J37" s="218">
        <v>26</v>
      </c>
      <c r="K37" s="218">
        <v>25</v>
      </c>
      <c r="L37" s="219">
        <v>284</v>
      </c>
      <c r="M37" s="221">
        <v>285</v>
      </c>
      <c r="N37" s="222">
        <v>0</v>
      </c>
      <c r="O37" s="218">
        <v>0</v>
      </c>
      <c r="P37" s="219">
        <v>0</v>
      </c>
      <c r="Q37" s="220">
        <v>0</v>
      </c>
      <c r="R37" s="218">
        <v>0</v>
      </c>
      <c r="S37" s="218">
        <v>0</v>
      </c>
      <c r="T37" s="218">
        <v>2</v>
      </c>
      <c r="U37" s="218">
        <v>0</v>
      </c>
      <c r="V37" s="218">
        <v>2</v>
      </c>
      <c r="W37" s="219">
        <v>4</v>
      </c>
      <c r="X37" s="221">
        <v>4</v>
      </c>
      <c r="Y37" s="222">
        <v>0</v>
      </c>
      <c r="Z37" s="218">
        <v>1</v>
      </c>
      <c r="AA37" s="219">
        <v>1</v>
      </c>
      <c r="AB37" s="220">
        <v>0</v>
      </c>
      <c r="AC37" s="218">
        <v>93</v>
      </c>
      <c r="AD37" s="218">
        <v>83</v>
      </c>
      <c r="AE37" s="218">
        <v>59</v>
      </c>
      <c r="AF37" s="218">
        <v>26</v>
      </c>
      <c r="AG37" s="218">
        <v>27</v>
      </c>
      <c r="AH37" s="219">
        <v>288</v>
      </c>
      <c r="AI37" s="221">
        <v>289</v>
      </c>
    </row>
    <row r="38" spans="2:35" ht="21" customHeight="1" thickBot="1" x14ac:dyDescent="0.25">
      <c r="B38" s="108" t="s">
        <v>37</v>
      </c>
      <c r="C38" s="223">
        <v>0</v>
      </c>
      <c r="D38" s="224">
        <v>0</v>
      </c>
      <c r="E38" s="225">
        <v>0</v>
      </c>
      <c r="F38" s="226">
        <v>0</v>
      </c>
      <c r="G38" s="224">
        <v>17</v>
      </c>
      <c r="H38" s="224">
        <v>6</v>
      </c>
      <c r="I38" s="224">
        <v>9</v>
      </c>
      <c r="J38" s="224">
        <v>8</v>
      </c>
      <c r="K38" s="224">
        <v>4</v>
      </c>
      <c r="L38" s="225">
        <v>44</v>
      </c>
      <c r="M38" s="227">
        <v>44</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7</v>
      </c>
      <c r="AD38" s="224">
        <v>6</v>
      </c>
      <c r="AE38" s="224">
        <v>9</v>
      </c>
      <c r="AF38" s="224">
        <v>8</v>
      </c>
      <c r="AG38" s="224">
        <v>4</v>
      </c>
      <c r="AH38" s="225">
        <v>44</v>
      </c>
      <c r="AI38" s="227">
        <v>44</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7</v>
      </c>
      <c r="L1" s="445">
        <f>IF(K1&lt;3,K1+12-2,K1-2)</f>
        <v>5</v>
      </c>
      <c r="M1" s="445"/>
    </row>
    <row r="2" spans="2:101" s="71" customFormat="1" ht="24" customHeight="1" thickBot="1" x14ac:dyDescent="0.25">
      <c r="B2" s="142" t="s">
        <v>130</v>
      </c>
    </row>
    <row r="3" spans="2:101" ht="21" customHeight="1" thickBot="1" x14ac:dyDescent="0.25">
      <c r="B3" s="466"/>
      <c r="C3" s="463" t="s">
        <v>113</v>
      </c>
      <c r="D3" s="464"/>
      <c r="E3" s="464"/>
      <c r="F3" s="464"/>
      <c r="G3" s="464"/>
      <c r="H3" s="464"/>
      <c r="I3" s="464"/>
      <c r="J3" s="464"/>
      <c r="K3" s="464"/>
      <c r="L3" s="464"/>
      <c r="M3" s="465"/>
      <c r="N3" s="463" t="s">
        <v>114</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297</v>
      </c>
      <c r="H6" s="184">
        <v>407</v>
      </c>
      <c r="I6" s="184">
        <v>349</v>
      </c>
      <c r="J6" s="184">
        <v>448</v>
      </c>
      <c r="K6" s="184">
        <v>373</v>
      </c>
      <c r="L6" s="187">
        <v>1874</v>
      </c>
      <c r="M6" s="188">
        <v>1874</v>
      </c>
      <c r="N6" s="183">
        <v>0</v>
      </c>
      <c r="O6" s="184">
        <v>0</v>
      </c>
      <c r="P6" s="189">
        <v>0</v>
      </c>
      <c r="Q6" s="186">
        <v>0</v>
      </c>
      <c r="R6" s="184">
        <v>196</v>
      </c>
      <c r="S6" s="184">
        <v>508</v>
      </c>
      <c r="T6" s="184">
        <v>452</v>
      </c>
      <c r="U6" s="184">
        <v>439</v>
      </c>
      <c r="V6" s="184">
        <v>422</v>
      </c>
      <c r="W6" s="189">
        <v>2017</v>
      </c>
      <c r="X6" s="188">
        <v>2017</v>
      </c>
      <c r="Y6" s="183">
        <v>0</v>
      </c>
      <c r="Z6" s="184">
        <v>0</v>
      </c>
      <c r="AA6" s="189">
        <v>0</v>
      </c>
      <c r="AB6" s="186">
        <v>0</v>
      </c>
      <c r="AC6" s="184">
        <v>14270</v>
      </c>
      <c r="AD6" s="184">
        <v>13368</v>
      </c>
      <c r="AE6" s="184">
        <v>6146</v>
      </c>
      <c r="AF6" s="184">
        <v>2897</v>
      </c>
      <c r="AG6" s="184">
        <v>1284</v>
      </c>
      <c r="AH6" s="189">
        <v>37965</v>
      </c>
      <c r="AI6" s="188">
        <v>37965</v>
      </c>
      <c r="AJ6" s="183">
        <v>6</v>
      </c>
      <c r="AK6" s="184">
        <v>10</v>
      </c>
      <c r="AL6" s="189">
        <v>16</v>
      </c>
      <c r="AM6" s="186">
        <v>0</v>
      </c>
      <c r="AN6" s="184">
        <v>769</v>
      </c>
      <c r="AO6" s="184">
        <v>954</v>
      </c>
      <c r="AP6" s="184">
        <v>1072</v>
      </c>
      <c r="AQ6" s="184">
        <v>577</v>
      </c>
      <c r="AR6" s="184">
        <v>419</v>
      </c>
      <c r="AS6" s="189">
        <v>3791</v>
      </c>
      <c r="AT6" s="188">
        <v>3807</v>
      </c>
      <c r="AU6" s="183">
        <v>160</v>
      </c>
      <c r="AV6" s="184">
        <v>261</v>
      </c>
      <c r="AW6" s="189">
        <v>421</v>
      </c>
      <c r="AX6" s="186">
        <v>0</v>
      </c>
      <c r="AY6" s="184">
        <v>1490</v>
      </c>
      <c r="AZ6" s="184">
        <v>1637</v>
      </c>
      <c r="BA6" s="184">
        <v>1320</v>
      </c>
      <c r="BB6" s="184">
        <v>927</v>
      </c>
      <c r="BC6" s="184">
        <v>541</v>
      </c>
      <c r="BD6" s="189">
        <v>5915</v>
      </c>
      <c r="BE6" s="188">
        <v>6336</v>
      </c>
      <c r="BF6" s="183">
        <v>0</v>
      </c>
      <c r="BG6" s="184">
        <v>37</v>
      </c>
      <c r="BH6" s="189">
        <v>37</v>
      </c>
      <c r="BI6" s="186">
        <v>0</v>
      </c>
      <c r="BJ6" s="184">
        <v>2561</v>
      </c>
      <c r="BK6" s="184">
        <v>3303</v>
      </c>
      <c r="BL6" s="184">
        <v>3683</v>
      </c>
      <c r="BM6" s="184">
        <v>2420</v>
      </c>
      <c r="BN6" s="184">
        <v>1531</v>
      </c>
      <c r="BO6" s="187">
        <v>13498</v>
      </c>
      <c r="BP6" s="188">
        <v>13535</v>
      </c>
      <c r="BQ6" s="183">
        <v>0</v>
      </c>
      <c r="BR6" s="184">
        <v>0</v>
      </c>
      <c r="BS6" s="189">
        <v>0</v>
      </c>
      <c r="BT6" s="186">
        <v>0</v>
      </c>
      <c r="BU6" s="184">
        <v>44</v>
      </c>
      <c r="BV6" s="184">
        <v>45</v>
      </c>
      <c r="BW6" s="184">
        <v>63</v>
      </c>
      <c r="BX6" s="184">
        <v>70</v>
      </c>
      <c r="BY6" s="184">
        <v>55</v>
      </c>
      <c r="BZ6" s="189">
        <v>277</v>
      </c>
      <c r="CA6" s="188">
        <v>277</v>
      </c>
      <c r="CB6" s="183">
        <v>0</v>
      </c>
      <c r="CC6" s="184">
        <v>0</v>
      </c>
      <c r="CD6" s="189">
        <v>0</v>
      </c>
      <c r="CE6" s="186">
        <v>0</v>
      </c>
      <c r="CF6" s="184">
        <v>5</v>
      </c>
      <c r="CG6" s="184">
        <v>32</v>
      </c>
      <c r="CH6" s="184">
        <v>211</v>
      </c>
      <c r="CI6" s="184">
        <v>353</v>
      </c>
      <c r="CJ6" s="184">
        <v>211</v>
      </c>
      <c r="CK6" s="189">
        <v>812</v>
      </c>
      <c r="CL6" s="188">
        <v>812</v>
      </c>
      <c r="CM6" s="183">
        <v>0</v>
      </c>
      <c r="CN6" s="184">
        <v>0</v>
      </c>
      <c r="CO6" s="189">
        <v>0</v>
      </c>
      <c r="CP6" s="186">
        <v>0</v>
      </c>
      <c r="CQ6" s="184">
        <v>211</v>
      </c>
      <c r="CR6" s="184">
        <v>311</v>
      </c>
      <c r="CS6" s="184">
        <v>315</v>
      </c>
      <c r="CT6" s="184">
        <v>404</v>
      </c>
      <c r="CU6" s="184">
        <v>454</v>
      </c>
      <c r="CV6" s="189">
        <v>1695</v>
      </c>
      <c r="CW6" s="188">
        <v>1695</v>
      </c>
    </row>
    <row r="7" spans="2:101" ht="21" customHeight="1" x14ac:dyDescent="0.2">
      <c r="B7" s="95" t="s">
        <v>5</v>
      </c>
      <c r="C7" s="190">
        <v>0</v>
      </c>
      <c r="D7" s="196">
        <v>0</v>
      </c>
      <c r="E7" s="207">
        <v>0</v>
      </c>
      <c r="F7" s="193">
        <v>0</v>
      </c>
      <c r="G7" s="191">
        <v>124</v>
      </c>
      <c r="H7" s="191">
        <v>184</v>
      </c>
      <c r="I7" s="191">
        <v>177</v>
      </c>
      <c r="J7" s="191">
        <v>220</v>
      </c>
      <c r="K7" s="191">
        <v>172</v>
      </c>
      <c r="L7" s="194">
        <v>877</v>
      </c>
      <c r="M7" s="195">
        <v>877</v>
      </c>
      <c r="N7" s="190">
        <v>0</v>
      </c>
      <c r="O7" s="191">
        <v>0</v>
      </c>
      <c r="P7" s="196">
        <v>0</v>
      </c>
      <c r="Q7" s="193">
        <v>0</v>
      </c>
      <c r="R7" s="191">
        <v>102</v>
      </c>
      <c r="S7" s="191">
        <v>374</v>
      </c>
      <c r="T7" s="191">
        <v>330</v>
      </c>
      <c r="U7" s="191">
        <v>321</v>
      </c>
      <c r="V7" s="191">
        <v>318</v>
      </c>
      <c r="W7" s="196">
        <v>1445</v>
      </c>
      <c r="X7" s="195">
        <v>1445</v>
      </c>
      <c r="Y7" s="190">
        <v>0</v>
      </c>
      <c r="Z7" s="191">
        <v>0</v>
      </c>
      <c r="AA7" s="196">
        <v>0</v>
      </c>
      <c r="AB7" s="193">
        <v>0</v>
      </c>
      <c r="AC7" s="191">
        <v>5132</v>
      </c>
      <c r="AD7" s="191">
        <v>6546</v>
      </c>
      <c r="AE7" s="191">
        <v>2861</v>
      </c>
      <c r="AF7" s="191">
        <v>1315</v>
      </c>
      <c r="AG7" s="191">
        <v>590</v>
      </c>
      <c r="AH7" s="196">
        <v>16444</v>
      </c>
      <c r="AI7" s="195">
        <v>16444</v>
      </c>
      <c r="AJ7" s="190">
        <v>3</v>
      </c>
      <c r="AK7" s="191">
        <v>3</v>
      </c>
      <c r="AL7" s="196">
        <v>6</v>
      </c>
      <c r="AM7" s="193">
        <v>0</v>
      </c>
      <c r="AN7" s="191">
        <v>382</v>
      </c>
      <c r="AO7" s="191">
        <v>507</v>
      </c>
      <c r="AP7" s="191">
        <v>548</v>
      </c>
      <c r="AQ7" s="191">
        <v>316</v>
      </c>
      <c r="AR7" s="191">
        <v>222</v>
      </c>
      <c r="AS7" s="196">
        <v>1975</v>
      </c>
      <c r="AT7" s="195">
        <v>1981</v>
      </c>
      <c r="AU7" s="190">
        <v>58</v>
      </c>
      <c r="AV7" s="191">
        <v>98</v>
      </c>
      <c r="AW7" s="196">
        <v>156</v>
      </c>
      <c r="AX7" s="193">
        <v>0</v>
      </c>
      <c r="AY7" s="191">
        <v>550</v>
      </c>
      <c r="AZ7" s="191">
        <v>745</v>
      </c>
      <c r="BA7" s="191">
        <v>526</v>
      </c>
      <c r="BB7" s="191">
        <v>424</v>
      </c>
      <c r="BC7" s="191">
        <v>256</v>
      </c>
      <c r="BD7" s="196">
        <v>2501</v>
      </c>
      <c r="BE7" s="195">
        <v>2657</v>
      </c>
      <c r="BF7" s="190">
        <v>0</v>
      </c>
      <c r="BG7" s="191">
        <v>17</v>
      </c>
      <c r="BH7" s="196">
        <v>17</v>
      </c>
      <c r="BI7" s="193">
        <v>0</v>
      </c>
      <c r="BJ7" s="191">
        <v>1132</v>
      </c>
      <c r="BK7" s="191">
        <v>1431</v>
      </c>
      <c r="BL7" s="191">
        <v>1568</v>
      </c>
      <c r="BM7" s="191">
        <v>1047</v>
      </c>
      <c r="BN7" s="191">
        <v>699</v>
      </c>
      <c r="BO7" s="194">
        <v>5877</v>
      </c>
      <c r="BP7" s="195">
        <v>5894</v>
      </c>
      <c r="BQ7" s="190">
        <v>0</v>
      </c>
      <c r="BR7" s="191">
        <v>0</v>
      </c>
      <c r="BS7" s="196">
        <v>0</v>
      </c>
      <c r="BT7" s="193">
        <v>0</v>
      </c>
      <c r="BU7" s="191">
        <v>0</v>
      </c>
      <c r="BV7" s="191">
        <v>2</v>
      </c>
      <c r="BW7" s="191">
        <v>4</v>
      </c>
      <c r="BX7" s="191">
        <v>2</v>
      </c>
      <c r="BY7" s="191">
        <v>4</v>
      </c>
      <c r="BZ7" s="196">
        <v>12</v>
      </c>
      <c r="CA7" s="195">
        <v>12</v>
      </c>
      <c r="CB7" s="190">
        <v>0</v>
      </c>
      <c r="CC7" s="191">
        <v>0</v>
      </c>
      <c r="CD7" s="196">
        <v>0</v>
      </c>
      <c r="CE7" s="193">
        <v>0</v>
      </c>
      <c r="CF7" s="191">
        <v>3</v>
      </c>
      <c r="CG7" s="191">
        <v>12</v>
      </c>
      <c r="CH7" s="191">
        <v>22</v>
      </c>
      <c r="CI7" s="191">
        <v>44</v>
      </c>
      <c r="CJ7" s="191">
        <v>32</v>
      </c>
      <c r="CK7" s="196">
        <v>113</v>
      </c>
      <c r="CL7" s="195">
        <v>113</v>
      </c>
      <c r="CM7" s="190">
        <v>0</v>
      </c>
      <c r="CN7" s="191">
        <v>0</v>
      </c>
      <c r="CO7" s="196">
        <v>0</v>
      </c>
      <c r="CP7" s="193">
        <v>0</v>
      </c>
      <c r="CQ7" s="191">
        <v>22</v>
      </c>
      <c r="CR7" s="191">
        <v>71</v>
      </c>
      <c r="CS7" s="191">
        <v>61</v>
      </c>
      <c r="CT7" s="191">
        <v>107</v>
      </c>
      <c r="CU7" s="191">
        <v>166</v>
      </c>
      <c r="CV7" s="196">
        <v>427</v>
      </c>
      <c r="CW7" s="195">
        <v>427</v>
      </c>
    </row>
    <row r="8" spans="2:101" ht="21" customHeight="1" x14ac:dyDescent="0.2">
      <c r="B8" s="106" t="s">
        <v>6</v>
      </c>
      <c r="C8" s="190">
        <v>0</v>
      </c>
      <c r="D8" s="196">
        <v>0</v>
      </c>
      <c r="E8" s="207">
        <v>0</v>
      </c>
      <c r="F8" s="193">
        <v>0</v>
      </c>
      <c r="G8" s="191">
        <v>65</v>
      </c>
      <c r="H8" s="191">
        <v>78</v>
      </c>
      <c r="I8" s="191">
        <v>61</v>
      </c>
      <c r="J8" s="191">
        <v>114</v>
      </c>
      <c r="K8" s="191">
        <v>104</v>
      </c>
      <c r="L8" s="194">
        <v>422</v>
      </c>
      <c r="M8" s="195">
        <v>422</v>
      </c>
      <c r="N8" s="190">
        <v>0</v>
      </c>
      <c r="O8" s="191">
        <v>0</v>
      </c>
      <c r="P8" s="196">
        <v>0</v>
      </c>
      <c r="Q8" s="193">
        <v>0</v>
      </c>
      <c r="R8" s="191">
        <v>66</v>
      </c>
      <c r="S8" s="191">
        <v>112</v>
      </c>
      <c r="T8" s="191">
        <v>99</v>
      </c>
      <c r="U8" s="191">
        <v>90</v>
      </c>
      <c r="V8" s="191">
        <v>88</v>
      </c>
      <c r="W8" s="196">
        <v>455</v>
      </c>
      <c r="X8" s="195">
        <v>455</v>
      </c>
      <c r="Y8" s="190">
        <v>0</v>
      </c>
      <c r="Z8" s="191">
        <v>0</v>
      </c>
      <c r="AA8" s="196">
        <v>0</v>
      </c>
      <c r="AB8" s="193">
        <v>0</v>
      </c>
      <c r="AC8" s="191">
        <v>1935</v>
      </c>
      <c r="AD8" s="191">
        <v>1460</v>
      </c>
      <c r="AE8" s="191">
        <v>731</v>
      </c>
      <c r="AF8" s="191">
        <v>393</v>
      </c>
      <c r="AG8" s="191">
        <v>187</v>
      </c>
      <c r="AH8" s="196">
        <v>4706</v>
      </c>
      <c r="AI8" s="195">
        <v>4706</v>
      </c>
      <c r="AJ8" s="190">
        <v>1</v>
      </c>
      <c r="AK8" s="191">
        <v>0</v>
      </c>
      <c r="AL8" s="196">
        <v>1</v>
      </c>
      <c r="AM8" s="193">
        <v>0</v>
      </c>
      <c r="AN8" s="191">
        <v>154</v>
      </c>
      <c r="AO8" s="191">
        <v>209</v>
      </c>
      <c r="AP8" s="191">
        <v>247</v>
      </c>
      <c r="AQ8" s="191">
        <v>125</v>
      </c>
      <c r="AR8" s="191">
        <v>101</v>
      </c>
      <c r="AS8" s="196">
        <v>836</v>
      </c>
      <c r="AT8" s="195">
        <v>837</v>
      </c>
      <c r="AU8" s="190">
        <v>22</v>
      </c>
      <c r="AV8" s="191">
        <v>43</v>
      </c>
      <c r="AW8" s="196">
        <v>65</v>
      </c>
      <c r="AX8" s="193">
        <v>0</v>
      </c>
      <c r="AY8" s="191">
        <v>254</v>
      </c>
      <c r="AZ8" s="191">
        <v>213</v>
      </c>
      <c r="BA8" s="191">
        <v>170</v>
      </c>
      <c r="BB8" s="191">
        <v>120</v>
      </c>
      <c r="BC8" s="191">
        <v>65</v>
      </c>
      <c r="BD8" s="196">
        <v>822</v>
      </c>
      <c r="BE8" s="195">
        <v>887</v>
      </c>
      <c r="BF8" s="190">
        <v>0</v>
      </c>
      <c r="BG8" s="191">
        <v>6</v>
      </c>
      <c r="BH8" s="196">
        <v>6</v>
      </c>
      <c r="BI8" s="193">
        <v>0</v>
      </c>
      <c r="BJ8" s="191">
        <v>468</v>
      </c>
      <c r="BK8" s="191">
        <v>586</v>
      </c>
      <c r="BL8" s="191">
        <v>566</v>
      </c>
      <c r="BM8" s="191">
        <v>383</v>
      </c>
      <c r="BN8" s="191">
        <v>251</v>
      </c>
      <c r="BO8" s="194">
        <v>2254</v>
      </c>
      <c r="BP8" s="195">
        <v>226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1</v>
      </c>
      <c r="CG8" s="191">
        <v>11</v>
      </c>
      <c r="CH8" s="191">
        <v>66</v>
      </c>
      <c r="CI8" s="191">
        <v>95</v>
      </c>
      <c r="CJ8" s="191">
        <v>66</v>
      </c>
      <c r="CK8" s="196">
        <v>239</v>
      </c>
      <c r="CL8" s="195">
        <v>239</v>
      </c>
      <c r="CM8" s="190">
        <v>0</v>
      </c>
      <c r="CN8" s="191">
        <v>0</v>
      </c>
      <c r="CO8" s="196">
        <v>0</v>
      </c>
      <c r="CP8" s="193">
        <v>0</v>
      </c>
      <c r="CQ8" s="191">
        <v>67</v>
      </c>
      <c r="CR8" s="191">
        <v>84</v>
      </c>
      <c r="CS8" s="191">
        <v>84</v>
      </c>
      <c r="CT8" s="191">
        <v>90</v>
      </c>
      <c r="CU8" s="191">
        <v>102</v>
      </c>
      <c r="CV8" s="196">
        <v>427</v>
      </c>
      <c r="CW8" s="195">
        <v>427</v>
      </c>
    </row>
    <row r="9" spans="2:101" ht="21" customHeight="1" x14ac:dyDescent="0.2">
      <c r="B9" s="106" t="s">
        <v>14</v>
      </c>
      <c r="C9" s="190">
        <v>0</v>
      </c>
      <c r="D9" s="196">
        <v>0</v>
      </c>
      <c r="E9" s="207">
        <v>0</v>
      </c>
      <c r="F9" s="193">
        <v>0</v>
      </c>
      <c r="G9" s="191">
        <v>26</v>
      </c>
      <c r="H9" s="191">
        <v>39</v>
      </c>
      <c r="I9" s="191">
        <v>32</v>
      </c>
      <c r="J9" s="191">
        <v>32</v>
      </c>
      <c r="K9" s="191">
        <v>34</v>
      </c>
      <c r="L9" s="194">
        <v>163</v>
      </c>
      <c r="M9" s="195">
        <v>163</v>
      </c>
      <c r="N9" s="190">
        <v>0</v>
      </c>
      <c r="O9" s="191">
        <v>0</v>
      </c>
      <c r="P9" s="196">
        <v>0</v>
      </c>
      <c r="Q9" s="193">
        <v>0</v>
      </c>
      <c r="R9" s="191">
        <v>0</v>
      </c>
      <c r="S9" s="191">
        <v>0</v>
      </c>
      <c r="T9" s="191">
        <v>0</v>
      </c>
      <c r="U9" s="191">
        <v>0</v>
      </c>
      <c r="V9" s="191">
        <v>0</v>
      </c>
      <c r="W9" s="196">
        <v>0</v>
      </c>
      <c r="X9" s="195">
        <v>0</v>
      </c>
      <c r="Y9" s="190">
        <v>0</v>
      </c>
      <c r="Z9" s="191">
        <v>0</v>
      </c>
      <c r="AA9" s="196">
        <v>0</v>
      </c>
      <c r="AB9" s="193">
        <v>0</v>
      </c>
      <c r="AC9" s="191">
        <v>1141</v>
      </c>
      <c r="AD9" s="191">
        <v>1209</v>
      </c>
      <c r="AE9" s="191">
        <v>557</v>
      </c>
      <c r="AF9" s="191">
        <v>262</v>
      </c>
      <c r="AG9" s="191">
        <v>105</v>
      </c>
      <c r="AH9" s="196">
        <v>3274</v>
      </c>
      <c r="AI9" s="195">
        <v>3274</v>
      </c>
      <c r="AJ9" s="190">
        <v>0</v>
      </c>
      <c r="AK9" s="191">
        <v>0</v>
      </c>
      <c r="AL9" s="196">
        <v>0</v>
      </c>
      <c r="AM9" s="193">
        <v>0</v>
      </c>
      <c r="AN9" s="191">
        <v>19</v>
      </c>
      <c r="AO9" s="191">
        <v>23</v>
      </c>
      <c r="AP9" s="191">
        <v>36</v>
      </c>
      <c r="AQ9" s="191">
        <v>12</v>
      </c>
      <c r="AR9" s="191">
        <v>13</v>
      </c>
      <c r="AS9" s="196">
        <v>103</v>
      </c>
      <c r="AT9" s="195">
        <v>103</v>
      </c>
      <c r="AU9" s="190">
        <v>19</v>
      </c>
      <c r="AV9" s="191">
        <v>24</v>
      </c>
      <c r="AW9" s="196">
        <v>43</v>
      </c>
      <c r="AX9" s="193">
        <v>0</v>
      </c>
      <c r="AY9" s="191">
        <v>122</v>
      </c>
      <c r="AZ9" s="191">
        <v>154</v>
      </c>
      <c r="BA9" s="191">
        <v>132</v>
      </c>
      <c r="BB9" s="191">
        <v>89</v>
      </c>
      <c r="BC9" s="191">
        <v>39</v>
      </c>
      <c r="BD9" s="196">
        <v>536</v>
      </c>
      <c r="BE9" s="195">
        <v>579</v>
      </c>
      <c r="BF9" s="190">
        <v>0</v>
      </c>
      <c r="BG9" s="191">
        <v>1</v>
      </c>
      <c r="BH9" s="196">
        <v>1</v>
      </c>
      <c r="BI9" s="193">
        <v>0</v>
      </c>
      <c r="BJ9" s="191">
        <v>200</v>
      </c>
      <c r="BK9" s="191">
        <v>295</v>
      </c>
      <c r="BL9" s="191">
        <v>412</v>
      </c>
      <c r="BM9" s="191">
        <v>208</v>
      </c>
      <c r="BN9" s="191">
        <v>124</v>
      </c>
      <c r="BO9" s="194">
        <v>1239</v>
      </c>
      <c r="BP9" s="195">
        <v>1240</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0</v>
      </c>
      <c r="CI9" s="191">
        <v>29</v>
      </c>
      <c r="CJ9" s="191">
        <v>12</v>
      </c>
      <c r="CK9" s="196">
        <v>51</v>
      </c>
      <c r="CL9" s="195">
        <v>51</v>
      </c>
      <c r="CM9" s="190">
        <v>0</v>
      </c>
      <c r="CN9" s="191">
        <v>0</v>
      </c>
      <c r="CO9" s="196">
        <v>0</v>
      </c>
      <c r="CP9" s="193">
        <v>0</v>
      </c>
      <c r="CQ9" s="191">
        <v>16</v>
      </c>
      <c r="CR9" s="191">
        <v>26</v>
      </c>
      <c r="CS9" s="191">
        <v>34</v>
      </c>
      <c r="CT9" s="191">
        <v>43</v>
      </c>
      <c r="CU9" s="191">
        <v>37</v>
      </c>
      <c r="CV9" s="196">
        <v>156</v>
      </c>
      <c r="CW9" s="195">
        <v>156</v>
      </c>
    </row>
    <row r="10" spans="2:101" ht="21" customHeight="1" x14ac:dyDescent="0.2">
      <c r="B10" s="106" t="s">
        <v>7</v>
      </c>
      <c r="C10" s="190">
        <v>0</v>
      </c>
      <c r="D10" s="196">
        <v>0</v>
      </c>
      <c r="E10" s="207">
        <v>0</v>
      </c>
      <c r="F10" s="193">
        <v>0</v>
      </c>
      <c r="G10" s="191">
        <v>6</v>
      </c>
      <c r="H10" s="191">
        <v>11</v>
      </c>
      <c r="I10" s="191">
        <v>7</v>
      </c>
      <c r="J10" s="191">
        <v>9</v>
      </c>
      <c r="K10" s="191">
        <v>4</v>
      </c>
      <c r="L10" s="194">
        <v>37</v>
      </c>
      <c r="M10" s="195">
        <v>37</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02</v>
      </c>
      <c r="AD10" s="191">
        <v>711</v>
      </c>
      <c r="AE10" s="191">
        <v>290</v>
      </c>
      <c r="AF10" s="191">
        <v>123</v>
      </c>
      <c r="AG10" s="191">
        <v>55</v>
      </c>
      <c r="AH10" s="196">
        <v>2381</v>
      </c>
      <c r="AI10" s="195">
        <v>2381</v>
      </c>
      <c r="AJ10" s="190">
        <v>0</v>
      </c>
      <c r="AK10" s="191">
        <v>2</v>
      </c>
      <c r="AL10" s="196">
        <v>2</v>
      </c>
      <c r="AM10" s="193">
        <v>0</v>
      </c>
      <c r="AN10" s="191">
        <v>80</v>
      </c>
      <c r="AO10" s="191">
        <v>84</v>
      </c>
      <c r="AP10" s="191">
        <v>85</v>
      </c>
      <c r="AQ10" s="191">
        <v>35</v>
      </c>
      <c r="AR10" s="191">
        <v>26</v>
      </c>
      <c r="AS10" s="196">
        <v>310</v>
      </c>
      <c r="AT10" s="195">
        <v>312</v>
      </c>
      <c r="AU10" s="190">
        <v>3</v>
      </c>
      <c r="AV10" s="191">
        <v>2</v>
      </c>
      <c r="AW10" s="196">
        <v>5</v>
      </c>
      <c r="AX10" s="193">
        <v>0</v>
      </c>
      <c r="AY10" s="191">
        <v>52</v>
      </c>
      <c r="AZ10" s="191">
        <v>37</v>
      </c>
      <c r="BA10" s="191">
        <v>33</v>
      </c>
      <c r="BB10" s="191">
        <v>18</v>
      </c>
      <c r="BC10" s="191">
        <v>9</v>
      </c>
      <c r="BD10" s="196">
        <v>149</v>
      </c>
      <c r="BE10" s="195">
        <v>154</v>
      </c>
      <c r="BF10" s="190">
        <v>0</v>
      </c>
      <c r="BG10" s="191">
        <v>1</v>
      </c>
      <c r="BH10" s="196">
        <v>1</v>
      </c>
      <c r="BI10" s="193">
        <v>0</v>
      </c>
      <c r="BJ10" s="191">
        <v>126</v>
      </c>
      <c r="BK10" s="191">
        <v>153</v>
      </c>
      <c r="BL10" s="191">
        <v>149</v>
      </c>
      <c r="BM10" s="191">
        <v>125</v>
      </c>
      <c r="BN10" s="191">
        <v>65</v>
      </c>
      <c r="BO10" s="194">
        <v>618</v>
      </c>
      <c r="BP10" s="195">
        <v>619</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4</v>
      </c>
      <c r="CR10" s="191">
        <v>12</v>
      </c>
      <c r="CS10" s="191">
        <v>16</v>
      </c>
      <c r="CT10" s="191">
        <v>16</v>
      </c>
      <c r="CU10" s="191">
        <v>16</v>
      </c>
      <c r="CV10" s="196">
        <v>74</v>
      </c>
      <c r="CW10" s="195">
        <v>74</v>
      </c>
    </row>
    <row r="11" spans="2:101" ht="21" customHeight="1" x14ac:dyDescent="0.2">
      <c r="B11" s="106" t="s">
        <v>8</v>
      </c>
      <c r="C11" s="190">
        <v>0</v>
      </c>
      <c r="D11" s="196">
        <v>0</v>
      </c>
      <c r="E11" s="207">
        <v>0</v>
      </c>
      <c r="F11" s="193">
        <v>0</v>
      </c>
      <c r="G11" s="191">
        <v>6</v>
      </c>
      <c r="H11" s="191">
        <v>4</v>
      </c>
      <c r="I11" s="191">
        <v>4</v>
      </c>
      <c r="J11" s="191">
        <v>4</v>
      </c>
      <c r="K11" s="191">
        <v>3</v>
      </c>
      <c r="L11" s="194">
        <v>21</v>
      </c>
      <c r="M11" s="195">
        <v>21</v>
      </c>
      <c r="N11" s="190">
        <v>0</v>
      </c>
      <c r="O11" s="191">
        <v>0</v>
      </c>
      <c r="P11" s="196">
        <v>0</v>
      </c>
      <c r="Q11" s="193">
        <v>0</v>
      </c>
      <c r="R11" s="191">
        <v>2</v>
      </c>
      <c r="S11" s="191">
        <v>2</v>
      </c>
      <c r="T11" s="191">
        <v>0</v>
      </c>
      <c r="U11" s="191">
        <v>2</v>
      </c>
      <c r="V11" s="191">
        <v>0</v>
      </c>
      <c r="W11" s="196">
        <v>6</v>
      </c>
      <c r="X11" s="195">
        <v>6</v>
      </c>
      <c r="Y11" s="190">
        <v>0</v>
      </c>
      <c r="Z11" s="191">
        <v>0</v>
      </c>
      <c r="AA11" s="196">
        <v>0</v>
      </c>
      <c r="AB11" s="193">
        <v>0</v>
      </c>
      <c r="AC11" s="191">
        <v>629</v>
      </c>
      <c r="AD11" s="191">
        <v>534</v>
      </c>
      <c r="AE11" s="191">
        <v>214</v>
      </c>
      <c r="AF11" s="191">
        <v>98</v>
      </c>
      <c r="AG11" s="191">
        <v>58</v>
      </c>
      <c r="AH11" s="196">
        <v>1533</v>
      </c>
      <c r="AI11" s="195">
        <v>1533</v>
      </c>
      <c r="AJ11" s="190">
        <v>0</v>
      </c>
      <c r="AK11" s="191">
        <v>0</v>
      </c>
      <c r="AL11" s="196">
        <v>0</v>
      </c>
      <c r="AM11" s="193">
        <v>0</v>
      </c>
      <c r="AN11" s="191">
        <v>7</v>
      </c>
      <c r="AO11" s="191">
        <v>9</v>
      </c>
      <c r="AP11" s="191">
        <v>6</v>
      </c>
      <c r="AQ11" s="191">
        <v>11</v>
      </c>
      <c r="AR11" s="191">
        <v>6</v>
      </c>
      <c r="AS11" s="196">
        <v>39</v>
      </c>
      <c r="AT11" s="195">
        <v>39</v>
      </c>
      <c r="AU11" s="190">
        <v>14</v>
      </c>
      <c r="AV11" s="191">
        <v>11</v>
      </c>
      <c r="AW11" s="196">
        <v>25</v>
      </c>
      <c r="AX11" s="193">
        <v>0</v>
      </c>
      <c r="AY11" s="191">
        <v>58</v>
      </c>
      <c r="AZ11" s="191">
        <v>51</v>
      </c>
      <c r="BA11" s="191">
        <v>46</v>
      </c>
      <c r="BB11" s="191">
        <v>21</v>
      </c>
      <c r="BC11" s="191">
        <v>14</v>
      </c>
      <c r="BD11" s="196">
        <v>190</v>
      </c>
      <c r="BE11" s="195">
        <v>215</v>
      </c>
      <c r="BF11" s="190">
        <v>0</v>
      </c>
      <c r="BG11" s="191">
        <v>0</v>
      </c>
      <c r="BH11" s="196">
        <v>0</v>
      </c>
      <c r="BI11" s="193">
        <v>0</v>
      </c>
      <c r="BJ11" s="191">
        <v>68</v>
      </c>
      <c r="BK11" s="191">
        <v>65</v>
      </c>
      <c r="BL11" s="191">
        <v>95</v>
      </c>
      <c r="BM11" s="191">
        <v>61</v>
      </c>
      <c r="BN11" s="191">
        <v>35</v>
      </c>
      <c r="BO11" s="194">
        <v>324</v>
      </c>
      <c r="BP11" s="195">
        <v>324</v>
      </c>
      <c r="BQ11" s="190">
        <v>0</v>
      </c>
      <c r="BR11" s="191">
        <v>0</v>
      </c>
      <c r="BS11" s="196">
        <v>0</v>
      </c>
      <c r="BT11" s="193">
        <v>0</v>
      </c>
      <c r="BU11" s="191">
        <v>3</v>
      </c>
      <c r="BV11" s="191">
        <v>6</v>
      </c>
      <c r="BW11" s="191">
        <v>13</v>
      </c>
      <c r="BX11" s="191">
        <v>10</v>
      </c>
      <c r="BY11" s="191">
        <v>13</v>
      </c>
      <c r="BZ11" s="196">
        <v>45</v>
      </c>
      <c r="CA11" s="195">
        <v>45</v>
      </c>
      <c r="CB11" s="190">
        <v>0</v>
      </c>
      <c r="CC11" s="191">
        <v>0</v>
      </c>
      <c r="CD11" s="196">
        <v>0</v>
      </c>
      <c r="CE11" s="193">
        <v>0</v>
      </c>
      <c r="CF11" s="191">
        <v>0</v>
      </c>
      <c r="CG11" s="191">
        <v>1</v>
      </c>
      <c r="CH11" s="191">
        <v>11</v>
      </c>
      <c r="CI11" s="191">
        <v>25</v>
      </c>
      <c r="CJ11" s="191">
        <v>6</v>
      </c>
      <c r="CK11" s="196">
        <v>43</v>
      </c>
      <c r="CL11" s="195">
        <v>43</v>
      </c>
      <c r="CM11" s="190">
        <v>0</v>
      </c>
      <c r="CN11" s="191">
        <v>0</v>
      </c>
      <c r="CO11" s="196">
        <v>0</v>
      </c>
      <c r="CP11" s="193">
        <v>0</v>
      </c>
      <c r="CQ11" s="191">
        <v>15</v>
      </c>
      <c r="CR11" s="191">
        <v>18</v>
      </c>
      <c r="CS11" s="191">
        <v>18</v>
      </c>
      <c r="CT11" s="191">
        <v>12</v>
      </c>
      <c r="CU11" s="191">
        <v>7</v>
      </c>
      <c r="CV11" s="196">
        <v>70</v>
      </c>
      <c r="CW11" s="195">
        <v>70</v>
      </c>
    </row>
    <row r="12" spans="2:101" ht="21" customHeight="1" x14ac:dyDescent="0.2">
      <c r="B12" s="106" t="s">
        <v>9</v>
      </c>
      <c r="C12" s="190">
        <v>0</v>
      </c>
      <c r="D12" s="196">
        <v>0</v>
      </c>
      <c r="E12" s="207">
        <v>0</v>
      </c>
      <c r="F12" s="193">
        <v>0</v>
      </c>
      <c r="G12" s="191">
        <v>0</v>
      </c>
      <c r="H12" s="191">
        <v>3</v>
      </c>
      <c r="I12" s="191">
        <v>3</v>
      </c>
      <c r="J12" s="191">
        <v>9</v>
      </c>
      <c r="K12" s="191">
        <v>4</v>
      </c>
      <c r="L12" s="194">
        <v>19</v>
      </c>
      <c r="M12" s="195">
        <v>19</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61</v>
      </c>
      <c r="AD12" s="191">
        <v>290</v>
      </c>
      <c r="AE12" s="191">
        <v>159</v>
      </c>
      <c r="AF12" s="191">
        <v>98</v>
      </c>
      <c r="AG12" s="191">
        <v>35</v>
      </c>
      <c r="AH12" s="196">
        <v>1043</v>
      </c>
      <c r="AI12" s="195">
        <v>1043</v>
      </c>
      <c r="AJ12" s="190">
        <v>0</v>
      </c>
      <c r="AK12" s="191">
        <v>0</v>
      </c>
      <c r="AL12" s="196">
        <v>0</v>
      </c>
      <c r="AM12" s="193">
        <v>0</v>
      </c>
      <c r="AN12" s="191">
        <v>8</v>
      </c>
      <c r="AO12" s="191">
        <v>7</v>
      </c>
      <c r="AP12" s="191">
        <v>10</v>
      </c>
      <c r="AQ12" s="191">
        <v>0</v>
      </c>
      <c r="AR12" s="191">
        <v>6</v>
      </c>
      <c r="AS12" s="196">
        <v>31</v>
      </c>
      <c r="AT12" s="195">
        <v>31</v>
      </c>
      <c r="AU12" s="190">
        <v>4</v>
      </c>
      <c r="AV12" s="191">
        <v>4</v>
      </c>
      <c r="AW12" s="196">
        <v>8</v>
      </c>
      <c r="AX12" s="193">
        <v>0</v>
      </c>
      <c r="AY12" s="191">
        <v>38</v>
      </c>
      <c r="AZ12" s="191">
        <v>32</v>
      </c>
      <c r="BA12" s="191">
        <v>22</v>
      </c>
      <c r="BB12" s="191">
        <v>24</v>
      </c>
      <c r="BC12" s="191">
        <v>15</v>
      </c>
      <c r="BD12" s="196">
        <v>131</v>
      </c>
      <c r="BE12" s="195">
        <v>139</v>
      </c>
      <c r="BF12" s="190">
        <v>0</v>
      </c>
      <c r="BG12" s="191">
        <v>0</v>
      </c>
      <c r="BH12" s="196">
        <v>0</v>
      </c>
      <c r="BI12" s="193">
        <v>0</v>
      </c>
      <c r="BJ12" s="191">
        <v>33</v>
      </c>
      <c r="BK12" s="191">
        <v>66</v>
      </c>
      <c r="BL12" s="191">
        <v>83</v>
      </c>
      <c r="BM12" s="191">
        <v>68</v>
      </c>
      <c r="BN12" s="191">
        <v>31</v>
      </c>
      <c r="BO12" s="194">
        <v>281</v>
      </c>
      <c r="BP12" s="195">
        <v>281</v>
      </c>
      <c r="BQ12" s="190">
        <v>0</v>
      </c>
      <c r="BR12" s="191">
        <v>0</v>
      </c>
      <c r="BS12" s="196">
        <v>0</v>
      </c>
      <c r="BT12" s="193">
        <v>0</v>
      </c>
      <c r="BU12" s="191">
        <v>2</v>
      </c>
      <c r="BV12" s="191">
        <v>4</v>
      </c>
      <c r="BW12" s="191">
        <v>6</v>
      </c>
      <c r="BX12" s="191">
        <v>7</v>
      </c>
      <c r="BY12" s="191">
        <v>4</v>
      </c>
      <c r="BZ12" s="196">
        <v>23</v>
      </c>
      <c r="CA12" s="195">
        <v>23</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4</v>
      </c>
      <c r="CR12" s="191">
        <v>6</v>
      </c>
      <c r="CS12" s="191">
        <v>12</v>
      </c>
      <c r="CT12" s="191">
        <v>8</v>
      </c>
      <c r="CU12" s="191">
        <v>14</v>
      </c>
      <c r="CV12" s="196">
        <v>44</v>
      </c>
      <c r="CW12" s="195">
        <v>44</v>
      </c>
    </row>
    <row r="13" spans="2:101" ht="21" customHeight="1" x14ac:dyDescent="0.2">
      <c r="B13" s="106" t="s">
        <v>10</v>
      </c>
      <c r="C13" s="190">
        <v>0</v>
      </c>
      <c r="D13" s="196">
        <v>0</v>
      </c>
      <c r="E13" s="207">
        <v>0</v>
      </c>
      <c r="F13" s="193">
        <v>0</v>
      </c>
      <c r="G13" s="191">
        <v>15</v>
      </c>
      <c r="H13" s="191">
        <v>16</v>
      </c>
      <c r="I13" s="191">
        <v>13</v>
      </c>
      <c r="J13" s="191">
        <v>16</v>
      </c>
      <c r="K13" s="191">
        <v>13</v>
      </c>
      <c r="L13" s="194">
        <v>73</v>
      </c>
      <c r="M13" s="195">
        <v>73</v>
      </c>
      <c r="N13" s="190">
        <v>0</v>
      </c>
      <c r="O13" s="191">
        <v>0</v>
      </c>
      <c r="P13" s="196">
        <v>0</v>
      </c>
      <c r="Q13" s="193">
        <v>0</v>
      </c>
      <c r="R13" s="191">
        <v>11</v>
      </c>
      <c r="S13" s="191">
        <v>4</v>
      </c>
      <c r="T13" s="191">
        <v>6</v>
      </c>
      <c r="U13" s="191">
        <v>7</v>
      </c>
      <c r="V13" s="191">
        <v>6</v>
      </c>
      <c r="W13" s="196">
        <v>34</v>
      </c>
      <c r="X13" s="195">
        <v>34</v>
      </c>
      <c r="Y13" s="190">
        <v>0</v>
      </c>
      <c r="Z13" s="191">
        <v>0</v>
      </c>
      <c r="AA13" s="196">
        <v>0</v>
      </c>
      <c r="AB13" s="193">
        <v>0</v>
      </c>
      <c r="AC13" s="191">
        <v>573</v>
      </c>
      <c r="AD13" s="191">
        <v>244</v>
      </c>
      <c r="AE13" s="191">
        <v>138</v>
      </c>
      <c r="AF13" s="191">
        <v>67</v>
      </c>
      <c r="AG13" s="191">
        <v>20</v>
      </c>
      <c r="AH13" s="196">
        <v>1042</v>
      </c>
      <c r="AI13" s="195">
        <v>1042</v>
      </c>
      <c r="AJ13" s="190">
        <v>0</v>
      </c>
      <c r="AK13" s="191">
        <v>1</v>
      </c>
      <c r="AL13" s="196">
        <v>1</v>
      </c>
      <c r="AM13" s="193">
        <v>0</v>
      </c>
      <c r="AN13" s="191">
        <v>13</v>
      </c>
      <c r="AO13" s="191">
        <v>11</v>
      </c>
      <c r="AP13" s="191">
        <v>22</v>
      </c>
      <c r="AQ13" s="191">
        <v>14</v>
      </c>
      <c r="AR13" s="191">
        <v>9</v>
      </c>
      <c r="AS13" s="196">
        <v>69</v>
      </c>
      <c r="AT13" s="195">
        <v>70</v>
      </c>
      <c r="AU13" s="190">
        <v>14</v>
      </c>
      <c r="AV13" s="191">
        <v>15</v>
      </c>
      <c r="AW13" s="196">
        <v>29</v>
      </c>
      <c r="AX13" s="193">
        <v>0</v>
      </c>
      <c r="AY13" s="191">
        <v>91</v>
      </c>
      <c r="AZ13" s="191">
        <v>64</v>
      </c>
      <c r="BA13" s="191">
        <v>67</v>
      </c>
      <c r="BB13" s="191">
        <v>46</v>
      </c>
      <c r="BC13" s="191">
        <v>37</v>
      </c>
      <c r="BD13" s="196">
        <v>305</v>
      </c>
      <c r="BE13" s="195">
        <v>334</v>
      </c>
      <c r="BF13" s="190">
        <v>0</v>
      </c>
      <c r="BG13" s="191">
        <v>3</v>
      </c>
      <c r="BH13" s="196">
        <v>3</v>
      </c>
      <c r="BI13" s="193">
        <v>0</v>
      </c>
      <c r="BJ13" s="191">
        <v>111</v>
      </c>
      <c r="BK13" s="191">
        <v>111</v>
      </c>
      <c r="BL13" s="191">
        <v>126</v>
      </c>
      <c r="BM13" s="191">
        <v>93</v>
      </c>
      <c r="BN13" s="191">
        <v>76</v>
      </c>
      <c r="BO13" s="194">
        <v>517</v>
      </c>
      <c r="BP13" s="195">
        <v>520</v>
      </c>
      <c r="BQ13" s="190">
        <v>0</v>
      </c>
      <c r="BR13" s="191">
        <v>0</v>
      </c>
      <c r="BS13" s="196">
        <v>0</v>
      </c>
      <c r="BT13" s="193">
        <v>0</v>
      </c>
      <c r="BU13" s="191">
        <v>36</v>
      </c>
      <c r="BV13" s="191">
        <v>26</v>
      </c>
      <c r="BW13" s="191">
        <v>28</v>
      </c>
      <c r="BX13" s="191">
        <v>36</v>
      </c>
      <c r="BY13" s="191">
        <v>28</v>
      </c>
      <c r="BZ13" s="196">
        <v>154</v>
      </c>
      <c r="CA13" s="195">
        <v>154</v>
      </c>
      <c r="CB13" s="190">
        <v>0</v>
      </c>
      <c r="CC13" s="191">
        <v>0</v>
      </c>
      <c r="CD13" s="196">
        <v>0</v>
      </c>
      <c r="CE13" s="193">
        <v>0</v>
      </c>
      <c r="CF13" s="191">
        <v>0</v>
      </c>
      <c r="CG13" s="191">
        <v>1</v>
      </c>
      <c r="CH13" s="191">
        <v>4</v>
      </c>
      <c r="CI13" s="191">
        <v>22</v>
      </c>
      <c r="CJ13" s="191">
        <v>15</v>
      </c>
      <c r="CK13" s="196">
        <v>42</v>
      </c>
      <c r="CL13" s="195">
        <v>42</v>
      </c>
      <c r="CM13" s="190">
        <v>0</v>
      </c>
      <c r="CN13" s="191">
        <v>0</v>
      </c>
      <c r="CO13" s="196">
        <v>0</v>
      </c>
      <c r="CP13" s="193">
        <v>0</v>
      </c>
      <c r="CQ13" s="191">
        <v>29</v>
      </c>
      <c r="CR13" s="191">
        <v>33</v>
      </c>
      <c r="CS13" s="191">
        <v>25</v>
      </c>
      <c r="CT13" s="191">
        <v>47</v>
      </c>
      <c r="CU13" s="191">
        <v>30</v>
      </c>
      <c r="CV13" s="196">
        <v>164</v>
      </c>
      <c r="CW13" s="195">
        <v>164</v>
      </c>
    </row>
    <row r="14" spans="2:101" ht="21" customHeight="1" x14ac:dyDescent="0.2">
      <c r="B14" s="106" t="s">
        <v>11</v>
      </c>
      <c r="C14" s="190">
        <v>0</v>
      </c>
      <c r="D14" s="196">
        <v>0</v>
      </c>
      <c r="E14" s="207">
        <v>0</v>
      </c>
      <c r="F14" s="193">
        <v>0</v>
      </c>
      <c r="G14" s="191">
        <v>7</v>
      </c>
      <c r="H14" s="191">
        <v>6</v>
      </c>
      <c r="I14" s="191">
        <v>3</v>
      </c>
      <c r="J14" s="191">
        <v>5</v>
      </c>
      <c r="K14" s="191">
        <v>5</v>
      </c>
      <c r="L14" s="194">
        <v>26</v>
      </c>
      <c r="M14" s="195">
        <v>26</v>
      </c>
      <c r="N14" s="190">
        <v>0</v>
      </c>
      <c r="O14" s="191">
        <v>0</v>
      </c>
      <c r="P14" s="196">
        <v>0</v>
      </c>
      <c r="Q14" s="193">
        <v>0</v>
      </c>
      <c r="R14" s="191">
        <v>14</v>
      </c>
      <c r="S14" s="191">
        <v>13</v>
      </c>
      <c r="T14" s="191">
        <v>11</v>
      </c>
      <c r="U14" s="191">
        <v>13</v>
      </c>
      <c r="V14" s="191">
        <v>7</v>
      </c>
      <c r="W14" s="196">
        <v>58</v>
      </c>
      <c r="X14" s="195">
        <v>58</v>
      </c>
      <c r="Y14" s="190">
        <v>0</v>
      </c>
      <c r="Z14" s="191">
        <v>0</v>
      </c>
      <c r="AA14" s="196">
        <v>0</v>
      </c>
      <c r="AB14" s="193">
        <v>0</v>
      </c>
      <c r="AC14" s="191">
        <v>510</v>
      </c>
      <c r="AD14" s="191">
        <v>251</v>
      </c>
      <c r="AE14" s="191">
        <v>148</v>
      </c>
      <c r="AF14" s="191">
        <v>68</v>
      </c>
      <c r="AG14" s="191">
        <v>34</v>
      </c>
      <c r="AH14" s="196">
        <v>1011</v>
      </c>
      <c r="AI14" s="195">
        <v>1011</v>
      </c>
      <c r="AJ14" s="190">
        <v>0</v>
      </c>
      <c r="AK14" s="191">
        <v>0</v>
      </c>
      <c r="AL14" s="196">
        <v>0</v>
      </c>
      <c r="AM14" s="193">
        <v>0</v>
      </c>
      <c r="AN14" s="191">
        <v>21</v>
      </c>
      <c r="AO14" s="191">
        <v>17</v>
      </c>
      <c r="AP14" s="191">
        <v>12</v>
      </c>
      <c r="AQ14" s="191">
        <v>5</v>
      </c>
      <c r="AR14" s="191">
        <v>1</v>
      </c>
      <c r="AS14" s="196">
        <v>56</v>
      </c>
      <c r="AT14" s="195">
        <v>56</v>
      </c>
      <c r="AU14" s="190">
        <v>2</v>
      </c>
      <c r="AV14" s="191">
        <v>3</v>
      </c>
      <c r="AW14" s="196">
        <v>5</v>
      </c>
      <c r="AX14" s="193">
        <v>0</v>
      </c>
      <c r="AY14" s="191">
        <v>33</v>
      </c>
      <c r="AZ14" s="191">
        <v>37</v>
      </c>
      <c r="BA14" s="191">
        <v>41</v>
      </c>
      <c r="BB14" s="191">
        <v>21</v>
      </c>
      <c r="BC14" s="191">
        <v>10</v>
      </c>
      <c r="BD14" s="196">
        <v>142</v>
      </c>
      <c r="BE14" s="195">
        <v>147</v>
      </c>
      <c r="BF14" s="190">
        <v>0</v>
      </c>
      <c r="BG14" s="191">
        <v>2</v>
      </c>
      <c r="BH14" s="196">
        <v>2</v>
      </c>
      <c r="BI14" s="193">
        <v>0</v>
      </c>
      <c r="BJ14" s="191">
        <v>61</v>
      </c>
      <c r="BK14" s="191">
        <v>76</v>
      </c>
      <c r="BL14" s="191">
        <v>88</v>
      </c>
      <c r="BM14" s="191">
        <v>57</v>
      </c>
      <c r="BN14" s="191">
        <v>26</v>
      </c>
      <c r="BO14" s="194">
        <v>308</v>
      </c>
      <c r="BP14" s="195">
        <v>310</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0</v>
      </c>
      <c r="CI14" s="191">
        <v>1</v>
      </c>
      <c r="CJ14" s="191">
        <v>0</v>
      </c>
      <c r="CK14" s="196">
        <v>2</v>
      </c>
      <c r="CL14" s="195">
        <v>2</v>
      </c>
      <c r="CM14" s="190">
        <v>0</v>
      </c>
      <c r="CN14" s="191">
        <v>0</v>
      </c>
      <c r="CO14" s="196">
        <v>0</v>
      </c>
      <c r="CP14" s="193">
        <v>0</v>
      </c>
      <c r="CQ14" s="191">
        <v>10</v>
      </c>
      <c r="CR14" s="191">
        <v>3</v>
      </c>
      <c r="CS14" s="191">
        <v>7</v>
      </c>
      <c r="CT14" s="191">
        <v>10</v>
      </c>
      <c r="CU14" s="191">
        <v>4</v>
      </c>
      <c r="CV14" s="196">
        <v>34</v>
      </c>
      <c r="CW14" s="195">
        <v>34</v>
      </c>
    </row>
    <row r="15" spans="2:101" ht="21" customHeight="1" x14ac:dyDescent="0.2">
      <c r="B15" s="106" t="s">
        <v>12</v>
      </c>
      <c r="C15" s="190">
        <v>0</v>
      </c>
      <c r="D15" s="196">
        <v>0</v>
      </c>
      <c r="E15" s="207">
        <v>0</v>
      </c>
      <c r="F15" s="193">
        <v>0</v>
      </c>
      <c r="G15" s="191">
        <v>8</v>
      </c>
      <c r="H15" s="191">
        <v>4</v>
      </c>
      <c r="I15" s="191">
        <v>3</v>
      </c>
      <c r="J15" s="191">
        <v>2</v>
      </c>
      <c r="K15" s="191">
        <v>5</v>
      </c>
      <c r="L15" s="194">
        <v>22</v>
      </c>
      <c r="M15" s="195">
        <v>22</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403</v>
      </c>
      <c r="AD15" s="191">
        <v>247</v>
      </c>
      <c r="AE15" s="191">
        <v>149</v>
      </c>
      <c r="AF15" s="191">
        <v>71</v>
      </c>
      <c r="AG15" s="191">
        <v>32</v>
      </c>
      <c r="AH15" s="196">
        <v>902</v>
      </c>
      <c r="AI15" s="195">
        <v>902</v>
      </c>
      <c r="AJ15" s="190">
        <v>0</v>
      </c>
      <c r="AK15" s="191">
        <v>0</v>
      </c>
      <c r="AL15" s="196">
        <v>0</v>
      </c>
      <c r="AM15" s="193">
        <v>0</v>
      </c>
      <c r="AN15" s="191">
        <v>5</v>
      </c>
      <c r="AO15" s="191">
        <v>2</v>
      </c>
      <c r="AP15" s="191">
        <v>1</v>
      </c>
      <c r="AQ15" s="191">
        <v>1</v>
      </c>
      <c r="AR15" s="191">
        <v>1</v>
      </c>
      <c r="AS15" s="196">
        <v>10</v>
      </c>
      <c r="AT15" s="195">
        <v>10</v>
      </c>
      <c r="AU15" s="190">
        <v>0</v>
      </c>
      <c r="AV15" s="191">
        <v>1</v>
      </c>
      <c r="AW15" s="196">
        <v>1</v>
      </c>
      <c r="AX15" s="193">
        <v>0</v>
      </c>
      <c r="AY15" s="191">
        <v>31</v>
      </c>
      <c r="AZ15" s="191">
        <v>40</v>
      </c>
      <c r="BA15" s="191">
        <v>43</v>
      </c>
      <c r="BB15" s="191">
        <v>38</v>
      </c>
      <c r="BC15" s="191">
        <v>30</v>
      </c>
      <c r="BD15" s="196">
        <v>182</v>
      </c>
      <c r="BE15" s="195">
        <v>183</v>
      </c>
      <c r="BF15" s="190">
        <v>0</v>
      </c>
      <c r="BG15" s="191">
        <v>0</v>
      </c>
      <c r="BH15" s="196">
        <v>0</v>
      </c>
      <c r="BI15" s="193">
        <v>0</v>
      </c>
      <c r="BJ15" s="191">
        <v>36</v>
      </c>
      <c r="BK15" s="191">
        <v>49</v>
      </c>
      <c r="BL15" s="191">
        <v>47</v>
      </c>
      <c r="BM15" s="191">
        <v>35</v>
      </c>
      <c r="BN15" s="191">
        <v>36</v>
      </c>
      <c r="BO15" s="194">
        <v>203</v>
      </c>
      <c r="BP15" s="195">
        <v>203</v>
      </c>
      <c r="BQ15" s="190">
        <v>0</v>
      </c>
      <c r="BR15" s="191">
        <v>0</v>
      </c>
      <c r="BS15" s="196">
        <v>0</v>
      </c>
      <c r="BT15" s="193">
        <v>0</v>
      </c>
      <c r="BU15" s="191">
        <v>0</v>
      </c>
      <c r="BV15" s="191">
        <v>6</v>
      </c>
      <c r="BW15" s="191">
        <v>8</v>
      </c>
      <c r="BX15" s="191">
        <v>10</v>
      </c>
      <c r="BY15" s="191">
        <v>5</v>
      </c>
      <c r="BZ15" s="196">
        <v>29</v>
      </c>
      <c r="CA15" s="195">
        <v>29</v>
      </c>
      <c r="CB15" s="190">
        <v>0</v>
      </c>
      <c r="CC15" s="191">
        <v>0</v>
      </c>
      <c r="CD15" s="196">
        <v>0</v>
      </c>
      <c r="CE15" s="193">
        <v>0</v>
      </c>
      <c r="CF15" s="191">
        <v>0</v>
      </c>
      <c r="CG15" s="191">
        <v>0</v>
      </c>
      <c r="CH15" s="191">
        <v>12</v>
      </c>
      <c r="CI15" s="191">
        <v>13</v>
      </c>
      <c r="CJ15" s="191">
        <v>4</v>
      </c>
      <c r="CK15" s="196">
        <v>29</v>
      </c>
      <c r="CL15" s="195">
        <v>29</v>
      </c>
      <c r="CM15" s="190">
        <v>0</v>
      </c>
      <c r="CN15" s="191">
        <v>0</v>
      </c>
      <c r="CO15" s="196">
        <v>0</v>
      </c>
      <c r="CP15" s="193">
        <v>0</v>
      </c>
      <c r="CQ15" s="191">
        <v>6</v>
      </c>
      <c r="CR15" s="191">
        <v>15</v>
      </c>
      <c r="CS15" s="191">
        <v>22</v>
      </c>
      <c r="CT15" s="191">
        <v>21</v>
      </c>
      <c r="CU15" s="191">
        <v>19</v>
      </c>
      <c r="CV15" s="196">
        <v>83</v>
      </c>
      <c r="CW15" s="195">
        <v>83</v>
      </c>
    </row>
    <row r="16" spans="2:101" ht="21" customHeight="1" x14ac:dyDescent="0.2">
      <c r="B16" s="106" t="s">
        <v>13</v>
      </c>
      <c r="C16" s="190">
        <v>0</v>
      </c>
      <c r="D16" s="196">
        <v>0</v>
      </c>
      <c r="E16" s="207">
        <v>0</v>
      </c>
      <c r="F16" s="193">
        <v>0</v>
      </c>
      <c r="G16" s="191">
        <v>1</v>
      </c>
      <c r="H16" s="191">
        <v>1</v>
      </c>
      <c r="I16" s="191">
        <v>1</v>
      </c>
      <c r="J16" s="191">
        <v>1</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4</v>
      </c>
      <c r="AD16" s="191">
        <v>161</v>
      </c>
      <c r="AE16" s="191">
        <v>68</v>
      </c>
      <c r="AF16" s="191">
        <v>36</v>
      </c>
      <c r="AG16" s="191">
        <v>16</v>
      </c>
      <c r="AH16" s="196">
        <v>445</v>
      </c>
      <c r="AI16" s="195">
        <v>445</v>
      </c>
      <c r="AJ16" s="190">
        <v>0</v>
      </c>
      <c r="AK16" s="191">
        <v>0</v>
      </c>
      <c r="AL16" s="196">
        <v>0</v>
      </c>
      <c r="AM16" s="193">
        <v>0</v>
      </c>
      <c r="AN16" s="191">
        <v>1</v>
      </c>
      <c r="AO16" s="191">
        <v>7</v>
      </c>
      <c r="AP16" s="191">
        <v>9</v>
      </c>
      <c r="AQ16" s="191">
        <v>4</v>
      </c>
      <c r="AR16" s="191">
        <v>8</v>
      </c>
      <c r="AS16" s="196">
        <v>29</v>
      </c>
      <c r="AT16" s="195">
        <v>29</v>
      </c>
      <c r="AU16" s="190">
        <v>1</v>
      </c>
      <c r="AV16" s="191">
        <v>1</v>
      </c>
      <c r="AW16" s="196">
        <v>2</v>
      </c>
      <c r="AX16" s="193">
        <v>0</v>
      </c>
      <c r="AY16" s="191">
        <v>13</v>
      </c>
      <c r="AZ16" s="191">
        <v>9</v>
      </c>
      <c r="BA16" s="191">
        <v>8</v>
      </c>
      <c r="BB16" s="191">
        <v>0</v>
      </c>
      <c r="BC16" s="191">
        <v>3</v>
      </c>
      <c r="BD16" s="196">
        <v>33</v>
      </c>
      <c r="BE16" s="195">
        <v>35</v>
      </c>
      <c r="BF16" s="190">
        <v>0</v>
      </c>
      <c r="BG16" s="191">
        <v>0</v>
      </c>
      <c r="BH16" s="196">
        <v>0</v>
      </c>
      <c r="BI16" s="193">
        <v>0</v>
      </c>
      <c r="BJ16" s="191">
        <v>16</v>
      </c>
      <c r="BK16" s="191">
        <v>12</v>
      </c>
      <c r="BL16" s="191">
        <v>14</v>
      </c>
      <c r="BM16" s="191">
        <v>23</v>
      </c>
      <c r="BN16" s="191">
        <v>14</v>
      </c>
      <c r="BO16" s="194">
        <v>79</v>
      </c>
      <c r="BP16" s="195">
        <v>79</v>
      </c>
      <c r="BQ16" s="190">
        <v>0</v>
      </c>
      <c r="BR16" s="191">
        <v>0</v>
      </c>
      <c r="BS16" s="196">
        <v>0</v>
      </c>
      <c r="BT16" s="193">
        <v>0</v>
      </c>
      <c r="BU16" s="191">
        <v>3</v>
      </c>
      <c r="BV16" s="191">
        <v>1</v>
      </c>
      <c r="BW16" s="191">
        <v>4</v>
      </c>
      <c r="BX16" s="191">
        <v>5</v>
      </c>
      <c r="BY16" s="191">
        <v>1</v>
      </c>
      <c r="BZ16" s="196">
        <v>14</v>
      </c>
      <c r="CA16" s="195">
        <v>14</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4</v>
      </c>
      <c r="H17" s="191">
        <v>2</v>
      </c>
      <c r="I17" s="191">
        <v>2</v>
      </c>
      <c r="J17" s="191">
        <v>4</v>
      </c>
      <c r="K17" s="191">
        <v>4</v>
      </c>
      <c r="L17" s="194">
        <v>16</v>
      </c>
      <c r="M17" s="195">
        <v>16</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85</v>
      </c>
      <c r="AD17" s="191">
        <v>188</v>
      </c>
      <c r="AE17" s="191">
        <v>81</v>
      </c>
      <c r="AF17" s="191">
        <v>31</v>
      </c>
      <c r="AG17" s="191">
        <v>20</v>
      </c>
      <c r="AH17" s="196">
        <v>505</v>
      </c>
      <c r="AI17" s="195">
        <v>505</v>
      </c>
      <c r="AJ17" s="190">
        <v>0</v>
      </c>
      <c r="AK17" s="191">
        <v>1</v>
      </c>
      <c r="AL17" s="196">
        <v>1</v>
      </c>
      <c r="AM17" s="193">
        <v>0</v>
      </c>
      <c r="AN17" s="191">
        <v>1</v>
      </c>
      <c r="AO17" s="191">
        <v>2</v>
      </c>
      <c r="AP17" s="191">
        <v>6</v>
      </c>
      <c r="AQ17" s="191">
        <v>3</v>
      </c>
      <c r="AR17" s="191">
        <v>2</v>
      </c>
      <c r="AS17" s="196">
        <v>14</v>
      </c>
      <c r="AT17" s="195">
        <v>15</v>
      </c>
      <c r="AU17" s="190">
        <v>2</v>
      </c>
      <c r="AV17" s="191">
        <v>13</v>
      </c>
      <c r="AW17" s="196">
        <v>15</v>
      </c>
      <c r="AX17" s="193">
        <v>0</v>
      </c>
      <c r="AY17" s="191">
        <v>17</v>
      </c>
      <c r="AZ17" s="191">
        <v>10</v>
      </c>
      <c r="BA17" s="191">
        <v>4</v>
      </c>
      <c r="BB17" s="191">
        <v>7</v>
      </c>
      <c r="BC17" s="191">
        <v>4</v>
      </c>
      <c r="BD17" s="196">
        <v>42</v>
      </c>
      <c r="BE17" s="195">
        <v>57</v>
      </c>
      <c r="BF17" s="190">
        <v>0</v>
      </c>
      <c r="BG17" s="191">
        <v>2</v>
      </c>
      <c r="BH17" s="196">
        <v>2</v>
      </c>
      <c r="BI17" s="193">
        <v>0</v>
      </c>
      <c r="BJ17" s="191">
        <v>36</v>
      </c>
      <c r="BK17" s="191">
        <v>45</v>
      </c>
      <c r="BL17" s="191">
        <v>37</v>
      </c>
      <c r="BM17" s="191">
        <v>27</v>
      </c>
      <c r="BN17" s="191">
        <v>16</v>
      </c>
      <c r="BO17" s="194">
        <v>161</v>
      </c>
      <c r="BP17" s="195">
        <v>163</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9</v>
      </c>
      <c r="CI17" s="191">
        <v>11</v>
      </c>
      <c r="CJ17" s="191">
        <v>8</v>
      </c>
      <c r="CK17" s="196">
        <v>28</v>
      </c>
      <c r="CL17" s="195">
        <v>28</v>
      </c>
      <c r="CM17" s="190">
        <v>0</v>
      </c>
      <c r="CN17" s="191">
        <v>0</v>
      </c>
      <c r="CO17" s="196">
        <v>0</v>
      </c>
      <c r="CP17" s="193">
        <v>0</v>
      </c>
      <c r="CQ17" s="191">
        <v>4</v>
      </c>
      <c r="CR17" s="191">
        <v>10</v>
      </c>
      <c r="CS17" s="191">
        <v>6</v>
      </c>
      <c r="CT17" s="191">
        <v>3</v>
      </c>
      <c r="CU17" s="191">
        <v>1</v>
      </c>
      <c r="CV17" s="196">
        <v>24</v>
      </c>
      <c r="CW17" s="195">
        <v>24</v>
      </c>
    </row>
    <row r="18" spans="2:101" ht="21" customHeight="1" x14ac:dyDescent="0.2">
      <c r="B18" s="106" t="s">
        <v>16</v>
      </c>
      <c r="C18" s="190">
        <v>0</v>
      </c>
      <c r="D18" s="196">
        <v>0</v>
      </c>
      <c r="E18" s="207">
        <v>0</v>
      </c>
      <c r="F18" s="193">
        <v>0</v>
      </c>
      <c r="G18" s="191">
        <v>7</v>
      </c>
      <c r="H18" s="191">
        <v>14</v>
      </c>
      <c r="I18" s="191">
        <v>14</v>
      </c>
      <c r="J18" s="191">
        <v>10</v>
      </c>
      <c r="K18" s="191">
        <v>10</v>
      </c>
      <c r="L18" s="194">
        <v>55</v>
      </c>
      <c r="M18" s="195">
        <v>55</v>
      </c>
      <c r="N18" s="190">
        <v>0</v>
      </c>
      <c r="O18" s="191">
        <v>0</v>
      </c>
      <c r="P18" s="196">
        <v>0</v>
      </c>
      <c r="Q18" s="193">
        <v>0</v>
      </c>
      <c r="R18" s="191">
        <v>0</v>
      </c>
      <c r="S18" s="191">
        <v>2</v>
      </c>
      <c r="T18" s="191">
        <v>2</v>
      </c>
      <c r="U18" s="191">
        <v>3</v>
      </c>
      <c r="V18" s="191">
        <v>1</v>
      </c>
      <c r="W18" s="196">
        <v>8</v>
      </c>
      <c r="X18" s="195">
        <v>8</v>
      </c>
      <c r="Y18" s="190">
        <v>0</v>
      </c>
      <c r="Z18" s="191">
        <v>0</v>
      </c>
      <c r="AA18" s="196">
        <v>0</v>
      </c>
      <c r="AB18" s="193">
        <v>0</v>
      </c>
      <c r="AC18" s="191">
        <v>155</v>
      </c>
      <c r="AD18" s="191">
        <v>195</v>
      </c>
      <c r="AE18" s="191">
        <v>88</v>
      </c>
      <c r="AF18" s="191">
        <v>45</v>
      </c>
      <c r="AG18" s="191">
        <v>12</v>
      </c>
      <c r="AH18" s="196">
        <v>495</v>
      </c>
      <c r="AI18" s="195">
        <v>495</v>
      </c>
      <c r="AJ18" s="190">
        <v>0</v>
      </c>
      <c r="AK18" s="191">
        <v>0</v>
      </c>
      <c r="AL18" s="196">
        <v>0</v>
      </c>
      <c r="AM18" s="193">
        <v>0</v>
      </c>
      <c r="AN18" s="191">
        <v>5</v>
      </c>
      <c r="AO18" s="191">
        <v>9</v>
      </c>
      <c r="AP18" s="191">
        <v>8</v>
      </c>
      <c r="AQ18" s="191">
        <v>6</v>
      </c>
      <c r="AR18" s="191">
        <v>3</v>
      </c>
      <c r="AS18" s="196">
        <v>31</v>
      </c>
      <c r="AT18" s="195">
        <v>31</v>
      </c>
      <c r="AU18" s="190">
        <v>3</v>
      </c>
      <c r="AV18" s="191">
        <v>4</v>
      </c>
      <c r="AW18" s="196">
        <v>7</v>
      </c>
      <c r="AX18" s="193">
        <v>0</v>
      </c>
      <c r="AY18" s="191">
        <v>18</v>
      </c>
      <c r="AZ18" s="191">
        <v>26</v>
      </c>
      <c r="BA18" s="191">
        <v>15</v>
      </c>
      <c r="BB18" s="191">
        <v>19</v>
      </c>
      <c r="BC18" s="191">
        <v>8</v>
      </c>
      <c r="BD18" s="196">
        <v>86</v>
      </c>
      <c r="BE18" s="195">
        <v>93</v>
      </c>
      <c r="BF18" s="190">
        <v>0</v>
      </c>
      <c r="BG18" s="191">
        <v>1</v>
      </c>
      <c r="BH18" s="196">
        <v>1</v>
      </c>
      <c r="BI18" s="193">
        <v>0</v>
      </c>
      <c r="BJ18" s="191">
        <v>22</v>
      </c>
      <c r="BK18" s="191">
        <v>45</v>
      </c>
      <c r="BL18" s="191">
        <v>43</v>
      </c>
      <c r="BM18" s="191">
        <v>28</v>
      </c>
      <c r="BN18" s="191">
        <v>20</v>
      </c>
      <c r="BO18" s="194">
        <v>158</v>
      </c>
      <c r="BP18" s="195">
        <v>159</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2</v>
      </c>
      <c r="CH18" s="191">
        <v>7</v>
      </c>
      <c r="CI18" s="191">
        <v>12</v>
      </c>
      <c r="CJ18" s="191">
        <v>7</v>
      </c>
      <c r="CK18" s="196">
        <v>28</v>
      </c>
      <c r="CL18" s="195">
        <v>28</v>
      </c>
      <c r="CM18" s="190">
        <v>0</v>
      </c>
      <c r="CN18" s="191">
        <v>0</v>
      </c>
      <c r="CO18" s="196">
        <v>0</v>
      </c>
      <c r="CP18" s="193">
        <v>0</v>
      </c>
      <c r="CQ18" s="191">
        <v>1</v>
      </c>
      <c r="CR18" s="191">
        <v>6</v>
      </c>
      <c r="CS18" s="191">
        <v>5</v>
      </c>
      <c r="CT18" s="191">
        <v>3</v>
      </c>
      <c r="CU18" s="191">
        <v>7</v>
      </c>
      <c r="CV18" s="196">
        <v>22</v>
      </c>
      <c r="CW18" s="195">
        <v>22</v>
      </c>
    </row>
    <row r="19" spans="2:101" ht="21" customHeight="1" x14ac:dyDescent="0.2">
      <c r="B19" s="106" t="s">
        <v>17</v>
      </c>
      <c r="C19" s="190">
        <v>0</v>
      </c>
      <c r="D19" s="196">
        <v>0</v>
      </c>
      <c r="E19" s="207">
        <v>0</v>
      </c>
      <c r="F19" s="193">
        <v>0</v>
      </c>
      <c r="G19" s="191">
        <v>1</v>
      </c>
      <c r="H19" s="191">
        <v>2</v>
      </c>
      <c r="I19" s="191">
        <v>3</v>
      </c>
      <c r="J19" s="191">
        <v>2</v>
      </c>
      <c r="K19" s="191">
        <v>1</v>
      </c>
      <c r="L19" s="194">
        <v>9</v>
      </c>
      <c r="M19" s="195">
        <v>9</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54</v>
      </c>
      <c r="AD19" s="191">
        <v>315</v>
      </c>
      <c r="AE19" s="191">
        <v>160</v>
      </c>
      <c r="AF19" s="191">
        <v>80</v>
      </c>
      <c r="AG19" s="191">
        <v>30</v>
      </c>
      <c r="AH19" s="196">
        <v>839</v>
      </c>
      <c r="AI19" s="195">
        <v>839</v>
      </c>
      <c r="AJ19" s="190">
        <v>2</v>
      </c>
      <c r="AK19" s="191">
        <v>3</v>
      </c>
      <c r="AL19" s="196">
        <v>5</v>
      </c>
      <c r="AM19" s="193">
        <v>0</v>
      </c>
      <c r="AN19" s="191">
        <v>22</v>
      </c>
      <c r="AO19" s="191">
        <v>22</v>
      </c>
      <c r="AP19" s="191">
        <v>16</v>
      </c>
      <c r="AQ19" s="191">
        <v>11</v>
      </c>
      <c r="AR19" s="191">
        <v>4</v>
      </c>
      <c r="AS19" s="196">
        <v>75</v>
      </c>
      <c r="AT19" s="195">
        <v>80</v>
      </c>
      <c r="AU19" s="190">
        <v>2</v>
      </c>
      <c r="AV19" s="191">
        <v>4</v>
      </c>
      <c r="AW19" s="196">
        <v>6</v>
      </c>
      <c r="AX19" s="193">
        <v>0</v>
      </c>
      <c r="AY19" s="191">
        <v>8</v>
      </c>
      <c r="AZ19" s="191">
        <v>28</v>
      </c>
      <c r="BA19" s="191">
        <v>37</v>
      </c>
      <c r="BB19" s="191">
        <v>22</v>
      </c>
      <c r="BC19" s="191">
        <v>12</v>
      </c>
      <c r="BD19" s="196">
        <v>107</v>
      </c>
      <c r="BE19" s="195">
        <v>113</v>
      </c>
      <c r="BF19" s="190">
        <v>0</v>
      </c>
      <c r="BG19" s="191">
        <v>0</v>
      </c>
      <c r="BH19" s="196">
        <v>0</v>
      </c>
      <c r="BI19" s="193">
        <v>0</v>
      </c>
      <c r="BJ19" s="191">
        <v>34</v>
      </c>
      <c r="BK19" s="191">
        <v>61</v>
      </c>
      <c r="BL19" s="191">
        <v>83</v>
      </c>
      <c r="BM19" s="191">
        <v>47</v>
      </c>
      <c r="BN19" s="191">
        <v>24</v>
      </c>
      <c r="BO19" s="194">
        <v>249</v>
      </c>
      <c r="BP19" s="195">
        <v>249</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27</v>
      </c>
      <c r="CI19" s="191">
        <v>47</v>
      </c>
      <c r="CJ19" s="191">
        <v>29</v>
      </c>
      <c r="CK19" s="196">
        <v>104</v>
      </c>
      <c r="CL19" s="195">
        <v>104</v>
      </c>
      <c r="CM19" s="190">
        <v>0</v>
      </c>
      <c r="CN19" s="191">
        <v>0</v>
      </c>
      <c r="CO19" s="196">
        <v>0</v>
      </c>
      <c r="CP19" s="193">
        <v>0</v>
      </c>
      <c r="CQ19" s="191">
        <v>1</v>
      </c>
      <c r="CR19" s="191">
        <v>3</v>
      </c>
      <c r="CS19" s="191">
        <v>4</v>
      </c>
      <c r="CT19" s="191">
        <v>6</v>
      </c>
      <c r="CU19" s="191">
        <v>8</v>
      </c>
      <c r="CV19" s="196">
        <v>22</v>
      </c>
      <c r="CW19" s="195">
        <v>22</v>
      </c>
    </row>
    <row r="20" spans="2:101" ht="21" customHeight="1" x14ac:dyDescent="0.2">
      <c r="B20" s="106" t="s">
        <v>18</v>
      </c>
      <c r="C20" s="190">
        <v>0</v>
      </c>
      <c r="D20" s="196">
        <v>0</v>
      </c>
      <c r="E20" s="207">
        <v>0</v>
      </c>
      <c r="F20" s="193">
        <v>0</v>
      </c>
      <c r="G20" s="191">
        <v>8</v>
      </c>
      <c r="H20" s="191">
        <v>7</v>
      </c>
      <c r="I20" s="191">
        <v>3</v>
      </c>
      <c r="J20" s="191">
        <v>2</v>
      </c>
      <c r="K20" s="191">
        <v>5</v>
      </c>
      <c r="L20" s="194">
        <v>25</v>
      </c>
      <c r="M20" s="195">
        <v>25</v>
      </c>
      <c r="N20" s="190">
        <v>0</v>
      </c>
      <c r="O20" s="191">
        <v>0</v>
      </c>
      <c r="P20" s="196">
        <v>0</v>
      </c>
      <c r="Q20" s="193">
        <v>0</v>
      </c>
      <c r="R20" s="191">
        <v>0</v>
      </c>
      <c r="S20" s="191">
        <v>0</v>
      </c>
      <c r="T20" s="191">
        <v>0</v>
      </c>
      <c r="U20" s="191">
        <v>0</v>
      </c>
      <c r="V20" s="191">
        <v>1</v>
      </c>
      <c r="W20" s="196">
        <v>1</v>
      </c>
      <c r="X20" s="195">
        <v>1</v>
      </c>
      <c r="Y20" s="190">
        <v>0</v>
      </c>
      <c r="Z20" s="191">
        <v>0</v>
      </c>
      <c r="AA20" s="196">
        <v>0</v>
      </c>
      <c r="AB20" s="193">
        <v>0</v>
      </c>
      <c r="AC20" s="191">
        <v>295</v>
      </c>
      <c r="AD20" s="191">
        <v>201</v>
      </c>
      <c r="AE20" s="191">
        <v>96</v>
      </c>
      <c r="AF20" s="191">
        <v>36</v>
      </c>
      <c r="AG20" s="191">
        <v>15</v>
      </c>
      <c r="AH20" s="196">
        <v>643</v>
      </c>
      <c r="AI20" s="195">
        <v>643</v>
      </c>
      <c r="AJ20" s="190">
        <v>0</v>
      </c>
      <c r="AK20" s="191">
        <v>0</v>
      </c>
      <c r="AL20" s="196">
        <v>0</v>
      </c>
      <c r="AM20" s="193">
        <v>0</v>
      </c>
      <c r="AN20" s="191">
        <v>11</v>
      </c>
      <c r="AO20" s="191">
        <v>10</v>
      </c>
      <c r="AP20" s="191">
        <v>22</v>
      </c>
      <c r="AQ20" s="191">
        <v>16</v>
      </c>
      <c r="AR20" s="191">
        <v>6</v>
      </c>
      <c r="AS20" s="196">
        <v>65</v>
      </c>
      <c r="AT20" s="195">
        <v>65</v>
      </c>
      <c r="AU20" s="190">
        <v>5</v>
      </c>
      <c r="AV20" s="191">
        <v>16</v>
      </c>
      <c r="AW20" s="196">
        <v>21</v>
      </c>
      <c r="AX20" s="193">
        <v>0</v>
      </c>
      <c r="AY20" s="191">
        <v>44</v>
      </c>
      <c r="AZ20" s="191">
        <v>44</v>
      </c>
      <c r="BA20" s="191">
        <v>48</v>
      </c>
      <c r="BB20" s="191">
        <v>18</v>
      </c>
      <c r="BC20" s="191">
        <v>8</v>
      </c>
      <c r="BD20" s="196">
        <v>162</v>
      </c>
      <c r="BE20" s="195">
        <v>183</v>
      </c>
      <c r="BF20" s="190">
        <v>0</v>
      </c>
      <c r="BG20" s="191">
        <v>3</v>
      </c>
      <c r="BH20" s="196">
        <v>3</v>
      </c>
      <c r="BI20" s="193">
        <v>0</v>
      </c>
      <c r="BJ20" s="191">
        <v>50</v>
      </c>
      <c r="BK20" s="191">
        <v>76</v>
      </c>
      <c r="BL20" s="191">
        <v>95</v>
      </c>
      <c r="BM20" s="191">
        <v>57</v>
      </c>
      <c r="BN20" s="191">
        <v>18</v>
      </c>
      <c r="BO20" s="194">
        <v>296</v>
      </c>
      <c r="BP20" s="195">
        <v>299</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2</v>
      </c>
      <c r="CH20" s="191">
        <v>7</v>
      </c>
      <c r="CI20" s="191">
        <v>15</v>
      </c>
      <c r="CJ20" s="191">
        <v>5</v>
      </c>
      <c r="CK20" s="196">
        <v>29</v>
      </c>
      <c r="CL20" s="195">
        <v>29</v>
      </c>
      <c r="CM20" s="190">
        <v>0</v>
      </c>
      <c r="CN20" s="191">
        <v>0</v>
      </c>
      <c r="CO20" s="196">
        <v>0</v>
      </c>
      <c r="CP20" s="193">
        <v>0</v>
      </c>
      <c r="CQ20" s="191">
        <v>6</v>
      </c>
      <c r="CR20" s="191">
        <v>10</v>
      </c>
      <c r="CS20" s="191">
        <v>9</v>
      </c>
      <c r="CT20" s="191">
        <v>26</v>
      </c>
      <c r="CU20" s="191">
        <v>24</v>
      </c>
      <c r="CV20" s="196">
        <v>75</v>
      </c>
      <c r="CW20" s="195">
        <v>75</v>
      </c>
    </row>
    <row r="21" spans="2:101" ht="21" customHeight="1" x14ac:dyDescent="0.2">
      <c r="B21" s="106" t="s">
        <v>19</v>
      </c>
      <c r="C21" s="190">
        <v>0</v>
      </c>
      <c r="D21" s="196">
        <v>0</v>
      </c>
      <c r="E21" s="207">
        <v>0</v>
      </c>
      <c r="F21" s="193">
        <v>0</v>
      </c>
      <c r="G21" s="191">
        <v>11</v>
      </c>
      <c r="H21" s="191">
        <v>18</v>
      </c>
      <c r="I21" s="191">
        <v>6</v>
      </c>
      <c r="J21" s="191">
        <v>6</v>
      </c>
      <c r="K21" s="191">
        <v>3</v>
      </c>
      <c r="L21" s="194">
        <v>44</v>
      </c>
      <c r="M21" s="195">
        <v>44</v>
      </c>
      <c r="N21" s="190">
        <v>0</v>
      </c>
      <c r="O21" s="191">
        <v>0</v>
      </c>
      <c r="P21" s="196">
        <v>0</v>
      </c>
      <c r="Q21" s="193">
        <v>0</v>
      </c>
      <c r="R21" s="191">
        <v>1</v>
      </c>
      <c r="S21" s="191">
        <v>1</v>
      </c>
      <c r="T21" s="191">
        <v>4</v>
      </c>
      <c r="U21" s="191">
        <v>3</v>
      </c>
      <c r="V21" s="191">
        <v>1</v>
      </c>
      <c r="W21" s="196">
        <v>10</v>
      </c>
      <c r="X21" s="195">
        <v>10</v>
      </c>
      <c r="Y21" s="190">
        <v>0</v>
      </c>
      <c r="Z21" s="191">
        <v>0</v>
      </c>
      <c r="AA21" s="196">
        <v>0</v>
      </c>
      <c r="AB21" s="193">
        <v>0</v>
      </c>
      <c r="AC21" s="191">
        <v>141</v>
      </c>
      <c r="AD21" s="191">
        <v>88</v>
      </c>
      <c r="AE21" s="191">
        <v>48</v>
      </c>
      <c r="AF21" s="191">
        <v>17</v>
      </c>
      <c r="AG21" s="191">
        <v>7</v>
      </c>
      <c r="AH21" s="196">
        <v>301</v>
      </c>
      <c r="AI21" s="195">
        <v>301</v>
      </c>
      <c r="AJ21" s="190">
        <v>0</v>
      </c>
      <c r="AK21" s="191">
        <v>0</v>
      </c>
      <c r="AL21" s="196">
        <v>0</v>
      </c>
      <c r="AM21" s="193">
        <v>0</v>
      </c>
      <c r="AN21" s="191">
        <v>16</v>
      </c>
      <c r="AO21" s="191">
        <v>19</v>
      </c>
      <c r="AP21" s="191">
        <v>17</v>
      </c>
      <c r="AQ21" s="191">
        <v>3</v>
      </c>
      <c r="AR21" s="191">
        <v>5</v>
      </c>
      <c r="AS21" s="196">
        <v>60</v>
      </c>
      <c r="AT21" s="195">
        <v>60</v>
      </c>
      <c r="AU21" s="190">
        <v>0</v>
      </c>
      <c r="AV21" s="191">
        <v>1</v>
      </c>
      <c r="AW21" s="196">
        <v>1</v>
      </c>
      <c r="AX21" s="193">
        <v>0</v>
      </c>
      <c r="AY21" s="191">
        <v>23</v>
      </c>
      <c r="AZ21" s="191">
        <v>40</v>
      </c>
      <c r="BA21" s="191">
        <v>25</v>
      </c>
      <c r="BB21" s="191">
        <v>14</v>
      </c>
      <c r="BC21" s="191">
        <v>8</v>
      </c>
      <c r="BD21" s="196">
        <v>110</v>
      </c>
      <c r="BE21" s="195">
        <v>111</v>
      </c>
      <c r="BF21" s="190">
        <v>0</v>
      </c>
      <c r="BG21" s="191">
        <v>0</v>
      </c>
      <c r="BH21" s="196">
        <v>0</v>
      </c>
      <c r="BI21" s="193">
        <v>0</v>
      </c>
      <c r="BJ21" s="191">
        <v>13</v>
      </c>
      <c r="BK21" s="191">
        <v>28</v>
      </c>
      <c r="BL21" s="191">
        <v>27</v>
      </c>
      <c r="BM21" s="191">
        <v>16</v>
      </c>
      <c r="BN21" s="191">
        <v>12</v>
      </c>
      <c r="BO21" s="194">
        <v>96</v>
      </c>
      <c r="BP21" s="195">
        <v>96</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2</v>
      </c>
      <c r="CR21" s="191">
        <v>1</v>
      </c>
      <c r="CS21" s="191">
        <v>1</v>
      </c>
      <c r="CT21" s="191">
        <v>3</v>
      </c>
      <c r="CU21" s="191">
        <v>12</v>
      </c>
      <c r="CV21" s="196">
        <v>19</v>
      </c>
      <c r="CW21" s="195">
        <v>19</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12</v>
      </c>
      <c r="AD22" s="191">
        <v>104</v>
      </c>
      <c r="AE22" s="191">
        <v>50</v>
      </c>
      <c r="AF22" s="191">
        <v>18</v>
      </c>
      <c r="AG22" s="191">
        <v>8</v>
      </c>
      <c r="AH22" s="196">
        <v>392</v>
      </c>
      <c r="AI22" s="195">
        <v>392</v>
      </c>
      <c r="AJ22" s="190">
        <v>0</v>
      </c>
      <c r="AK22" s="191">
        <v>0</v>
      </c>
      <c r="AL22" s="196">
        <v>0</v>
      </c>
      <c r="AM22" s="193">
        <v>0</v>
      </c>
      <c r="AN22" s="191">
        <v>2</v>
      </c>
      <c r="AO22" s="191">
        <v>1</v>
      </c>
      <c r="AP22" s="191">
        <v>8</v>
      </c>
      <c r="AQ22" s="191">
        <v>4</v>
      </c>
      <c r="AR22" s="191">
        <v>2</v>
      </c>
      <c r="AS22" s="196">
        <v>17</v>
      </c>
      <c r="AT22" s="195">
        <v>17</v>
      </c>
      <c r="AU22" s="190">
        <v>0</v>
      </c>
      <c r="AV22" s="191">
        <v>1</v>
      </c>
      <c r="AW22" s="196">
        <v>1</v>
      </c>
      <c r="AX22" s="193">
        <v>0</v>
      </c>
      <c r="AY22" s="191">
        <v>20</v>
      </c>
      <c r="AZ22" s="191">
        <v>9</v>
      </c>
      <c r="BA22" s="191">
        <v>14</v>
      </c>
      <c r="BB22" s="191">
        <v>3</v>
      </c>
      <c r="BC22" s="191">
        <v>3</v>
      </c>
      <c r="BD22" s="196">
        <v>49</v>
      </c>
      <c r="BE22" s="195">
        <v>50</v>
      </c>
      <c r="BF22" s="190">
        <v>0</v>
      </c>
      <c r="BG22" s="191">
        <v>0</v>
      </c>
      <c r="BH22" s="196">
        <v>0</v>
      </c>
      <c r="BI22" s="193">
        <v>0</v>
      </c>
      <c r="BJ22" s="191">
        <v>14</v>
      </c>
      <c r="BK22" s="191">
        <v>31</v>
      </c>
      <c r="BL22" s="191">
        <v>53</v>
      </c>
      <c r="BM22" s="191">
        <v>17</v>
      </c>
      <c r="BN22" s="191">
        <v>19</v>
      </c>
      <c r="BO22" s="194">
        <v>134</v>
      </c>
      <c r="BP22" s="195">
        <v>134</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2</v>
      </c>
      <c r="H23" s="191">
        <v>3</v>
      </c>
      <c r="I23" s="191">
        <v>1</v>
      </c>
      <c r="J23" s="191">
        <v>0</v>
      </c>
      <c r="K23" s="191">
        <v>2</v>
      </c>
      <c r="L23" s="194">
        <v>8</v>
      </c>
      <c r="M23" s="195">
        <v>8</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05</v>
      </c>
      <c r="AD23" s="191">
        <v>173</v>
      </c>
      <c r="AE23" s="191">
        <v>80</v>
      </c>
      <c r="AF23" s="191">
        <v>31</v>
      </c>
      <c r="AG23" s="191">
        <v>14</v>
      </c>
      <c r="AH23" s="196">
        <v>503</v>
      </c>
      <c r="AI23" s="195">
        <v>503</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8</v>
      </c>
      <c r="AZ23" s="191">
        <v>8</v>
      </c>
      <c r="BA23" s="191">
        <v>17</v>
      </c>
      <c r="BB23" s="191">
        <v>6</v>
      </c>
      <c r="BC23" s="191">
        <v>3</v>
      </c>
      <c r="BD23" s="196">
        <v>42</v>
      </c>
      <c r="BE23" s="195">
        <v>42</v>
      </c>
      <c r="BF23" s="190">
        <v>0</v>
      </c>
      <c r="BG23" s="191">
        <v>0</v>
      </c>
      <c r="BH23" s="196">
        <v>0</v>
      </c>
      <c r="BI23" s="193">
        <v>0</v>
      </c>
      <c r="BJ23" s="191">
        <v>15</v>
      </c>
      <c r="BK23" s="191">
        <v>40</v>
      </c>
      <c r="BL23" s="191">
        <v>35</v>
      </c>
      <c r="BM23" s="191">
        <v>18</v>
      </c>
      <c r="BN23" s="191">
        <v>9</v>
      </c>
      <c r="BO23" s="194">
        <v>117</v>
      </c>
      <c r="BP23" s="195">
        <v>117</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2</v>
      </c>
      <c r="CR23" s="191">
        <v>2</v>
      </c>
      <c r="CS23" s="191">
        <v>2</v>
      </c>
      <c r="CT23" s="191">
        <v>3</v>
      </c>
      <c r="CU23" s="191">
        <v>4</v>
      </c>
      <c r="CV23" s="196">
        <v>13</v>
      </c>
      <c r="CW23" s="195">
        <v>13</v>
      </c>
    </row>
    <row r="24" spans="2:101" ht="21" customHeight="1" x14ac:dyDescent="0.2">
      <c r="B24" s="106" t="s">
        <v>22</v>
      </c>
      <c r="C24" s="190">
        <v>0</v>
      </c>
      <c r="D24" s="196">
        <v>0</v>
      </c>
      <c r="E24" s="207">
        <v>0</v>
      </c>
      <c r="F24" s="193">
        <v>0</v>
      </c>
      <c r="G24" s="191">
        <v>0</v>
      </c>
      <c r="H24" s="191">
        <v>6</v>
      </c>
      <c r="I24" s="191">
        <v>6</v>
      </c>
      <c r="J24" s="191">
        <v>4</v>
      </c>
      <c r="K24" s="191">
        <v>0</v>
      </c>
      <c r="L24" s="194">
        <v>16</v>
      </c>
      <c r="M24" s="195">
        <v>16</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0</v>
      </c>
      <c r="AD24" s="191">
        <v>102</v>
      </c>
      <c r="AE24" s="191">
        <v>45</v>
      </c>
      <c r="AF24" s="191">
        <v>28</v>
      </c>
      <c r="AG24" s="191">
        <v>6</v>
      </c>
      <c r="AH24" s="196">
        <v>311</v>
      </c>
      <c r="AI24" s="195">
        <v>311</v>
      </c>
      <c r="AJ24" s="190">
        <v>0</v>
      </c>
      <c r="AK24" s="191">
        <v>0</v>
      </c>
      <c r="AL24" s="196">
        <v>0</v>
      </c>
      <c r="AM24" s="193">
        <v>0</v>
      </c>
      <c r="AN24" s="191">
        <v>2</v>
      </c>
      <c r="AO24" s="191">
        <v>1</v>
      </c>
      <c r="AP24" s="191">
        <v>7</v>
      </c>
      <c r="AQ24" s="191">
        <v>3</v>
      </c>
      <c r="AR24" s="191">
        <v>1</v>
      </c>
      <c r="AS24" s="196">
        <v>14</v>
      </c>
      <c r="AT24" s="195">
        <v>14</v>
      </c>
      <c r="AU24" s="190">
        <v>3</v>
      </c>
      <c r="AV24" s="191">
        <v>5</v>
      </c>
      <c r="AW24" s="196">
        <v>8</v>
      </c>
      <c r="AX24" s="193">
        <v>0</v>
      </c>
      <c r="AY24" s="191">
        <v>20</v>
      </c>
      <c r="AZ24" s="191">
        <v>26</v>
      </c>
      <c r="BA24" s="191">
        <v>11</v>
      </c>
      <c r="BB24" s="191">
        <v>8</v>
      </c>
      <c r="BC24" s="191">
        <v>5</v>
      </c>
      <c r="BD24" s="196">
        <v>70</v>
      </c>
      <c r="BE24" s="195">
        <v>78</v>
      </c>
      <c r="BF24" s="190">
        <v>0</v>
      </c>
      <c r="BG24" s="191">
        <v>0</v>
      </c>
      <c r="BH24" s="196">
        <v>0</v>
      </c>
      <c r="BI24" s="193">
        <v>0</v>
      </c>
      <c r="BJ24" s="191">
        <v>7</v>
      </c>
      <c r="BK24" s="191">
        <v>12</v>
      </c>
      <c r="BL24" s="191">
        <v>14</v>
      </c>
      <c r="BM24" s="191">
        <v>6</v>
      </c>
      <c r="BN24" s="191">
        <v>5</v>
      </c>
      <c r="BO24" s="194">
        <v>44</v>
      </c>
      <c r="BP24" s="195">
        <v>44</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7</v>
      </c>
      <c r="CI24" s="191">
        <v>13</v>
      </c>
      <c r="CJ24" s="191">
        <v>11</v>
      </c>
      <c r="CK24" s="196">
        <v>32</v>
      </c>
      <c r="CL24" s="195">
        <v>32</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76</v>
      </c>
      <c r="AD25" s="191">
        <v>57</v>
      </c>
      <c r="AE25" s="191">
        <v>30</v>
      </c>
      <c r="AF25" s="191">
        <v>19</v>
      </c>
      <c r="AG25" s="191">
        <v>5</v>
      </c>
      <c r="AH25" s="196">
        <v>187</v>
      </c>
      <c r="AI25" s="195">
        <v>187</v>
      </c>
      <c r="AJ25" s="190">
        <v>0</v>
      </c>
      <c r="AK25" s="191">
        <v>0</v>
      </c>
      <c r="AL25" s="196">
        <v>0</v>
      </c>
      <c r="AM25" s="193">
        <v>0</v>
      </c>
      <c r="AN25" s="191">
        <v>0</v>
      </c>
      <c r="AO25" s="191">
        <v>0</v>
      </c>
      <c r="AP25" s="191">
        <v>4</v>
      </c>
      <c r="AQ25" s="191">
        <v>1</v>
      </c>
      <c r="AR25" s="191">
        <v>0</v>
      </c>
      <c r="AS25" s="196">
        <v>5</v>
      </c>
      <c r="AT25" s="195">
        <v>5</v>
      </c>
      <c r="AU25" s="190">
        <v>0</v>
      </c>
      <c r="AV25" s="191">
        <v>0</v>
      </c>
      <c r="AW25" s="196">
        <v>0</v>
      </c>
      <c r="AX25" s="193">
        <v>0</v>
      </c>
      <c r="AY25" s="191">
        <v>5</v>
      </c>
      <c r="AZ25" s="191">
        <v>5</v>
      </c>
      <c r="BA25" s="191">
        <v>5</v>
      </c>
      <c r="BB25" s="191">
        <v>0</v>
      </c>
      <c r="BC25" s="191">
        <v>0</v>
      </c>
      <c r="BD25" s="196">
        <v>15</v>
      </c>
      <c r="BE25" s="195">
        <v>15</v>
      </c>
      <c r="BF25" s="190">
        <v>0</v>
      </c>
      <c r="BG25" s="191">
        <v>0</v>
      </c>
      <c r="BH25" s="196">
        <v>0</v>
      </c>
      <c r="BI25" s="193">
        <v>0</v>
      </c>
      <c r="BJ25" s="191">
        <v>39</v>
      </c>
      <c r="BK25" s="191">
        <v>21</v>
      </c>
      <c r="BL25" s="191">
        <v>23</v>
      </c>
      <c r="BM25" s="191">
        <v>19</v>
      </c>
      <c r="BN25" s="191">
        <v>6</v>
      </c>
      <c r="BO25" s="194">
        <v>108</v>
      </c>
      <c r="BP25" s="195">
        <v>108</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2</v>
      </c>
      <c r="CT25" s="191">
        <v>3</v>
      </c>
      <c r="CU25" s="191">
        <v>1</v>
      </c>
      <c r="CV25" s="196">
        <v>6</v>
      </c>
      <c r="CW25" s="195">
        <v>6</v>
      </c>
    </row>
    <row r="26" spans="2:101" ht="21" customHeight="1" x14ac:dyDescent="0.2">
      <c r="B26" s="106" t="s">
        <v>24</v>
      </c>
      <c r="C26" s="190">
        <v>0</v>
      </c>
      <c r="D26" s="196">
        <v>0</v>
      </c>
      <c r="E26" s="207">
        <v>0</v>
      </c>
      <c r="F26" s="193">
        <v>0</v>
      </c>
      <c r="G26" s="191">
        <v>1</v>
      </c>
      <c r="H26" s="191">
        <v>1</v>
      </c>
      <c r="I26" s="191">
        <v>2</v>
      </c>
      <c r="J26" s="191">
        <v>5</v>
      </c>
      <c r="K26" s="191">
        <v>0</v>
      </c>
      <c r="L26" s="194">
        <v>9</v>
      </c>
      <c r="M26" s="195">
        <v>9</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2</v>
      </c>
      <c r="AD26" s="191">
        <v>19</v>
      </c>
      <c r="AE26" s="191">
        <v>15</v>
      </c>
      <c r="AF26" s="191">
        <v>6</v>
      </c>
      <c r="AG26" s="191">
        <v>1</v>
      </c>
      <c r="AH26" s="196">
        <v>63</v>
      </c>
      <c r="AI26" s="195">
        <v>63</v>
      </c>
      <c r="AJ26" s="190">
        <v>0</v>
      </c>
      <c r="AK26" s="191">
        <v>0</v>
      </c>
      <c r="AL26" s="196">
        <v>0</v>
      </c>
      <c r="AM26" s="193">
        <v>0</v>
      </c>
      <c r="AN26" s="191">
        <v>5</v>
      </c>
      <c r="AO26" s="191">
        <v>5</v>
      </c>
      <c r="AP26" s="191">
        <v>2</v>
      </c>
      <c r="AQ26" s="191">
        <v>4</v>
      </c>
      <c r="AR26" s="191">
        <v>1</v>
      </c>
      <c r="AS26" s="196">
        <v>17</v>
      </c>
      <c r="AT26" s="195">
        <v>17</v>
      </c>
      <c r="AU26" s="190">
        <v>2</v>
      </c>
      <c r="AV26" s="191">
        <v>3</v>
      </c>
      <c r="AW26" s="196">
        <v>5</v>
      </c>
      <c r="AX26" s="193">
        <v>0</v>
      </c>
      <c r="AY26" s="191">
        <v>11</v>
      </c>
      <c r="AZ26" s="191">
        <v>11</v>
      </c>
      <c r="BA26" s="191">
        <v>5</v>
      </c>
      <c r="BB26" s="191">
        <v>5</v>
      </c>
      <c r="BC26" s="191">
        <v>3</v>
      </c>
      <c r="BD26" s="196">
        <v>35</v>
      </c>
      <c r="BE26" s="195">
        <v>40</v>
      </c>
      <c r="BF26" s="190">
        <v>0</v>
      </c>
      <c r="BG26" s="191">
        <v>0</v>
      </c>
      <c r="BH26" s="196">
        <v>0</v>
      </c>
      <c r="BI26" s="193">
        <v>0</v>
      </c>
      <c r="BJ26" s="191">
        <v>1</v>
      </c>
      <c r="BK26" s="191">
        <v>5</v>
      </c>
      <c r="BL26" s="191">
        <v>6</v>
      </c>
      <c r="BM26" s="191">
        <v>4</v>
      </c>
      <c r="BN26" s="191">
        <v>1</v>
      </c>
      <c r="BO26" s="194">
        <v>17</v>
      </c>
      <c r="BP26" s="195">
        <v>17</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7</v>
      </c>
      <c r="AD27" s="191">
        <v>40</v>
      </c>
      <c r="AE27" s="191">
        <v>18</v>
      </c>
      <c r="AF27" s="191">
        <v>6</v>
      </c>
      <c r="AG27" s="191">
        <v>1</v>
      </c>
      <c r="AH27" s="196">
        <v>142</v>
      </c>
      <c r="AI27" s="195">
        <v>142</v>
      </c>
      <c r="AJ27" s="190">
        <v>0</v>
      </c>
      <c r="AK27" s="191">
        <v>0</v>
      </c>
      <c r="AL27" s="196">
        <v>0</v>
      </c>
      <c r="AM27" s="193">
        <v>0</v>
      </c>
      <c r="AN27" s="191">
        <v>0</v>
      </c>
      <c r="AO27" s="191">
        <v>0</v>
      </c>
      <c r="AP27" s="191">
        <v>0</v>
      </c>
      <c r="AQ27" s="191">
        <v>0</v>
      </c>
      <c r="AR27" s="191">
        <v>0</v>
      </c>
      <c r="AS27" s="196">
        <v>0</v>
      </c>
      <c r="AT27" s="195">
        <v>0</v>
      </c>
      <c r="AU27" s="190">
        <v>2</v>
      </c>
      <c r="AV27" s="191">
        <v>1</v>
      </c>
      <c r="AW27" s="196">
        <v>3</v>
      </c>
      <c r="AX27" s="193">
        <v>0</v>
      </c>
      <c r="AY27" s="191">
        <v>5</v>
      </c>
      <c r="AZ27" s="191">
        <v>3</v>
      </c>
      <c r="BA27" s="191">
        <v>4</v>
      </c>
      <c r="BB27" s="191">
        <v>3</v>
      </c>
      <c r="BC27" s="191">
        <v>1</v>
      </c>
      <c r="BD27" s="196">
        <v>16</v>
      </c>
      <c r="BE27" s="195">
        <v>19</v>
      </c>
      <c r="BF27" s="190">
        <v>0</v>
      </c>
      <c r="BG27" s="191">
        <v>0</v>
      </c>
      <c r="BH27" s="196">
        <v>0</v>
      </c>
      <c r="BI27" s="193">
        <v>0</v>
      </c>
      <c r="BJ27" s="191">
        <v>12</v>
      </c>
      <c r="BK27" s="191">
        <v>4</v>
      </c>
      <c r="BL27" s="191">
        <v>11</v>
      </c>
      <c r="BM27" s="191">
        <v>6</v>
      </c>
      <c r="BN27" s="191">
        <v>2</v>
      </c>
      <c r="BO27" s="194">
        <v>35</v>
      </c>
      <c r="BP27" s="195">
        <v>35</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47</v>
      </c>
      <c r="AD28" s="191">
        <v>42</v>
      </c>
      <c r="AE28" s="191">
        <v>23</v>
      </c>
      <c r="AF28" s="191">
        <v>9</v>
      </c>
      <c r="AG28" s="191">
        <v>5</v>
      </c>
      <c r="AH28" s="196">
        <v>126</v>
      </c>
      <c r="AI28" s="195">
        <v>12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3</v>
      </c>
      <c r="AZ28" s="191">
        <v>6</v>
      </c>
      <c r="BA28" s="191">
        <v>5</v>
      </c>
      <c r="BB28" s="191">
        <v>3</v>
      </c>
      <c r="BC28" s="191">
        <v>1</v>
      </c>
      <c r="BD28" s="196">
        <v>18</v>
      </c>
      <c r="BE28" s="195">
        <v>18</v>
      </c>
      <c r="BF28" s="190">
        <v>0</v>
      </c>
      <c r="BG28" s="191">
        <v>0</v>
      </c>
      <c r="BH28" s="196">
        <v>0</v>
      </c>
      <c r="BI28" s="193">
        <v>0</v>
      </c>
      <c r="BJ28" s="191">
        <v>6</v>
      </c>
      <c r="BK28" s="191">
        <v>14</v>
      </c>
      <c r="BL28" s="191">
        <v>27</v>
      </c>
      <c r="BM28" s="191">
        <v>7</v>
      </c>
      <c r="BN28" s="191">
        <v>3</v>
      </c>
      <c r="BO28" s="194">
        <v>57</v>
      </c>
      <c r="BP28" s="195">
        <v>57</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7</v>
      </c>
      <c r="AD29" s="191">
        <v>17</v>
      </c>
      <c r="AE29" s="191">
        <v>7</v>
      </c>
      <c r="AF29" s="191">
        <v>2</v>
      </c>
      <c r="AG29" s="191">
        <v>0</v>
      </c>
      <c r="AH29" s="196">
        <v>63</v>
      </c>
      <c r="AI29" s="195">
        <v>63</v>
      </c>
      <c r="AJ29" s="190">
        <v>0</v>
      </c>
      <c r="AK29" s="191">
        <v>0</v>
      </c>
      <c r="AL29" s="196">
        <v>0</v>
      </c>
      <c r="AM29" s="193">
        <v>0</v>
      </c>
      <c r="AN29" s="191">
        <v>2</v>
      </c>
      <c r="AO29" s="191">
        <v>1</v>
      </c>
      <c r="AP29" s="191">
        <v>2</v>
      </c>
      <c r="AQ29" s="191">
        <v>1</v>
      </c>
      <c r="AR29" s="191">
        <v>0</v>
      </c>
      <c r="AS29" s="196">
        <v>6</v>
      </c>
      <c r="AT29" s="195">
        <v>6</v>
      </c>
      <c r="AU29" s="190">
        <v>0</v>
      </c>
      <c r="AV29" s="191">
        <v>1</v>
      </c>
      <c r="AW29" s="196">
        <v>1</v>
      </c>
      <c r="AX29" s="193">
        <v>0</v>
      </c>
      <c r="AY29" s="191">
        <v>12</v>
      </c>
      <c r="AZ29" s="191">
        <v>2</v>
      </c>
      <c r="BA29" s="191">
        <v>3</v>
      </c>
      <c r="BB29" s="191">
        <v>0</v>
      </c>
      <c r="BC29" s="191">
        <v>0</v>
      </c>
      <c r="BD29" s="196">
        <v>17</v>
      </c>
      <c r="BE29" s="195">
        <v>18</v>
      </c>
      <c r="BF29" s="190">
        <v>0</v>
      </c>
      <c r="BG29" s="191">
        <v>0</v>
      </c>
      <c r="BH29" s="196">
        <v>0</v>
      </c>
      <c r="BI29" s="193">
        <v>0</v>
      </c>
      <c r="BJ29" s="191">
        <v>6</v>
      </c>
      <c r="BK29" s="191">
        <v>6</v>
      </c>
      <c r="BL29" s="191">
        <v>11</v>
      </c>
      <c r="BM29" s="191">
        <v>5</v>
      </c>
      <c r="BN29" s="191">
        <v>6</v>
      </c>
      <c r="BO29" s="194">
        <v>34</v>
      </c>
      <c r="BP29" s="195">
        <v>34</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6</v>
      </c>
      <c r="CI29" s="191">
        <v>9</v>
      </c>
      <c r="CJ29" s="191">
        <v>4</v>
      </c>
      <c r="CK29" s="196">
        <v>19</v>
      </c>
      <c r="CL29" s="195">
        <v>19</v>
      </c>
      <c r="CM29" s="190">
        <v>0</v>
      </c>
      <c r="CN29" s="191">
        <v>0</v>
      </c>
      <c r="CO29" s="196">
        <v>0</v>
      </c>
      <c r="CP29" s="193">
        <v>0</v>
      </c>
      <c r="CQ29" s="191">
        <v>1</v>
      </c>
      <c r="CR29" s="191">
        <v>2</v>
      </c>
      <c r="CS29" s="191">
        <v>2</v>
      </c>
      <c r="CT29" s="191">
        <v>1</v>
      </c>
      <c r="CU29" s="191">
        <v>0</v>
      </c>
      <c r="CV29" s="196">
        <v>6</v>
      </c>
      <c r="CW29" s="195">
        <v>6</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30</v>
      </c>
      <c r="AD30" s="191">
        <v>13</v>
      </c>
      <c r="AE30" s="191">
        <v>4</v>
      </c>
      <c r="AF30" s="191">
        <v>1</v>
      </c>
      <c r="AG30" s="191">
        <v>1</v>
      </c>
      <c r="AH30" s="196">
        <v>49</v>
      </c>
      <c r="AI30" s="195">
        <v>49</v>
      </c>
      <c r="AJ30" s="190">
        <v>0</v>
      </c>
      <c r="AK30" s="191">
        <v>0</v>
      </c>
      <c r="AL30" s="196">
        <v>0</v>
      </c>
      <c r="AM30" s="193">
        <v>0</v>
      </c>
      <c r="AN30" s="191">
        <v>4</v>
      </c>
      <c r="AO30" s="191">
        <v>2</v>
      </c>
      <c r="AP30" s="191">
        <v>1</v>
      </c>
      <c r="AQ30" s="191">
        <v>1</v>
      </c>
      <c r="AR30" s="191">
        <v>0</v>
      </c>
      <c r="AS30" s="196">
        <v>8</v>
      </c>
      <c r="AT30" s="195">
        <v>8</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1</v>
      </c>
      <c r="BK30" s="191">
        <v>5</v>
      </c>
      <c r="BL30" s="191">
        <v>3</v>
      </c>
      <c r="BM30" s="191">
        <v>3</v>
      </c>
      <c r="BN30" s="191">
        <v>5</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2</v>
      </c>
      <c r="AD31" s="191">
        <v>19</v>
      </c>
      <c r="AE31" s="191">
        <v>8</v>
      </c>
      <c r="AF31" s="191">
        <v>3</v>
      </c>
      <c r="AG31" s="191">
        <v>0</v>
      </c>
      <c r="AH31" s="196">
        <v>42</v>
      </c>
      <c r="AI31" s="195">
        <v>42</v>
      </c>
      <c r="AJ31" s="190">
        <v>0</v>
      </c>
      <c r="AK31" s="191">
        <v>0</v>
      </c>
      <c r="AL31" s="196">
        <v>0</v>
      </c>
      <c r="AM31" s="193">
        <v>0</v>
      </c>
      <c r="AN31" s="191">
        <v>2</v>
      </c>
      <c r="AO31" s="191">
        <v>1</v>
      </c>
      <c r="AP31" s="191">
        <v>1</v>
      </c>
      <c r="AQ31" s="191">
        <v>0</v>
      </c>
      <c r="AR31" s="191">
        <v>0</v>
      </c>
      <c r="AS31" s="196">
        <v>4</v>
      </c>
      <c r="AT31" s="195">
        <v>4</v>
      </c>
      <c r="AU31" s="190">
        <v>0</v>
      </c>
      <c r="AV31" s="191">
        <v>0</v>
      </c>
      <c r="AW31" s="196">
        <v>0</v>
      </c>
      <c r="AX31" s="193">
        <v>0</v>
      </c>
      <c r="AY31" s="191">
        <v>6</v>
      </c>
      <c r="AZ31" s="191">
        <v>5</v>
      </c>
      <c r="BA31" s="191">
        <v>4</v>
      </c>
      <c r="BB31" s="191">
        <v>6</v>
      </c>
      <c r="BC31" s="191">
        <v>1</v>
      </c>
      <c r="BD31" s="196">
        <v>22</v>
      </c>
      <c r="BE31" s="195">
        <v>22</v>
      </c>
      <c r="BF31" s="190">
        <v>0</v>
      </c>
      <c r="BG31" s="191">
        <v>0</v>
      </c>
      <c r="BH31" s="196">
        <v>0</v>
      </c>
      <c r="BI31" s="193">
        <v>0</v>
      </c>
      <c r="BJ31" s="191">
        <v>8</v>
      </c>
      <c r="BK31" s="191">
        <v>10</v>
      </c>
      <c r="BL31" s="191">
        <v>9</v>
      </c>
      <c r="BM31" s="191">
        <v>3</v>
      </c>
      <c r="BN31" s="191">
        <v>1</v>
      </c>
      <c r="BO31" s="194">
        <v>31</v>
      </c>
      <c r="BP31" s="195">
        <v>31</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2</v>
      </c>
      <c r="CI31" s="191">
        <v>8</v>
      </c>
      <c r="CJ31" s="191">
        <v>6</v>
      </c>
      <c r="CK31" s="196">
        <v>26</v>
      </c>
      <c r="CL31" s="195">
        <v>26</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0</v>
      </c>
      <c r="L32" s="194">
        <v>3</v>
      </c>
      <c r="M32" s="195">
        <v>3</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4</v>
      </c>
      <c r="AD32" s="191">
        <v>11</v>
      </c>
      <c r="AE32" s="191">
        <v>8</v>
      </c>
      <c r="AF32" s="191">
        <v>4</v>
      </c>
      <c r="AG32" s="191">
        <v>2</v>
      </c>
      <c r="AH32" s="196">
        <v>49</v>
      </c>
      <c r="AI32" s="195">
        <v>49</v>
      </c>
      <c r="AJ32" s="190">
        <v>0</v>
      </c>
      <c r="AK32" s="191">
        <v>0</v>
      </c>
      <c r="AL32" s="196">
        <v>0</v>
      </c>
      <c r="AM32" s="193">
        <v>0</v>
      </c>
      <c r="AN32" s="191">
        <v>1</v>
      </c>
      <c r="AO32" s="191">
        <v>3</v>
      </c>
      <c r="AP32" s="191">
        <v>0</v>
      </c>
      <c r="AQ32" s="191">
        <v>0</v>
      </c>
      <c r="AR32" s="191">
        <v>0</v>
      </c>
      <c r="AS32" s="196">
        <v>4</v>
      </c>
      <c r="AT32" s="195">
        <v>4</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5</v>
      </c>
      <c r="BK32" s="191">
        <v>3</v>
      </c>
      <c r="BL32" s="191">
        <v>2</v>
      </c>
      <c r="BM32" s="191">
        <v>7</v>
      </c>
      <c r="BN32" s="191">
        <v>2</v>
      </c>
      <c r="BO32" s="194">
        <v>19</v>
      </c>
      <c r="BP32" s="195">
        <v>19</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0</v>
      </c>
      <c r="J33" s="191">
        <v>0</v>
      </c>
      <c r="K33" s="191">
        <v>0</v>
      </c>
      <c r="L33" s="194">
        <v>1</v>
      </c>
      <c r="M33" s="195">
        <v>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8</v>
      </c>
      <c r="AD33" s="191">
        <v>19</v>
      </c>
      <c r="AE33" s="191">
        <v>6</v>
      </c>
      <c r="AF33" s="191">
        <v>1</v>
      </c>
      <c r="AG33" s="191">
        <v>0</v>
      </c>
      <c r="AH33" s="196">
        <v>54</v>
      </c>
      <c r="AI33" s="195">
        <v>54</v>
      </c>
      <c r="AJ33" s="190">
        <v>0</v>
      </c>
      <c r="AK33" s="191">
        <v>0</v>
      </c>
      <c r="AL33" s="196">
        <v>0</v>
      </c>
      <c r="AM33" s="193">
        <v>0</v>
      </c>
      <c r="AN33" s="191">
        <v>0</v>
      </c>
      <c r="AO33" s="191">
        <v>1</v>
      </c>
      <c r="AP33" s="191">
        <v>1</v>
      </c>
      <c r="AQ33" s="191">
        <v>1</v>
      </c>
      <c r="AR33" s="191">
        <v>0</v>
      </c>
      <c r="AS33" s="196">
        <v>3</v>
      </c>
      <c r="AT33" s="195">
        <v>3</v>
      </c>
      <c r="AU33" s="190">
        <v>0</v>
      </c>
      <c r="AV33" s="191">
        <v>1</v>
      </c>
      <c r="AW33" s="196">
        <v>1</v>
      </c>
      <c r="AX33" s="193">
        <v>0</v>
      </c>
      <c r="AY33" s="191">
        <v>11</v>
      </c>
      <c r="AZ33" s="191">
        <v>4</v>
      </c>
      <c r="BA33" s="191">
        <v>8</v>
      </c>
      <c r="BB33" s="191">
        <v>1</v>
      </c>
      <c r="BC33" s="191">
        <v>0</v>
      </c>
      <c r="BD33" s="196">
        <v>24</v>
      </c>
      <c r="BE33" s="195">
        <v>25</v>
      </c>
      <c r="BF33" s="190">
        <v>0</v>
      </c>
      <c r="BG33" s="191">
        <v>0</v>
      </c>
      <c r="BH33" s="196">
        <v>0</v>
      </c>
      <c r="BI33" s="193">
        <v>0</v>
      </c>
      <c r="BJ33" s="191">
        <v>9</v>
      </c>
      <c r="BK33" s="191">
        <v>11</v>
      </c>
      <c r="BL33" s="191">
        <v>10</v>
      </c>
      <c r="BM33" s="191">
        <v>10</v>
      </c>
      <c r="BN33" s="191">
        <v>6</v>
      </c>
      <c r="BO33" s="194">
        <v>46</v>
      </c>
      <c r="BP33" s="195">
        <v>46</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3</v>
      </c>
      <c r="I34" s="191">
        <v>1</v>
      </c>
      <c r="J34" s="191">
        <v>1</v>
      </c>
      <c r="K34" s="191">
        <v>0</v>
      </c>
      <c r="L34" s="194">
        <v>6</v>
      </c>
      <c r="M34" s="195">
        <v>6</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5</v>
      </c>
      <c r="AD34" s="191">
        <v>30</v>
      </c>
      <c r="AE34" s="191">
        <v>5</v>
      </c>
      <c r="AF34" s="191">
        <v>3</v>
      </c>
      <c r="AG34" s="191">
        <v>2</v>
      </c>
      <c r="AH34" s="196">
        <v>85</v>
      </c>
      <c r="AI34" s="195">
        <v>85</v>
      </c>
      <c r="AJ34" s="190">
        <v>0</v>
      </c>
      <c r="AK34" s="191">
        <v>0</v>
      </c>
      <c r="AL34" s="196">
        <v>0</v>
      </c>
      <c r="AM34" s="193">
        <v>0</v>
      </c>
      <c r="AN34" s="191">
        <v>5</v>
      </c>
      <c r="AO34" s="191">
        <v>1</v>
      </c>
      <c r="AP34" s="191">
        <v>1</v>
      </c>
      <c r="AQ34" s="191">
        <v>0</v>
      </c>
      <c r="AR34" s="191">
        <v>1</v>
      </c>
      <c r="AS34" s="196">
        <v>8</v>
      </c>
      <c r="AT34" s="195">
        <v>8</v>
      </c>
      <c r="AU34" s="190">
        <v>0</v>
      </c>
      <c r="AV34" s="191">
        <v>3</v>
      </c>
      <c r="AW34" s="196">
        <v>3</v>
      </c>
      <c r="AX34" s="193">
        <v>0</v>
      </c>
      <c r="AY34" s="191">
        <v>8</v>
      </c>
      <c r="AZ34" s="191">
        <v>2</v>
      </c>
      <c r="BA34" s="191">
        <v>3</v>
      </c>
      <c r="BB34" s="191">
        <v>3</v>
      </c>
      <c r="BC34" s="191">
        <v>0</v>
      </c>
      <c r="BD34" s="196">
        <v>16</v>
      </c>
      <c r="BE34" s="195">
        <v>19</v>
      </c>
      <c r="BF34" s="190">
        <v>0</v>
      </c>
      <c r="BG34" s="191">
        <v>0</v>
      </c>
      <c r="BH34" s="196">
        <v>0</v>
      </c>
      <c r="BI34" s="193">
        <v>0</v>
      </c>
      <c r="BJ34" s="191">
        <v>3</v>
      </c>
      <c r="BK34" s="191">
        <v>4</v>
      </c>
      <c r="BL34" s="191">
        <v>7</v>
      </c>
      <c r="BM34" s="191">
        <v>9</v>
      </c>
      <c r="BN34" s="191">
        <v>4</v>
      </c>
      <c r="BO34" s="194">
        <v>27</v>
      </c>
      <c r="BP34" s="195">
        <v>27</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1</v>
      </c>
      <c r="CI34" s="191">
        <v>8</v>
      </c>
      <c r="CJ34" s="191">
        <v>5</v>
      </c>
      <c r="CK34" s="196">
        <v>25</v>
      </c>
      <c r="CL34" s="195">
        <v>25</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7</v>
      </c>
      <c r="AD35" s="191">
        <v>13</v>
      </c>
      <c r="AE35" s="191">
        <v>5</v>
      </c>
      <c r="AF35" s="191">
        <v>4</v>
      </c>
      <c r="AG35" s="191">
        <v>2</v>
      </c>
      <c r="AH35" s="196">
        <v>51</v>
      </c>
      <c r="AI35" s="195">
        <v>5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2</v>
      </c>
      <c r="BK35" s="191">
        <v>3</v>
      </c>
      <c r="BL35" s="191">
        <v>8</v>
      </c>
      <c r="BM35" s="191">
        <v>2</v>
      </c>
      <c r="BN35" s="191">
        <v>2</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1</v>
      </c>
      <c r="AD36" s="191">
        <v>4</v>
      </c>
      <c r="AE36" s="191">
        <v>2</v>
      </c>
      <c r="AF36" s="191">
        <v>2</v>
      </c>
      <c r="AG36" s="191">
        <v>0</v>
      </c>
      <c r="AH36" s="196">
        <v>19</v>
      </c>
      <c r="AI36" s="195">
        <v>19</v>
      </c>
      <c r="AJ36" s="190">
        <v>0</v>
      </c>
      <c r="AK36" s="191">
        <v>0</v>
      </c>
      <c r="AL36" s="196">
        <v>0</v>
      </c>
      <c r="AM36" s="193">
        <v>0</v>
      </c>
      <c r="AN36" s="191">
        <v>0</v>
      </c>
      <c r="AO36" s="191">
        <v>0</v>
      </c>
      <c r="AP36" s="191">
        <v>0</v>
      </c>
      <c r="AQ36" s="191">
        <v>0</v>
      </c>
      <c r="AR36" s="191">
        <v>1</v>
      </c>
      <c r="AS36" s="196">
        <v>1</v>
      </c>
      <c r="AT36" s="195">
        <v>1</v>
      </c>
      <c r="AU36" s="190">
        <v>2</v>
      </c>
      <c r="AV36" s="191">
        <v>2</v>
      </c>
      <c r="AW36" s="196">
        <v>4</v>
      </c>
      <c r="AX36" s="193">
        <v>0</v>
      </c>
      <c r="AY36" s="191">
        <v>8</v>
      </c>
      <c r="AZ36" s="191">
        <v>7</v>
      </c>
      <c r="BA36" s="191">
        <v>5</v>
      </c>
      <c r="BB36" s="191">
        <v>2</v>
      </c>
      <c r="BC36" s="191">
        <v>0</v>
      </c>
      <c r="BD36" s="196">
        <v>22</v>
      </c>
      <c r="BE36" s="195">
        <v>26</v>
      </c>
      <c r="BF36" s="190">
        <v>0</v>
      </c>
      <c r="BG36" s="191">
        <v>0</v>
      </c>
      <c r="BH36" s="196">
        <v>0</v>
      </c>
      <c r="BI36" s="193">
        <v>0</v>
      </c>
      <c r="BJ36" s="191">
        <v>7</v>
      </c>
      <c r="BK36" s="191">
        <v>4</v>
      </c>
      <c r="BL36" s="191">
        <v>0</v>
      </c>
      <c r="BM36" s="191">
        <v>2</v>
      </c>
      <c r="BN36" s="191">
        <v>0</v>
      </c>
      <c r="BO36" s="194">
        <v>13</v>
      </c>
      <c r="BP36" s="195">
        <v>1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1</v>
      </c>
      <c r="CR36" s="191">
        <v>9</v>
      </c>
      <c r="CS36" s="191">
        <v>5</v>
      </c>
      <c r="CT36" s="191">
        <v>2</v>
      </c>
      <c r="CU36" s="191">
        <v>2</v>
      </c>
      <c r="CV36" s="196">
        <v>29</v>
      </c>
      <c r="CW36" s="195">
        <v>29</v>
      </c>
    </row>
    <row r="37" spans="2:101" ht="21" customHeight="1" x14ac:dyDescent="0.2">
      <c r="B37" s="106" t="s">
        <v>35</v>
      </c>
      <c r="C37" s="190">
        <v>0</v>
      </c>
      <c r="D37" s="196">
        <v>0</v>
      </c>
      <c r="E37" s="207">
        <v>0</v>
      </c>
      <c r="F37" s="193">
        <v>0</v>
      </c>
      <c r="G37" s="191">
        <v>1</v>
      </c>
      <c r="H37" s="191">
        <v>1</v>
      </c>
      <c r="I37" s="191">
        <v>2</v>
      </c>
      <c r="J37" s="191">
        <v>1</v>
      </c>
      <c r="K37" s="191">
        <v>0</v>
      </c>
      <c r="L37" s="194">
        <v>5</v>
      </c>
      <c r="M37" s="195">
        <v>5</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20</v>
      </c>
      <c r="AD37" s="191">
        <v>7</v>
      </c>
      <c r="AE37" s="191">
        <v>11</v>
      </c>
      <c r="AF37" s="191">
        <v>7</v>
      </c>
      <c r="AG37" s="191">
        <v>1</v>
      </c>
      <c r="AH37" s="196">
        <v>46</v>
      </c>
      <c r="AI37" s="195">
        <v>46</v>
      </c>
      <c r="AJ37" s="190">
        <v>0</v>
      </c>
      <c r="AK37" s="191">
        <v>0</v>
      </c>
      <c r="AL37" s="196">
        <v>0</v>
      </c>
      <c r="AM37" s="193">
        <v>0</v>
      </c>
      <c r="AN37" s="191">
        <v>0</v>
      </c>
      <c r="AO37" s="191">
        <v>0</v>
      </c>
      <c r="AP37" s="191">
        <v>0</v>
      </c>
      <c r="AQ37" s="191">
        <v>0</v>
      </c>
      <c r="AR37" s="191">
        <v>0</v>
      </c>
      <c r="AS37" s="196">
        <v>0</v>
      </c>
      <c r="AT37" s="195">
        <v>0</v>
      </c>
      <c r="AU37" s="190">
        <v>2</v>
      </c>
      <c r="AV37" s="191">
        <v>3</v>
      </c>
      <c r="AW37" s="196">
        <v>5</v>
      </c>
      <c r="AX37" s="193">
        <v>0</v>
      </c>
      <c r="AY37" s="191">
        <v>8</v>
      </c>
      <c r="AZ37" s="191">
        <v>8</v>
      </c>
      <c r="BA37" s="191">
        <v>10</v>
      </c>
      <c r="BB37" s="191">
        <v>4</v>
      </c>
      <c r="BC37" s="191">
        <v>4</v>
      </c>
      <c r="BD37" s="196">
        <v>34</v>
      </c>
      <c r="BE37" s="195">
        <v>39</v>
      </c>
      <c r="BF37" s="190">
        <v>0</v>
      </c>
      <c r="BG37" s="191">
        <v>0</v>
      </c>
      <c r="BH37" s="196">
        <v>0</v>
      </c>
      <c r="BI37" s="193">
        <v>0</v>
      </c>
      <c r="BJ37" s="191">
        <v>12</v>
      </c>
      <c r="BK37" s="191">
        <v>12</v>
      </c>
      <c r="BL37" s="191">
        <v>15</v>
      </c>
      <c r="BM37" s="191">
        <v>14</v>
      </c>
      <c r="BN37" s="191">
        <v>5</v>
      </c>
      <c r="BO37" s="194">
        <v>58</v>
      </c>
      <c r="BP37" s="195">
        <v>58</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4</v>
      </c>
      <c r="AD38" s="191">
        <v>52</v>
      </c>
      <c r="AE38" s="191">
        <v>35</v>
      </c>
      <c r="AF38" s="191">
        <v>12</v>
      </c>
      <c r="AG38" s="191">
        <v>18</v>
      </c>
      <c r="AH38" s="196">
        <v>191</v>
      </c>
      <c r="AI38" s="195">
        <v>191</v>
      </c>
      <c r="AJ38" s="190">
        <v>0</v>
      </c>
      <c r="AK38" s="191">
        <v>0</v>
      </c>
      <c r="AL38" s="196">
        <v>0</v>
      </c>
      <c r="AM38" s="193">
        <v>0</v>
      </c>
      <c r="AN38" s="191">
        <v>0</v>
      </c>
      <c r="AO38" s="191">
        <v>0</v>
      </c>
      <c r="AP38" s="191">
        <v>0</v>
      </c>
      <c r="AQ38" s="191">
        <v>0</v>
      </c>
      <c r="AR38" s="191">
        <v>0</v>
      </c>
      <c r="AS38" s="196">
        <v>0</v>
      </c>
      <c r="AT38" s="195">
        <v>0</v>
      </c>
      <c r="AU38" s="190">
        <v>0</v>
      </c>
      <c r="AV38" s="191">
        <v>1</v>
      </c>
      <c r="AW38" s="196">
        <v>1</v>
      </c>
      <c r="AX38" s="193">
        <v>0</v>
      </c>
      <c r="AY38" s="191">
        <v>13</v>
      </c>
      <c r="AZ38" s="191">
        <v>11</v>
      </c>
      <c r="BA38" s="191">
        <v>8</v>
      </c>
      <c r="BB38" s="191">
        <v>2</v>
      </c>
      <c r="BC38" s="191">
        <v>2</v>
      </c>
      <c r="BD38" s="196">
        <v>36</v>
      </c>
      <c r="BE38" s="195">
        <v>37</v>
      </c>
      <c r="BF38" s="190">
        <v>0</v>
      </c>
      <c r="BG38" s="191">
        <v>0</v>
      </c>
      <c r="BH38" s="196">
        <v>0</v>
      </c>
      <c r="BI38" s="193">
        <v>0</v>
      </c>
      <c r="BJ38" s="191">
        <v>5</v>
      </c>
      <c r="BK38" s="191">
        <v>19</v>
      </c>
      <c r="BL38" s="191">
        <v>13</v>
      </c>
      <c r="BM38" s="191">
        <v>8</v>
      </c>
      <c r="BN38" s="191">
        <v>6</v>
      </c>
      <c r="BO38" s="194">
        <v>51</v>
      </c>
      <c r="BP38" s="195">
        <v>5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3</v>
      </c>
      <c r="AD39" s="198">
        <v>6</v>
      </c>
      <c r="AE39" s="198">
        <v>6</v>
      </c>
      <c r="AF39" s="198">
        <v>1</v>
      </c>
      <c r="AG39" s="198">
        <v>2</v>
      </c>
      <c r="AH39" s="203">
        <v>28</v>
      </c>
      <c r="AI39" s="202">
        <v>28</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3</v>
      </c>
      <c r="BM39" s="198">
        <v>5</v>
      </c>
      <c r="BN39" s="198">
        <v>2</v>
      </c>
      <c r="BO39" s="201">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7</v>
      </c>
      <c r="L1" s="445">
        <f>IF(K1&lt;3,K1+12-2,K1-2)</f>
        <v>5</v>
      </c>
      <c r="M1" s="445"/>
    </row>
    <row r="2" spans="2:101" s="71" customFormat="1" ht="24" customHeight="1" thickBot="1" x14ac:dyDescent="0.25">
      <c r="B2" s="142" t="s">
        <v>128</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8</v>
      </c>
      <c r="H6" s="184">
        <v>21</v>
      </c>
      <c r="I6" s="184">
        <v>24</v>
      </c>
      <c r="J6" s="184">
        <v>30</v>
      </c>
      <c r="K6" s="184">
        <v>16</v>
      </c>
      <c r="L6" s="187">
        <v>109</v>
      </c>
      <c r="M6" s="188">
        <v>109</v>
      </c>
      <c r="N6" s="183">
        <v>0</v>
      </c>
      <c r="O6" s="184">
        <v>0</v>
      </c>
      <c r="P6" s="189">
        <v>0</v>
      </c>
      <c r="Q6" s="186">
        <v>0</v>
      </c>
      <c r="R6" s="184">
        <v>8</v>
      </c>
      <c r="S6" s="184">
        <v>30</v>
      </c>
      <c r="T6" s="184">
        <v>30</v>
      </c>
      <c r="U6" s="184">
        <v>29</v>
      </c>
      <c r="V6" s="184">
        <v>29</v>
      </c>
      <c r="W6" s="189">
        <v>126</v>
      </c>
      <c r="X6" s="188">
        <v>126</v>
      </c>
      <c r="Y6" s="183">
        <v>0</v>
      </c>
      <c r="Z6" s="184">
        <v>0</v>
      </c>
      <c r="AA6" s="189">
        <v>0</v>
      </c>
      <c r="AB6" s="186">
        <v>0</v>
      </c>
      <c r="AC6" s="184">
        <v>937</v>
      </c>
      <c r="AD6" s="184">
        <v>907</v>
      </c>
      <c r="AE6" s="184">
        <v>348</v>
      </c>
      <c r="AF6" s="184">
        <v>149</v>
      </c>
      <c r="AG6" s="184">
        <v>67</v>
      </c>
      <c r="AH6" s="189">
        <v>2408</v>
      </c>
      <c r="AI6" s="188">
        <v>2408</v>
      </c>
      <c r="AJ6" s="183">
        <v>1</v>
      </c>
      <c r="AK6" s="184">
        <v>1</v>
      </c>
      <c r="AL6" s="189">
        <v>2</v>
      </c>
      <c r="AM6" s="186">
        <v>0</v>
      </c>
      <c r="AN6" s="184">
        <v>60</v>
      </c>
      <c r="AO6" s="184">
        <v>69</v>
      </c>
      <c r="AP6" s="184">
        <v>83</v>
      </c>
      <c r="AQ6" s="184">
        <v>35</v>
      </c>
      <c r="AR6" s="184">
        <v>15</v>
      </c>
      <c r="AS6" s="189">
        <v>262</v>
      </c>
      <c r="AT6" s="188">
        <v>264</v>
      </c>
      <c r="AU6" s="183">
        <v>10</v>
      </c>
      <c r="AV6" s="184">
        <v>8</v>
      </c>
      <c r="AW6" s="189">
        <v>18</v>
      </c>
      <c r="AX6" s="186">
        <v>0</v>
      </c>
      <c r="AY6" s="184">
        <v>81</v>
      </c>
      <c r="AZ6" s="184">
        <v>76</v>
      </c>
      <c r="BA6" s="184">
        <v>73</v>
      </c>
      <c r="BB6" s="184">
        <v>42</v>
      </c>
      <c r="BC6" s="184">
        <v>20</v>
      </c>
      <c r="BD6" s="189">
        <v>292</v>
      </c>
      <c r="BE6" s="188">
        <v>310</v>
      </c>
      <c r="BF6" s="183">
        <v>0</v>
      </c>
      <c r="BG6" s="184">
        <v>0</v>
      </c>
      <c r="BH6" s="189">
        <v>0</v>
      </c>
      <c r="BI6" s="186">
        <v>0</v>
      </c>
      <c r="BJ6" s="184">
        <v>108</v>
      </c>
      <c r="BK6" s="184">
        <v>135</v>
      </c>
      <c r="BL6" s="184">
        <v>154</v>
      </c>
      <c r="BM6" s="184">
        <v>105</v>
      </c>
      <c r="BN6" s="184">
        <v>50</v>
      </c>
      <c r="BO6" s="187">
        <v>552</v>
      </c>
      <c r="BP6" s="188">
        <v>552</v>
      </c>
      <c r="BQ6" s="183">
        <v>0</v>
      </c>
      <c r="BR6" s="184">
        <v>0</v>
      </c>
      <c r="BS6" s="189">
        <v>0</v>
      </c>
      <c r="BT6" s="186">
        <v>0</v>
      </c>
      <c r="BU6" s="184">
        <v>3</v>
      </c>
      <c r="BV6" s="184">
        <v>6</v>
      </c>
      <c r="BW6" s="184">
        <v>4</v>
      </c>
      <c r="BX6" s="184">
        <v>4</v>
      </c>
      <c r="BY6" s="184">
        <v>3</v>
      </c>
      <c r="BZ6" s="189">
        <v>20</v>
      </c>
      <c r="CA6" s="188">
        <v>20</v>
      </c>
      <c r="CB6" s="183">
        <v>0</v>
      </c>
      <c r="CC6" s="184">
        <v>0</v>
      </c>
      <c r="CD6" s="189">
        <v>0</v>
      </c>
      <c r="CE6" s="186">
        <v>0</v>
      </c>
      <c r="CF6" s="184">
        <v>1</v>
      </c>
      <c r="CG6" s="184">
        <v>2</v>
      </c>
      <c r="CH6" s="184">
        <v>13</v>
      </c>
      <c r="CI6" s="184">
        <v>29</v>
      </c>
      <c r="CJ6" s="184">
        <v>12</v>
      </c>
      <c r="CK6" s="189">
        <v>57</v>
      </c>
      <c r="CL6" s="188">
        <v>57</v>
      </c>
      <c r="CM6" s="183">
        <v>0</v>
      </c>
      <c r="CN6" s="184">
        <v>0</v>
      </c>
      <c r="CO6" s="189">
        <v>0</v>
      </c>
      <c r="CP6" s="186">
        <v>0</v>
      </c>
      <c r="CQ6" s="184">
        <v>18</v>
      </c>
      <c r="CR6" s="184">
        <v>18</v>
      </c>
      <c r="CS6" s="184">
        <v>27</v>
      </c>
      <c r="CT6" s="184">
        <v>26</v>
      </c>
      <c r="CU6" s="184">
        <v>28</v>
      </c>
      <c r="CV6" s="189">
        <v>117</v>
      </c>
      <c r="CW6" s="188">
        <v>117</v>
      </c>
    </row>
    <row r="7" spans="2:101" ht="21" customHeight="1" x14ac:dyDescent="0.2">
      <c r="B7" s="95" t="s">
        <v>5</v>
      </c>
      <c r="C7" s="190">
        <v>0</v>
      </c>
      <c r="D7" s="196">
        <v>0</v>
      </c>
      <c r="E7" s="207">
        <v>0</v>
      </c>
      <c r="F7" s="193">
        <v>0</v>
      </c>
      <c r="G7" s="191">
        <v>8</v>
      </c>
      <c r="H7" s="191">
        <v>10</v>
      </c>
      <c r="I7" s="191">
        <v>12</v>
      </c>
      <c r="J7" s="191">
        <v>20</v>
      </c>
      <c r="K7" s="191">
        <v>10</v>
      </c>
      <c r="L7" s="194">
        <v>60</v>
      </c>
      <c r="M7" s="195">
        <v>60</v>
      </c>
      <c r="N7" s="190">
        <v>0</v>
      </c>
      <c r="O7" s="191">
        <v>0</v>
      </c>
      <c r="P7" s="196">
        <v>0</v>
      </c>
      <c r="Q7" s="193">
        <v>0</v>
      </c>
      <c r="R7" s="191">
        <v>4</v>
      </c>
      <c r="S7" s="191">
        <v>22</v>
      </c>
      <c r="T7" s="191">
        <v>22</v>
      </c>
      <c r="U7" s="191">
        <v>25</v>
      </c>
      <c r="V7" s="191">
        <v>24</v>
      </c>
      <c r="W7" s="196">
        <v>97</v>
      </c>
      <c r="X7" s="195">
        <v>97</v>
      </c>
      <c r="Y7" s="190">
        <v>0</v>
      </c>
      <c r="Z7" s="191">
        <v>0</v>
      </c>
      <c r="AA7" s="196">
        <v>0</v>
      </c>
      <c r="AB7" s="193">
        <v>0</v>
      </c>
      <c r="AC7" s="191">
        <v>372</v>
      </c>
      <c r="AD7" s="191">
        <v>444</v>
      </c>
      <c r="AE7" s="191">
        <v>173</v>
      </c>
      <c r="AF7" s="191">
        <v>73</v>
      </c>
      <c r="AG7" s="191">
        <v>35</v>
      </c>
      <c r="AH7" s="196">
        <v>1097</v>
      </c>
      <c r="AI7" s="195">
        <v>1097</v>
      </c>
      <c r="AJ7" s="190">
        <v>0</v>
      </c>
      <c r="AK7" s="191">
        <v>0</v>
      </c>
      <c r="AL7" s="196">
        <v>0</v>
      </c>
      <c r="AM7" s="193">
        <v>0</v>
      </c>
      <c r="AN7" s="191">
        <v>31</v>
      </c>
      <c r="AO7" s="191">
        <v>40</v>
      </c>
      <c r="AP7" s="191">
        <v>41</v>
      </c>
      <c r="AQ7" s="191">
        <v>17</v>
      </c>
      <c r="AR7" s="191">
        <v>6</v>
      </c>
      <c r="AS7" s="196">
        <v>135</v>
      </c>
      <c r="AT7" s="195">
        <v>135</v>
      </c>
      <c r="AU7" s="190">
        <v>3</v>
      </c>
      <c r="AV7" s="191">
        <v>3</v>
      </c>
      <c r="AW7" s="196">
        <v>6</v>
      </c>
      <c r="AX7" s="193">
        <v>0</v>
      </c>
      <c r="AY7" s="191">
        <v>25</v>
      </c>
      <c r="AZ7" s="191">
        <v>36</v>
      </c>
      <c r="BA7" s="191">
        <v>36</v>
      </c>
      <c r="BB7" s="191">
        <v>18</v>
      </c>
      <c r="BC7" s="191">
        <v>9</v>
      </c>
      <c r="BD7" s="196">
        <v>124</v>
      </c>
      <c r="BE7" s="195">
        <v>130</v>
      </c>
      <c r="BF7" s="190">
        <v>0</v>
      </c>
      <c r="BG7" s="191">
        <v>0</v>
      </c>
      <c r="BH7" s="196">
        <v>0</v>
      </c>
      <c r="BI7" s="193">
        <v>0</v>
      </c>
      <c r="BJ7" s="191">
        <v>38</v>
      </c>
      <c r="BK7" s="191">
        <v>62</v>
      </c>
      <c r="BL7" s="191">
        <v>52</v>
      </c>
      <c r="BM7" s="191">
        <v>33</v>
      </c>
      <c r="BN7" s="191">
        <v>22</v>
      </c>
      <c r="BO7" s="194">
        <v>207</v>
      </c>
      <c r="BP7" s="195">
        <v>207</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2</v>
      </c>
      <c r="CI7" s="191">
        <v>5</v>
      </c>
      <c r="CJ7" s="191">
        <v>2</v>
      </c>
      <c r="CK7" s="196">
        <v>11</v>
      </c>
      <c r="CL7" s="195">
        <v>11</v>
      </c>
      <c r="CM7" s="190">
        <v>0</v>
      </c>
      <c r="CN7" s="191">
        <v>0</v>
      </c>
      <c r="CO7" s="196">
        <v>0</v>
      </c>
      <c r="CP7" s="193">
        <v>0</v>
      </c>
      <c r="CQ7" s="191">
        <v>2</v>
      </c>
      <c r="CR7" s="191">
        <v>5</v>
      </c>
      <c r="CS7" s="191">
        <v>8</v>
      </c>
      <c r="CT7" s="191">
        <v>7</v>
      </c>
      <c r="CU7" s="191">
        <v>13</v>
      </c>
      <c r="CV7" s="196">
        <v>35</v>
      </c>
      <c r="CW7" s="195">
        <v>35</v>
      </c>
    </row>
    <row r="8" spans="2:101" ht="21" customHeight="1" x14ac:dyDescent="0.2">
      <c r="B8" s="106" t="s">
        <v>6</v>
      </c>
      <c r="C8" s="190">
        <v>0</v>
      </c>
      <c r="D8" s="196">
        <v>0</v>
      </c>
      <c r="E8" s="207">
        <v>0</v>
      </c>
      <c r="F8" s="193">
        <v>0</v>
      </c>
      <c r="G8" s="191">
        <v>4</v>
      </c>
      <c r="H8" s="191">
        <v>4</v>
      </c>
      <c r="I8" s="191">
        <v>4</v>
      </c>
      <c r="J8" s="191">
        <v>5</v>
      </c>
      <c r="K8" s="191">
        <v>3</v>
      </c>
      <c r="L8" s="194">
        <v>20</v>
      </c>
      <c r="M8" s="195">
        <v>20</v>
      </c>
      <c r="N8" s="190">
        <v>0</v>
      </c>
      <c r="O8" s="191">
        <v>0</v>
      </c>
      <c r="P8" s="196">
        <v>0</v>
      </c>
      <c r="Q8" s="193">
        <v>0</v>
      </c>
      <c r="R8" s="191">
        <v>3</v>
      </c>
      <c r="S8" s="191">
        <v>6</v>
      </c>
      <c r="T8" s="191">
        <v>7</v>
      </c>
      <c r="U8" s="191">
        <v>4</v>
      </c>
      <c r="V8" s="191">
        <v>5</v>
      </c>
      <c r="W8" s="196">
        <v>25</v>
      </c>
      <c r="X8" s="195">
        <v>25</v>
      </c>
      <c r="Y8" s="190">
        <v>0</v>
      </c>
      <c r="Z8" s="191">
        <v>0</v>
      </c>
      <c r="AA8" s="196">
        <v>0</v>
      </c>
      <c r="AB8" s="193">
        <v>0</v>
      </c>
      <c r="AC8" s="191">
        <v>109</v>
      </c>
      <c r="AD8" s="191">
        <v>89</v>
      </c>
      <c r="AE8" s="191">
        <v>40</v>
      </c>
      <c r="AF8" s="191">
        <v>16</v>
      </c>
      <c r="AG8" s="191">
        <v>10</v>
      </c>
      <c r="AH8" s="196">
        <v>264</v>
      </c>
      <c r="AI8" s="195">
        <v>264</v>
      </c>
      <c r="AJ8" s="190">
        <v>0</v>
      </c>
      <c r="AK8" s="191">
        <v>0</v>
      </c>
      <c r="AL8" s="196">
        <v>0</v>
      </c>
      <c r="AM8" s="193">
        <v>0</v>
      </c>
      <c r="AN8" s="191">
        <v>12</v>
      </c>
      <c r="AO8" s="191">
        <v>14</v>
      </c>
      <c r="AP8" s="191">
        <v>18</v>
      </c>
      <c r="AQ8" s="191">
        <v>8</v>
      </c>
      <c r="AR8" s="191">
        <v>3</v>
      </c>
      <c r="AS8" s="196">
        <v>55</v>
      </c>
      <c r="AT8" s="195">
        <v>55</v>
      </c>
      <c r="AU8" s="190">
        <v>3</v>
      </c>
      <c r="AV8" s="191">
        <v>2</v>
      </c>
      <c r="AW8" s="196">
        <v>5</v>
      </c>
      <c r="AX8" s="193">
        <v>0</v>
      </c>
      <c r="AY8" s="191">
        <v>17</v>
      </c>
      <c r="AZ8" s="191">
        <v>9</v>
      </c>
      <c r="BA8" s="191">
        <v>2</v>
      </c>
      <c r="BB8" s="191">
        <v>9</v>
      </c>
      <c r="BC8" s="191">
        <v>3</v>
      </c>
      <c r="BD8" s="196">
        <v>40</v>
      </c>
      <c r="BE8" s="195">
        <v>45</v>
      </c>
      <c r="BF8" s="190">
        <v>0</v>
      </c>
      <c r="BG8" s="191">
        <v>0</v>
      </c>
      <c r="BH8" s="196">
        <v>0</v>
      </c>
      <c r="BI8" s="193">
        <v>0</v>
      </c>
      <c r="BJ8" s="191">
        <v>24</v>
      </c>
      <c r="BK8" s="191">
        <v>25</v>
      </c>
      <c r="BL8" s="191">
        <v>18</v>
      </c>
      <c r="BM8" s="191">
        <v>21</v>
      </c>
      <c r="BN8" s="191">
        <v>6</v>
      </c>
      <c r="BO8" s="194">
        <v>94</v>
      </c>
      <c r="BP8" s="195">
        <v>94</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2</v>
      </c>
      <c r="CI8" s="191">
        <v>8</v>
      </c>
      <c r="CJ8" s="191">
        <v>3</v>
      </c>
      <c r="CK8" s="196">
        <v>13</v>
      </c>
      <c r="CL8" s="195">
        <v>13</v>
      </c>
      <c r="CM8" s="190">
        <v>0</v>
      </c>
      <c r="CN8" s="191">
        <v>0</v>
      </c>
      <c r="CO8" s="196">
        <v>0</v>
      </c>
      <c r="CP8" s="193">
        <v>0</v>
      </c>
      <c r="CQ8" s="191">
        <v>9</v>
      </c>
      <c r="CR8" s="191">
        <v>4</v>
      </c>
      <c r="CS8" s="191">
        <v>5</v>
      </c>
      <c r="CT8" s="191">
        <v>9</v>
      </c>
      <c r="CU8" s="191">
        <v>4</v>
      </c>
      <c r="CV8" s="196">
        <v>31</v>
      </c>
      <c r="CW8" s="195">
        <v>31</v>
      </c>
    </row>
    <row r="9" spans="2:101" ht="21" customHeight="1" x14ac:dyDescent="0.2">
      <c r="B9" s="106" t="s">
        <v>14</v>
      </c>
      <c r="C9" s="190">
        <v>0</v>
      </c>
      <c r="D9" s="196">
        <v>0</v>
      </c>
      <c r="E9" s="207">
        <v>0</v>
      </c>
      <c r="F9" s="193">
        <v>0</v>
      </c>
      <c r="G9" s="191">
        <v>1</v>
      </c>
      <c r="H9" s="191">
        <v>3</v>
      </c>
      <c r="I9" s="191">
        <v>1</v>
      </c>
      <c r="J9" s="191">
        <v>1</v>
      </c>
      <c r="K9" s="191">
        <v>1</v>
      </c>
      <c r="L9" s="194">
        <v>7</v>
      </c>
      <c r="M9" s="195">
        <v>7</v>
      </c>
      <c r="N9" s="190">
        <v>0</v>
      </c>
      <c r="O9" s="191">
        <v>0</v>
      </c>
      <c r="P9" s="196">
        <v>0</v>
      </c>
      <c r="Q9" s="193">
        <v>0</v>
      </c>
      <c r="R9" s="191">
        <v>0</v>
      </c>
      <c r="S9" s="191">
        <v>0</v>
      </c>
      <c r="T9" s="191">
        <v>0</v>
      </c>
      <c r="U9" s="191">
        <v>0</v>
      </c>
      <c r="V9" s="191">
        <v>0</v>
      </c>
      <c r="W9" s="196">
        <v>0</v>
      </c>
      <c r="X9" s="195">
        <v>0</v>
      </c>
      <c r="Y9" s="190">
        <v>0</v>
      </c>
      <c r="Z9" s="191">
        <v>0</v>
      </c>
      <c r="AA9" s="196">
        <v>0</v>
      </c>
      <c r="AB9" s="193">
        <v>0</v>
      </c>
      <c r="AC9" s="191">
        <v>82</v>
      </c>
      <c r="AD9" s="191">
        <v>84</v>
      </c>
      <c r="AE9" s="191">
        <v>42</v>
      </c>
      <c r="AF9" s="191">
        <v>15</v>
      </c>
      <c r="AG9" s="191">
        <v>4</v>
      </c>
      <c r="AH9" s="196">
        <v>227</v>
      </c>
      <c r="AI9" s="195">
        <v>227</v>
      </c>
      <c r="AJ9" s="190">
        <v>0</v>
      </c>
      <c r="AK9" s="191">
        <v>0</v>
      </c>
      <c r="AL9" s="196">
        <v>0</v>
      </c>
      <c r="AM9" s="193">
        <v>0</v>
      </c>
      <c r="AN9" s="191">
        <v>2</v>
      </c>
      <c r="AO9" s="191">
        <v>4</v>
      </c>
      <c r="AP9" s="191">
        <v>1</v>
      </c>
      <c r="AQ9" s="191">
        <v>0</v>
      </c>
      <c r="AR9" s="191">
        <v>0</v>
      </c>
      <c r="AS9" s="196">
        <v>7</v>
      </c>
      <c r="AT9" s="195">
        <v>7</v>
      </c>
      <c r="AU9" s="190">
        <v>0</v>
      </c>
      <c r="AV9" s="191">
        <v>1</v>
      </c>
      <c r="AW9" s="196">
        <v>1</v>
      </c>
      <c r="AX9" s="193">
        <v>0</v>
      </c>
      <c r="AY9" s="191">
        <v>8</v>
      </c>
      <c r="AZ9" s="191">
        <v>6</v>
      </c>
      <c r="BA9" s="191">
        <v>7</v>
      </c>
      <c r="BB9" s="191">
        <v>5</v>
      </c>
      <c r="BC9" s="191">
        <v>2</v>
      </c>
      <c r="BD9" s="196">
        <v>28</v>
      </c>
      <c r="BE9" s="195">
        <v>29</v>
      </c>
      <c r="BF9" s="190">
        <v>0</v>
      </c>
      <c r="BG9" s="191">
        <v>0</v>
      </c>
      <c r="BH9" s="196">
        <v>0</v>
      </c>
      <c r="BI9" s="193">
        <v>0</v>
      </c>
      <c r="BJ9" s="191">
        <v>7</v>
      </c>
      <c r="BK9" s="191">
        <v>9</v>
      </c>
      <c r="BL9" s="191">
        <v>14</v>
      </c>
      <c r="BM9" s="191">
        <v>14</v>
      </c>
      <c r="BN9" s="191">
        <v>4</v>
      </c>
      <c r="BO9" s="194">
        <v>48</v>
      </c>
      <c r="BP9" s="195">
        <v>48</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1</v>
      </c>
      <c r="CR9" s="191">
        <v>0</v>
      </c>
      <c r="CS9" s="191">
        <v>1</v>
      </c>
      <c r="CT9" s="191">
        <v>1</v>
      </c>
      <c r="CU9" s="191">
        <v>3</v>
      </c>
      <c r="CV9" s="196">
        <v>6</v>
      </c>
      <c r="CW9" s="195">
        <v>6</v>
      </c>
    </row>
    <row r="10" spans="2:101" ht="21" customHeight="1" x14ac:dyDescent="0.2">
      <c r="B10" s="106" t="s">
        <v>7</v>
      </c>
      <c r="C10" s="190">
        <v>0</v>
      </c>
      <c r="D10" s="196">
        <v>0</v>
      </c>
      <c r="E10" s="207">
        <v>0</v>
      </c>
      <c r="F10" s="193">
        <v>0</v>
      </c>
      <c r="G10" s="191">
        <v>0</v>
      </c>
      <c r="H10" s="191">
        <v>0</v>
      </c>
      <c r="I10" s="191">
        <v>0</v>
      </c>
      <c r="J10" s="191">
        <v>1</v>
      </c>
      <c r="K10" s="191">
        <v>0</v>
      </c>
      <c r="L10" s="194">
        <v>1</v>
      </c>
      <c r="M10" s="195">
        <v>1</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80</v>
      </c>
      <c r="AD10" s="191">
        <v>64</v>
      </c>
      <c r="AE10" s="191">
        <v>19</v>
      </c>
      <c r="AF10" s="191">
        <v>4</v>
      </c>
      <c r="AG10" s="191">
        <v>2</v>
      </c>
      <c r="AH10" s="196">
        <v>169</v>
      </c>
      <c r="AI10" s="195">
        <v>169</v>
      </c>
      <c r="AJ10" s="190">
        <v>0</v>
      </c>
      <c r="AK10" s="191">
        <v>0</v>
      </c>
      <c r="AL10" s="196">
        <v>0</v>
      </c>
      <c r="AM10" s="193">
        <v>0</v>
      </c>
      <c r="AN10" s="191">
        <v>6</v>
      </c>
      <c r="AO10" s="191">
        <v>5</v>
      </c>
      <c r="AP10" s="191">
        <v>4</v>
      </c>
      <c r="AQ10" s="191">
        <v>4</v>
      </c>
      <c r="AR10" s="191">
        <v>3</v>
      </c>
      <c r="AS10" s="196">
        <v>22</v>
      </c>
      <c r="AT10" s="195">
        <v>22</v>
      </c>
      <c r="AU10" s="190">
        <v>0</v>
      </c>
      <c r="AV10" s="191">
        <v>0</v>
      </c>
      <c r="AW10" s="196">
        <v>0</v>
      </c>
      <c r="AX10" s="193">
        <v>0</v>
      </c>
      <c r="AY10" s="191">
        <v>5</v>
      </c>
      <c r="AZ10" s="191">
        <v>2</v>
      </c>
      <c r="BA10" s="191">
        <v>2</v>
      </c>
      <c r="BB10" s="191">
        <v>0</v>
      </c>
      <c r="BC10" s="191">
        <v>0</v>
      </c>
      <c r="BD10" s="196">
        <v>9</v>
      </c>
      <c r="BE10" s="195">
        <v>9</v>
      </c>
      <c r="BF10" s="190">
        <v>0</v>
      </c>
      <c r="BG10" s="191">
        <v>0</v>
      </c>
      <c r="BH10" s="196">
        <v>0</v>
      </c>
      <c r="BI10" s="193">
        <v>0</v>
      </c>
      <c r="BJ10" s="191">
        <v>9</v>
      </c>
      <c r="BK10" s="191">
        <v>5</v>
      </c>
      <c r="BL10" s="191">
        <v>12</v>
      </c>
      <c r="BM10" s="191">
        <v>6</v>
      </c>
      <c r="BN10" s="191">
        <v>4</v>
      </c>
      <c r="BO10" s="194">
        <v>36</v>
      </c>
      <c r="BP10" s="195">
        <v>36</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1</v>
      </c>
      <c r="CS10" s="191">
        <v>2</v>
      </c>
      <c r="CT10" s="191">
        <v>0</v>
      </c>
      <c r="CU10" s="191">
        <v>3</v>
      </c>
      <c r="CV10" s="196">
        <v>6</v>
      </c>
      <c r="CW10" s="195">
        <v>6</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0</v>
      </c>
      <c r="AD11" s="191">
        <v>36</v>
      </c>
      <c r="AE11" s="191">
        <v>10</v>
      </c>
      <c r="AF11" s="191">
        <v>4</v>
      </c>
      <c r="AG11" s="191">
        <v>2</v>
      </c>
      <c r="AH11" s="196">
        <v>82</v>
      </c>
      <c r="AI11" s="195">
        <v>82</v>
      </c>
      <c r="AJ11" s="190">
        <v>0</v>
      </c>
      <c r="AK11" s="191">
        <v>0</v>
      </c>
      <c r="AL11" s="196">
        <v>0</v>
      </c>
      <c r="AM11" s="193">
        <v>0</v>
      </c>
      <c r="AN11" s="191">
        <v>0</v>
      </c>
      <c r="AO11" s="191">
        <v>0</v>
      </c>
      <c r="AP11" s="191">
        <v>0</v>
      </c>
      <c r="AQ11" s="191">
        <v>1</v>
      </c>
      <c r="AR11" s="191">
        <v>0</v>
      </c>
      <c r="AS11" s="196">
        <v>1</v>
      </c>
      <c r="AT11" s="195">
        <v>1</v>
      </c>
      <c r="AU11" s="190">
        <v>0</v>
      </c>
      <c r="AV11" s="191">
        <v>2</v>
      </c>
      <c r="AW11" s="196">
        <v>2</v>
      </c>
      <c r="AX11" s="193">
        <v>0</v>
      </c>
      <c r="AY11" s="191">
        <v>1</v>
      </c>
      <c r="AZ11" s="191">
        <v>0</v>
      </c>
      <c r="BA11" s="191">
        <v>1</v>
      </c>
      <c r="BB11" s="191">
        <v>1</v>
      </c>
      <c r="BC11" s="191">
        <v>0</v>
      </c>
      <c r="BD11" s="196">
        <v>3</v>
      </c>
      <c r="BE11" s="195">
        <v>5</v>
      </c>
      <c r="BF11" s="190">
        <v>0</v>
      </c>
      <c r="BG11" s="191">
        <v>0</v>
      </c>
      <c r="BH11" s="196">
        <v>0</v>
      </c>
      <c r="BI11" s="193">
        <v>0</v>
      </c>
      <c r="BJ11" s="191">
        <v>6</v>
      </c>
      <c r="BK11" s="191">
        <v>1</v>
      </c>
      <c r="BL11" s="191">
        <v>5</v>
      </c>
      <c r="BM11" s="191">
        <v>5</v>
      </c>
      <c r="BN11" s="191">
        <v>1</v>
      </c>
      <c r="BO11" s="194">
        <v>18</v>
      </c>
      <c r="BP11" s="195">
        <v>18</v>
      </c>
      <c r="BQ11" s="190">
        <v>0</v>
      </c>
      <c r="BR11" s="191">
        <v>0</v>
      </c>
      <c r="BS11" s="196">
        <v>0</v>
      </c>
      <c r="BT11" s="193">
        <v>0</v>
      </c>
      <c r="BU11" s="191">
        <v>0</v>
      </c>
      <c r="BV11" s="191">
        <v>0</v>
      </c>
      <c r="BW11" s="191">
        <v>2</v>
      </c>
      <c r="BX11" s="191">
        <v>0</v>
      </c>
      <c r="BY11" s="191">
        <v>2</v>
      </c>
      <c r="BZ11" s="196">
        <v>4</v>
      </c>
      <c r="CA11" s="195">
        <v>4</v>
      </c>
      <c r="CB11" s="190">
        <v>0</v>
      </c>
      <c r="CC11" s="191">
        <v>0</v>
      </c>
      <c r="CD11" s="196">
        <v>0</v>
      </c>
      <c r="CE11" s="193">
        <v>0</v>
      </c>
      <c r="CF11" s="191">
        <v>0</v>
      </c>
      <c r="CG11" s="191">
        <v>0</v>
      </c>
      <c r="CH11" s="191">
        <v>1</v>
      </c>
      <c r="CI11" s="191">
        <v>1</v>
      </c>
      <c r="CJ11" s="191">
        <v>0</v>
      </c>
      <c r="CK11" s="196">
        <v>2</v>
      </c>
      <c r="CL11" s="195">
        <v>2</v>
      </c>
      <c r="CM11" s="190">
        <v>0</v>
      </c>
      <c r="CN11" s="191">
        <v>0</v>
      </c>
      <c r="CO11" s="196">
        <v>0</v>
      </c>
      <c r="CP11" s="193">
        <v>0</v>
      </c>
      <c r="CQ11" s="191">
        <v>3</v>
      </c>
      <c r="CR11" s="191">
        <v>1</v>
      </c>
      <c r="CS11" s="191">
        <v>0</v>
      </c>
      <c r="CT11" s="191">
        <v>2</v>
      </c>
      <c r="CU11" s="191">
        <v>1</v>
      </c>
      <c r="CV11" s="196">
        <v>7</v>
      </c>
      <c r="CW11" s="195">
        <v>7</v>
      </c>
    </row>
    <row r="12" spans="2:101" ht="21" customHeight="1" x14ac:dyDescent="0.2">
      <c r="B12" s="106" t="s">
        <v>9</v>
      </c>
      <c r="C12" s="190">
        <v>0</v>
      </c>
      <c r="D12" s="196">
        <v>0</v>
      </c>
      <c r="E12" s="207">
        <v>0</v>
      </c>
      <c r="F12" s="193">
        <v>0</v>
      </c>
      <c r="G12" s="191">
        <v>0</v>
      </c>
      <c r="H12" s="191">
        <v>0</v>
      </c>
      <c r="I12" s="191">
        <v>0</v>
      </c>
      <c r="J12" s="191">
        <v>0</v>
      </c>
      <c r="K12" s="191">
        <v>0</v>
      </c>
      <c r="L12" s="194">
        <v>0</v>
      </c>
      <c r="M12" s="195">
        <v>0</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2</v>
      </c>
      <c r="AD12" s="191">
        <v>23</v>
      </c>
      <c r="AE12" s="191">
        <v>11</v>
      </c>
      <c r="AF12" s="191">
        <v>6</v>
      </c>
      <c r="AG12" s="191">
        <v>1</v>
      </c>
      <c r="AH12" s="196">
        <v>83</v>
      </c>
      <c r="AI12" s="195">
        <v>83</v>
      </c>
      <c r="AJ12" s="190">
        <v>0</v>
      </c>
      <c r="AK12" s="191">
        <v>0</v>
      </c>
      <c r="AL12" s="196">
        <v>0</v>
      </c>
      <c r="AM12" s="193">
        <v>0</v>
      </c>
      <c r="AN12" s="191">
        <v>0</v>
      </c>
      <c r="AO12" s="191">
        <v>0</v>
      </c>
      <c r="AP12" s="191">
        <v>0</v>
      </c>
      <c r="AQ12" s="191">
        <v>0</v>
      </c>
      <c r="AR12" s="191">
        <v>1</v>
      </c>
      <c r="AS12" s="196">
        <v>1</v>
      </c>
      <c r="AT12" s="195">
        <v>1</v>
      </c>
      <c r="AU12" s="190">
        <v>0</v>
      </c>
      <c r="AV12" s="191">
        <v>0</v>
      </c>
      <c r="AW12" s="196">
        <v>0</v>
      </c>
      <c r="AX12" s="193">
        <v>0</v>
      </c>
      <c r="AY12" s="191">
        <v>2</v>
      </c>
      <c r="AZ12" s="191">
        <v>3</v>
      </c>
      <c r="BA12" s="191">
        <v>1</v>
      </c>
      <c r="BB12" s="191">
        <v>0</v>
      </c>
      <c r="BC12" s="191">
        <v>0</v>
      </c>
      <c r="BD12" s="196">
        <v>6</v>
      </c>
      <c r="BE12" s="195">
        <v>6</v>
      </c>
      <c r="BF12" s="190">
        <v>0</v>
      </c>
      <c r="BG12" s="191">
        <v>0</v>
      </c>
      <c r="BH12" s="196">
        <v>0</v>
      </c>
      <c r="BI12" s="193">
        <v>0</v>
      </c>
      <c r="BJ12" s="191">
        <v>2</v>
      </c>
      <c r="BK12" s="191">
        <v>2</v>
      </c>
      <c r="BL12" s="191">
        <v>8</v>
      </c>
      <c r="BM12" s="191">
        <v>3</v>
      </c>
      <c r="BN12" s="191">
        <v>0</v>
      </c>
      <c r="BO12" s="194">
        <v>15</v>
      </c>
      <c r="BP12" s="195">
        <v>15</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2</v>
      </c>
      <c r="CT12" s="191">
        <v>0</v>
      </c>
      <c r="CU12" s="191">
        <v>0</v>
      </c>
      <c r="CV12" s="196">
        <v>3</v>
      </c>
      <c r="CW12" s="195">
        <v>3</v>
      </c>
    </row>
    <row r="13" spans="2:101" ht="21" customHeight="1" x14ac:dyDescent="0.2">
      <c r="B13" s="106" t="s">
        <v>10</v>
      </c>
      <c r="C13" s="190">
        <v>0</v>
      </c>
      <c r="D13" s="196">
        <v>0</v>
      </c>
      <c r="E13" s="207">
        <v>0</v>
      </c>
      <c r="F13" s="193">
        <v>0</v>
      </c>
      <c r="G13" s="191">
        <v>1</v>
      </c>
      <c r="H13" s="191">
        <v>3</v>
      </c>
      <c r="I13" s="191">
        <v>2</v>
      </c>
      <c r="J13" s="191">
        <v>1</v>
      </c>
      <c r="K13" s="191">
        <v>0</v>
      </c>
      <c r="L13" s="194">
        <v>7</v>
      </c>
      <c r="M13" s="195">
        <v>7</v>
      </c>
      <c r="N13" s="190">
        <v>0</v>
      </c>
      <c r="O13" s="191">
        <v>0</v>
      </c>
      <c r="P13" s="196">
        <v>0</v>
      </c>
      <c r="Q13" s="193">
        <v>0</v>
      </c>
      <c r="R13" s="191">
        <v>1</v>
      </c>
      <c r="S13" s="191">
        <v>1</v>
      </c>
      <c r="T13" s="191">
        <v>1</v>
      </c>
      <c r="U13" s="191">
        <v>0</v>
      </c>
      <c r="V13" s="191">
        <v>0</v>
      </c>
      <c r="W13" s="196">
        <v>3</v>
      </c>
      <c r="X13" s="195">
        <v>3</v>
      </c>
      <c r="Y13" s="190">
        <v>0</v>
      </c>
      <c r="Z13" s="191">
        <v>0</v>
      </c>
      <c r="AA13" s="196">
        <v>0</v>
      </c>
      <c r="AB13" s="193">
        <v>0</v>
      </c>
      <c r="AC13" s="191">
        <v>35</v>
      </c>
      <c r="AD13" s="191">
        <v>14</v>
      </c>
      <c r="AE13" s="191">
        <v>5</v>
      </c>
      <c r="AF13" s="191">
        <v>6</v>
      </c>
      <c r="AG13" s="191">
        <v>2</v>
      </c>
      <c r="AH13" s="196">
        <v>62</v>
      </c>
      <c r="AI13" s="195">
        <v>62</v>
      </c>
      <c r="AJ13" s="190">
        <v>0</v>
      </c>
      <c r="AK13" s="191">
        <v>0</v>
      </c>
      <c r="AL13" s="196">
        <v>0</v>
      </c>
      <c r="AM13" s="193">
        <v>0</v>
      </c>
      <c r="AN13" s="191">
        <v>5</v>
      </c>
      <c r="AO13" s="191">
        <v>0</v>
      </c>
      <c r="AP13" s="191">
        <v>1</v>
      </c>
      <c r="AQ13" s="191">
        <v>0</v>
      </c>
      <c r="AR13" s="191">
        <v>0</v>
      </c>
      <c r="AS13" s="196">
        <v>6</v>
      </c>
      <c r="AT13" s="195">
        <v>6</v>
      </c>
      <c r="AU13" s="190">
        <v>1</v>
      </c>
      <c r="AV13" s="191">
        <v>0</v>
      </c>
      <c r="AW13" s="196">
        <v>1</v>
      </c>
      <c r="AX13" s="193">
        <v>0</v>
      </c>
      <c r="AY13" s="191">
        <v>6</v>
      </c>
      <c r="AZ13" s="191">
        <v>2</v>
      </c>
      <c r="BA13" s="191">
        <v>3</v>
      </c>
      <c r="BB13" s="191">
        <v>2</v>
      </c>
      <c r="BC13" s="191">
        <v>0</v>
      </c>
      <c r="BD13" s="196">
        <v>13</v>
      </c>
      <c r="BE13" s="195">
        <v>14</v>
      </c>
      <c r="BF13" s="190">
        <v>0</v>
      </c>
      <c r="BG13" s="191">
        <v>0</v>
      </c>
      <c r="BH13" s="196">
        <v>0</v>
      </c>
      <c r="BI13" s="193">
        <v>0</v>
      </c>
      <c r="BJ13" s="191">
        <v>7</v>
      </c>
      <c r="BK13" s="191">
        <v>8</v>
      </c>
      <c r="BL13" s="191">
        <v>11</v>
      </c>
      <c r="BM13" s="191">
        <v>4</v>
      </c>
      <c r="BN13" s="191">
        <v>4</v>
      </c>
      <c r="BO13" s="194">
        <v>34</v>
      </c>
      <c r="BP13" s="195">
        <v>34</v>
      </c>
      <c r="BQ13" s="190">
        <v>0</v>
      </c>
      <c r="BR13" s="191">
        <v>0</v>
      </c>
      <c r="BS13" s="196">
        <v>0</v>
      </c>
      <c r="BT13" s="193">
        <v>0</v>
      </c>
      <c r="BU13" s="191">
        <v>3</v>
      </c>
      <c r="BV13" s="191">
        <v>2</v>
      </c>
      <c r="BW13" s="191">
        <v>1</v>
      </c>
      <c r="BX13" s="191">
        <v>2</v>
      </c>
      <c r="BY13" s="191">
        <v>1</v>
      </c>
      <c r="BZ13" s="196">
        <v>9</v>
      </c>
      <c r="CA13" s="195">
        <v>9</v>
      </c>
      <c r="CB13" s="190">
        <v>0</v>
      </c>
      <c r="CC13" s="191">
        <v>0</v>
      </c>
      <c r="CD13" s="196">
        <v>0</v>
      </c>
      <c r="CE13" s="193">
        <v>0</v>
      </c>
      <c r="CF13" s="191">
        <v>0</v>
      </c>
      <c r="CG13" s="191">
        <v>1</v>
      </c>
      <c r="CH13" s="191">
        <v>1</v>
      </c>
      <c r="CI13" s="191">
        <v>3</v>
      </c>
      <c r="CJ13" s="191">
        <v>5</v>
      </c>
      <c r="CK13" s="196">
        <v>10</v>
      </c>
      <c r="CL13" s="195">
        <v>10</v>
      </c>
      <c r="CM13" s="190">
        <v>0</v>
      </c>
      <c r="CN13" s="191">
        <v>0</v>
      </c>
      <c r="CO13" s="196">
        <v>0</v>
      </c>
      <c r="CP13" s="193">
        <v>0</v>
      </c>
      <c r="CQ13" s="191">
        <v>1</v>
      </c>
      <c r="CR13" s="191">
        <v>2</v>
      </c>
      <c r="CS13" s="191">
        <v>2</v>
      </c>
      <c r="CT13" s="191">
        <v>2</v>
      </c>
      <c r="CU13" s="191">
        <v>0</v>
      </c>
      <c r="CV13" s="196">
        <v>7</v>
      </c>
      <c r="CW13" s="195">
        <v>7</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6</v>
      </c>
      <c r="AD14" s="191">
        <v>7</v>
      </c>
      <c r="AE14" s="191">
        <v>4</v>
      </c>
      <c r="AF14" s="191">
        <v>4</v>
      </c>
      <c r="AG14" s="191">
        <v>1</v>
      </c>
      <c r="AH14" s="196">
        <v>32</v>
      </c>
      <c r="AI14" s="195">
        <v>32</v>
      </c>
      <c r="AJ14" s="190">
        <v>0</v>
      </c>
      <c r="AK14" s="191">
        <v>0</v>
      </c>
      <c r="AL14" s="196">
        <v>0</v>
      </c>
      <c r="AM14" s="193">
        <v>0</v>
      </c>
      <c r="AN14" s="191">
        <v>1</v>
      </c>
      <c r="AO14" s="191">
        <v>1</v>
      </c>
      <c r="AP14" s="191">
        <v>2</v>
      </c>
      <c r="AQ14" s="191">
        <v>0</v>
      </c>
      <c r="AR14" s="191">
        <v>0</v>
      </c>
      <c r="AS14" s="196">
        <v>4</v>
      </c>
      <c r="AT14" s="195">
        <v>4</v>
      </c>
      <c r="AU14" s="190">
        <v>0</v>
      </c>
      <c r="AV14" s="191">
        <v>0</v>
      </c>
      <c r="AW14" s="196">
        <v>0</v>
      </c>
      <c r="AX14" s="193">
        <v>0</v>
      </c>
      <c r="AY14" s="191">
        <v>1</v>
      </c>
      <c r="AZ14" s="191">
        <v>3</v>
      </c>
      <c r="BA14" s="191">
        <v>2</v>
      </c>
      <c r="BB14" s="191">
        <v>0</v>
      </c>
      <c r="BC14" s="191">
        <v>0</v>
      </c>
      <c r="BD14" s="196">
        <v>6</v>
      </c>
      <c r="BE14" s="195">
        <v>6</v>
      </c>
      <c r="BF14" s="190">
        <v>0</v>
      </c>
      <c r="BG14" s="191">
        <v>0</v>
      </c>
      <c r="BH14" s="196">
        <v>0</v>
      </c>
      <c r="BI14" s="193">
        <v>0</v>
      </c>
      <c r="BJ14" s="191">
        <v>2</v>
      </c>
      <c r="BK14" s="191">
        <v>3</v>
      </c>
      <c r="BL14" s="191">
        <v>1</v>
      </c>
      <c r="BM14" s="191">
        <v>2</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2</v>
      </c>
      <c r="CR14" s="191">
        <v>1</v>
      </c>
      <c r="CS14" s="191">
        <v>0</v>
      </c>
      <c r="CT14" s="191">
        <v>0</v>
      </c>
      <c r="CU14" s="191">
        <v>1</v>
      </c>
      <c r="CV14" s="196">
        <v>4</v>
      </c>
      <c r="CW14" s="195">
        <v>4</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4</v>
      </c>
      <c r="AD15" s="191">
        <v>21</v>
      </c>
      <c r="AE15" s="191">
        <v>4</v>
      </c>
      <c r="AF15" s="191">
        <v>3</v>
      </c>
      <c r="AG15" s="191">
        <v>2</v>
      </c>
      <c r="AH15" s="196">
        <v>54</v>
      </c>
      <c r="AI15" s="195">
        <v>54</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4</v>
      </c>
      <c r="BA15" s="191">
        <v>3</v>
      </c>
      <c r="BB15" s="191">
        <v>3</v>
      </c>
      <c r="BC15" s="191">
        <v>3</v>
      </c>
      <c r="BD15" s="196">
        <v>16</v>
      </c>
      <c r="BE15" s="195">
        <v>16</v>
      </c>
      <c r="BF15" s="190">
        <v>0</v>
      </c>
      <c r="BG15" s="191">
        <v>0</v>
      </c>
      <c r="BH15" s="196">
        <v>0</v>
      </c>
      <c r="BI15" s="193">
        <v>0</v>
      </c>
      <c r="BJ15" s="191">
        <v>1</v>
      </c>
      <c r="BK15" s="191">
        <v>1</v>
      </c>
      <c r="BL15" s="191">
        <v>1</v>
      </c>
      <c r="BM15" s="191">
        <v>3</v>
      </c>
      <c r="BN15" s="191">
        <v>2</v>
      </c>
      <c r="BO15" s="194">
        <v>8</v>
      </c>
      <c r="BP15" s="195">
        <v>8</v>
      </c>
      <c r="BQ15" s="190">
        <v>0</v>
      </c>
      <c r="BR15" s="191">
        <v>0</v>
      </c>
      <c r="BS15" s="196">
        <v>0</v>
      </c>
      <c r="BT15" s="193">
        <v>0</v>
      </c>
      <c r="BU15" s="191">
        <v>0</v>
      </c>
      <c r="BV15" s="191">
        <v>3</v>
      </c>
      <c r="BW15" s="191">
        <v>1</v>
      </c>
      <c r="BX15" s="191">
        <v>2</v>
      </c>
      <c r="BY15" s="191">
        <v>0</v>
      </c>
      <c r="BZ15" s="196">
        <v>6</v>
      </c>
      <c r="CA15" s="195">
        <v>6</v>
      </c>
      <c r="CB15" s="190">
        <v>0</v>
      </c>
      <c r="CC15" s="191">
        <v>0</v>
      </c>
      <c r="CD15" s="196">
        <v>0</v>
      </c>
      <c r="CE15" s="193">
        <v>0</v>
      </c>
      <c r="CF15" s="191">
        <v>0</v>
      </c>
      <c r="CG15" s="191">
        <v>0</v>
      </c>
      <c r="CH15" s="191">
        <v>1</v>
      </c>
      <c r="CI15" s="191">
        <v>0</v>
      </c>
      <c r="CJ15" s="191">
        <v>2</v>
      </c>
      <c r="CK15" s="196">
        <v>3</v>
      </c>
      <c r="CL15" s="195">
        <v>3</v>
      </c>
      <c r="CM15" s="190">
        <v>0</v>
      </c>
      <c r="CN15" s="191">
        <v>0</v>
      </c>
      <c r="CO15" s="196">
        <v>0</v>
      </c>
      <c r="CP15" s="193">
        <v>0</v>
      </c>
      <c r="CQ15" s="191">
        <v>0</v>
      </c>
      <c r="CR15" s="191">
        <v>1</v>
      </c>
      <c r="CS15" s="191">
        <v>1</v>
      </c>
      <c r="CT15" s="191">
        <v>3</v>
      </c>
      <c r="CU15" s="191">
        <v>0</v>
      </c>
      <c r="CV15" s="196">
        <v>5</v>
      </c>
      <c r="CW15" s="195">
        <v>5</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9</v>
      </c>
      <c r="AD16" s="191">
        <v>17</v>
      </c>
      <c r="AE16" s="191">
        <v>4</v>
      </c>
      <c r="AF16" s="191">
        <v>3</v>
      </c>
      <c r="AG16" s="191">
        <v>0</v>
      </c>
      <c r="AH16" s="196">
        <v>43</v>
      </c>
      <c r="AI16" s="195">
        <v>43</v>
      </c>
      <c r="AJ16" s="190">
        <v>0</v>
      </c>
      <c r="AK16" s="191">
        <v>0</v>
      </c>
      <c r="AL16" s="196">
        <v>0</v>
      </c>
      <c r="AM16" s="193">
        <v>0</v>
      </c>
      <c r="AN16" s="191">
        <v>0</v>
      </c>
      <c r="AO16" s="191">
        <v>0</v>
      </c>
      <c r="AP16" s="191">
        <v>3</v>
      </c>
      <c r="AQ16" s="191">
        <v>0</v>
      </c>
      <c r="AR16" s="191">
        <v>2</v>
      </c>
      <c r="AS16" s="196">
        <v>5</v>
      </c>
      <c r="AT16" s="195">
        <v>5</v>
      </c>
      <c r="AU16" s="190">
        <v>0</v>
      </c>
      <c r="AV16" s="191">
        <v>0</v>
      </c>
      <c r="AW16" s="196">
        <v>0</v>
      </c>
      <c r="AX16" s="193">
        <v>0</v>
      </c>
      <c r="AY16" s="191">
        <v>1</v>
      </c>
      <c r="AZ16" s="191">
        <v>2</v>
      </c>
      <c r="BA16" s="191">
        <v>0</v>
      </c>
      <c r="BB16" s="191">
        <v>0</v>
      </c>
      <c r="BC16" s="191">
        <v>1</v>
      </c>
      <c r="BD16" s="196">
        <v>4</v>
      </c>
      <c r="BE16" s="195">
        <v>4</v>
      </c>
      <c r="BF16" s="190">
        <v>0</v>
      </c>
      <c r="BG16" s="191">
        <v>0</v>
      </c>
      <c r="BH16" s="196">
        <v>0</v>
      </c>
      <c r="BI16" s="193">
        <v>0</v>
      </c>
      <c r="BJ16" s="191">
        <v>1</v>
      </c>
      <c r="BK16" s="191">
        <v>0</v>
      </c>
      <c r="BL16" s="191">
        <v>2</v>
      </c>
      <c r="BM16" s="191">
        <v>2</v>
      </c>
      <c r="BN16" s="191">
        <v>1</v>
      </c>
      <c r="BO16" s="194">
        <v>6</v>
      </c>
      <c r="BP16" s="195">
        <v>6</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1</v>
      </c>
      <c r="H17" s="191">
        <v>0</v>
      </c>
      <c r="I17" s="191">
        <v>0</v>
      </c>
      <c r="J17" s="191">
        <v>1</v>
      </c>
      <c r="K17" s="191">
        <v>0</v>
      </c>
      <c r="L17" s="194">
        <v>2</v>
      </c>
      <c r="M17" s="195">
        <v>2</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0</v>
      </c>
      <c r="AD17" s="191">
        <v>7</v>
      </c>
      <c r="AE17" s="191">
        <v>1</v>
      </c>
      <c r="AF17" s="191">
        <v>3</v>
      </c>
      <c r="AG17" s="191">
        <v>0</v>
      </c>
      <c r="AH17" s="196">
        <v>21</v>
      </c>
      <c r="AI17" s="195">
        <v>21</v>
      </c>
      <c r="AJ17" s="190">
        <v>0</v>
      </c>
      <c r="AK17" s="191">
        <v>1</v>
      </c>
      <c r="AL17" s="196">
        <v>1</v>
      </c>
      <c r="AM17" s="193">
        <v>0</v>
      </c>
      <c r="AN17" s="191">
        <v>0</v>
      </c>
      <c r="AO17" s="191">
        <v>0</v>
      </c>
      <c r="AP17" s="191">
        <v>0</v>
      </c>
      <c r="AQ17" s="191">
        <v>1</v>
      </c>
      <c r="AR17" s="191">
        <v>0</v>
      </c>
      <c r="AS17" s="196">
        <v>1</v>
      </c>
      <c r="AT17" s="195">
        <v>2</v>
      </c>
      <c r="AU17" s="190">
        <v>0</v>
      </c>
      <c r="AV17" s="191">
        <v>0</v>
      </c>
      <c r="AW17" s="196">
        <v>0</v>
      </c>
      <c r="AX17" s="193">
        <v>0</v>
      </c>
      <c r="AY17" s="191">
        <v>1</v>
      </c>
      <c r="AZ17" s="191">
        <v>0</v>
      </c>
      <c r="BA17" s="191">
        <v>0</v>
      </c>
      <c r="BB17" s="191">
        <v>0</v>
      </c>
      <c r="BC17" s="191">
        <v>1</v>
      </c>
      <c r="BD17" s="196">
        <v>2</v>
      </c>
      <c r="BE17" s="195">
        <v>2</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1</v>
      </c>
      <c r="CS17" s="191">
        <v>2</v>
      </c>
      <c r="CT17" s="191">
        <v>1</v>
      </c>
      <c r="CU17" s="191">
        <v>0</v>
      </c>
      <c r="CV17" s="196">
        <v>4</v>
      </c>
      <c r="CW17" s="195">
        <v>4</v>
      </c>
    </row>
    <row r="18" spans="2:101" ht="21" customHeight="1" x14ac:dyDescent="0.2">
      <c r="B18" s="106" t="s">
        <v>16</v>
      </c>
      <c r="C18" s="190">
        <v>0</v>
      </c>
      <c r="D18" s="196">
        <v>0</v>
      </c>
      <c r="E18" s="207">
        <v>0</v>
      </c>
      <c r="F18" s="193">
        <v>0</v>
      </c>
      <c r="G18" s="191">
        <v>0</v>
      </c>
      <c r="H18" s="191">
        <v>0</v>
      </c>
      <c r="I18" s="191">
        <v>1</v>
      </c>
      <c r="J18" s="191">
        <v>0</v>
      </c>
      <c r="K18" s="191">
        <v>0</v>
      </c>
      <c r="L18" s="194">
        <v>1</v>
      </c>
      <c r="M18" s="195">
        <v>1</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7</v>
      </c>
      <c r="AD18" s="191">
        <v>11</v>
      </c>
      <c r="AE18" s="191">
        <v>8</v>
      </c>
      <c r="AF18" s="191">
        <v>2</v>
      </c>
      <c r="AG18" s="191">
        <v>1</v>
      </c>
      <c r="AH18" s="196">
        <v>29</v>
      </c>
      <c r="AI18" s="195">
        <v>29</v>
      </c>
      <c r="AJ18" s="190">
        <v>0</v>
      </c>
      <c r="AK18" s="191">
        <v>0</v>
      </c>
      <c r="AL18" s="196">
        <v>0</v>
      </c>
      <c r="AM18" s="193">
        <v>0</v>
      </c>
      <c r="AN18" s="191">
        <v>0</v>
      </c>
      <c r="AO18" s="191">
        <v>0</v>
      </c>
      <c r="AP18" s="191">
        <v>3</v>
      </c>
      <c r="AQ18" s="191">
        <v>1</v>
      </c>
      <c r="AR18" s="191">
        <v>0</v>
      </c>
      <c r="AS18" s="196">
        <v>4</v>
      </c>
      <c r="AT18" s="195">
        <v>4</v>
      </c>
      <c r="AU18" s="190">
        <v>0</v>
      </c>
      <c r="AV18" s="191">
        <v>0</v>
      </c>
      <c r="AW18" s="196">
        <v>0</v>
      </c>
      <c r="AX18" s="193">
        <v>0</v>
      </c>
      <c r="AY18" s="191">
        <v>0</v>
      </c>
      <c r="AZ18" s="191">
        <v>0</v>
      </c>
      <c r="BA18" s="191">
        <v>0</v>
      </c>
      <c r="BB18" s="191">
        <v>2</v>
      </c>
      <c r="BC18" s="191">
        <v>0</v>
      </c>
      <c r="BD18" s="196">
        <v>2</v>
      </c>
      <c r="BE18" s="195">
        <v>2</v>
      </c>
      <c r="BF18" s="190">
        <v>0</v>
      </c>
      <c r="BG18" s="191">
        <v>0</v>
      </c>
      <c r="BH18" s="196">
        <v>0</v>
      </c>
      <c r="BI18" s="193">
        <v>0</v>
      </c>
      <c r="BJ18" s="191">
        <v>0</v>
      </c>
      <c r="BK18" s="191">
        <v>3</v>
      </c>
      <c r="BL18" s="191">
        <v>1</v>
      </c>
      <c r="BM18" s="191">
        <v>1</v>
      </c>
      <c r="BN18" s="191">
        <v>2</v>
      </c>
      <c r="BO18" s="194">
        <v>7</v>
      </c>
      <c r="BP18" s="195">
        <v>7</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1</v>
      </c>
      <c r="CS18" s="191">
        <v>0</v>
      </c>
      <c r="CT18" s="191">
        <v>0</v>
      </c>
      <c r="CU18" s="191">
        <v>0</v>
      </c>
      <c r="CV18" s="196">
        <v>1</v>
      </c>
      <c r="CW18" s="195">
        <v>1</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4</v>
      </c>
      <c r="AD19" s="191">
        <v>24</v>
      </c>
      <c r="AE19" s="191">
        <v>6</v>
      </c>
      <c r="AF19" s="191">
        <v>3</v>
      </c>
      <c r="AG19" s="191">
        <v>0</v>
      </c>
      <c r="AH19" s="196">
        <v>57</v>
      </c>
      <c r="AI19" s="195">
        <v>57</v>
      </c>
      <c r="AJ19" s="190">
        <v>1</v>
      </c>
      <c r="AK19" s="191">
        <v>0</v>
      </c>
      <c r="AL19" s="196">
        <v>1</v>
      </c>
      <c r="AM19" s="193">
        <v>0</v>
      </c>
      <c r="AN19" s="191">
        <v>1</v>
      </c>
      <c r="AO19" s="191">
        <v>2</v>
      </c>
      <c r="AP19" s="191">
        <v>1</v>
      </c>
      <c r="AQ19" s="191">
        <v>0</v>
      </c>
      <c r="AR19" s="191">
        <v>0</v>
      </c>
      <c r="AS19" s="196">
        <v>4</v>
      </c>
      <c r="AT19" s="195">
        <v>5</v>
      </c>
      <c r="AU19" s="190">
        <v>0</v>
      </c>
      <c r="AV19" s="191">
        <v>0</v>
      </c>
      <c r="AW19" s="196">
        <v>0</v>
      </c>
      <c r="AX19" s="193">
        <v>0</v>
      </c>
      <c r="AY19" s="191">
        <v>0</v>
      </c>
      <c r="AZ19" s="191">
        <v>3</v>
      </c>
      <c r="BA19" s="191">
        <v>2</v>
      </c>
      <c r="BB19" s="191">
        <v>0</v>
      </c>
      <c r="BC19" s="191">
        <v>1</v>
      </c>
      <c r="BD19" s="196">
        <v>6</v>
      </c>
      <c r="BE19" s="195">
        <v>6</v>
      </c>
      <c r="BF19" s="190">
        <v>0</v>
      </c>
      <c r="BG19" s="191">
        <v>0</v>
      </c>
      <c r="BH19" s="196">
        <v>0</v>
      </c>
      <c r="BI19" s="193">
        <v>0</v>
      </c>
      <c r="BJ19" s="191">
        <v>0</v>
      </c>
      <c r="BK19" s="191">
        <v>2</v>
      </c>
      <c r="BL19" s="191">
        <v>6</v>
      </c>
      <c r="BM19" s="191">
        <v>1</v>
      </c>
      <c r="BN19" s="191">
        <v>0</v>
      </c>
      <c r="BO19" s="194">
        <v>9</v>
      </c>
      <c r="BP19" s="195">
        <v>9</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2</v>
      </c>
      <c r="CJ19" s="191">
        <v>0</v>
      </c>
      <c r="CK19" s="196">
        <v>2</v>
      </c>
      <c r="CL19" s="195">
        <v>2</v>
      </c>
      <c r="CM19" s="190">
        <v>0</v>
      </c>
      <c r="CN19" s="191">
        <v>0</v>
      </c>
      <c r="CO19" s="196">
        <v>0</v>
      </c>
      <c r="CP19" s="193">
        <v>0</v>
      </c>
      <c r="CQ19" s="191">
        <v>0</v>
      </c>
      <c r="CR19" s="191">
        <v>0</v>
      </c>
      <c r="CS19" s="191">
        <v>1</v>
      </c>
      <c r="CT19" s="191">
        <v>0</v>
      </c>
      <c r="CU19" s="191">
        <v>0</v>
      </c>
      <c r="CV19" s="196">
        <v>1</v>
      </c>
      <c r="CW19" s="195">
        <v>1</v>
      </c>
    </row>
    <row r="20" spans="2:101" ht="21" customHeight="1" x14ac:dyDescent="0.2">
      <c r="B20" s="106" t="s">
        <v>18</v>
      </c>
      <c r="C20" s="190">
        <v>0</v>
      </c>
      <c r="D20" s="196">
        <v>0</v>
      </c>
      <c r="E20" s="207">
        <v>0</v>
      </c>
      <c r="F20" s="193">
        <v>0</v>
      </c>
      <c r="G20" s="191">
        <v>0</v>
      </c>
      <c r="H20" s="191">
        <v>0</v>
      </c>
      <c r="I20" s="191">
        <v>0</v>
      </c>
      <c r="J20" s="191">
        <v>0</v>
      </c>
      <c r="K20" s="191">
        <v>1</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18</v>
      </c>
      <c r="AD20" s="191">
        <v>14</v>
      </c>
      <c r="AE20" s="191">
        <v>4</v>
      </c>
      <c r="AF20" s="191">
        <v>0</v>
      </c>
      <c r="AG20" s="191">
        <v>2</v>
      </c>
      <c r="AH20" s="196">
        <v>38</v>
      </c>
      <c r="AI20" s="195">
        <v>38</v>
      </c>
      <c r="AJ20" s="190">
        <v>0</v>
      </c>
      <c r="AK20" s="191">
        <v>0</v>
      </c>
      <c r="AL20" s="196">
        <v>0</v>
      </c>
      <c r="AM20" s="193">
        <v>0</v>
      </c>
      <c r="AN20" s="191">
        <v>0</v>
      </c>
      <c r="AO20" s="191">
        <v>1</v>
      </c>
      <c r="AP20" s="191">
        <v>5</v>
      </c>
      <c r="AQ20" s="191">
        <v>1</v>
      </c>
      <c r="AR20" s="191">
        <v>0</v>
      </c>
      <c r="AS20" s="196">
        <v>7</v>
      </c>
      <c r="AT20" s="195">
        <v>7</v>
      </c>
      <c r="AU20" s="190">
        <v>1</v>
      </c>
      <c r="AV20" s="191">
        <v>0</v>
      </c>
      <c r="AW20" s="196">
        <v>1</v>
      </c>
      <c r="AX20" s="193">
        <v>0</v>
      </c>
      <c r="AY20" s="191">
        <v>5</v>
      </c>
      <c r="AZ20" s="191">
        <v>1</v>
      </c>
      <c r="BA20" s="191">
        <v>4</v>
      </c>
      <c r="BB20" s="191">
        <v>2</v>
      </c>
      <c r="BC20" s="191">
        <v>0</v>
      </c>
      <c r="BD20" s="196">
        <v>12</v>
      </c>
      <c r="BE20" s="195">
        <v>13</v>
      </c>
      <c r="BF20" s="190">
        <v>0</v>
      </c>
      <c r="BG20" s="191">
        <v>0</v>
      </c>
      <c r="BH20" s="196">
        <v>0</v>
      </c>
      <c r="BI20" s="193">
        <v>0</v>
      </c>
      <c r="BJ20" s="191">
        <v>2</v>
      </c>
      <c r="BK20" s="191">
        <v>1</v>
      </c>
      <c r="BL20" s="191">
        <v>5</v>
      </c>
      <c r="BM20" s="191">
        <v>3</v>
      </c>
      <c r="BN20" s="191">
        <v>2</v>
      </c>
      <c r="BO20" s="194">
        <v>13</v>
      </c>
      <c r="BP20" s="195">
        <v>13</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0</v>
      </c>
      <c r="CK20" s="196">
        <v>2</v>
      </c>
      <c r="CL20" s="195">
        <v>2</v>
      </c>
      <c r="CM20" s="190">
        <v>0</v>
      </c>
      <c r="CN20" s="191">
        <v>0</v>
      </c>
      <c r="CO20" s="196">
        <v>0</v>
      </c>
      <c r="CP20" s="193">
        <v>0</v>
      </c>
      <c r="CQ20" s="191">
        <v>0</v>
      </c>
      <c r="CR20" s="191">
        <v>0</v>
      </c>
      <c r="CS20" s="191">
        <v>1</v>
      </c>
      <c r="CT20" s="191">
        <v>1</v>
      </c>
      <c r="CU20" s="191">
        <v>0</v>
      </c>
      <c r="CV20" s="196">
        <v>2</v>
      </c>
      <c r="CW20" s="195">
        <v>2</v>
      </c>
    </row>
    <row r="21" spans="2:101" ht="21" customHeight="1" x14ac:dyDescent="0.2">
      <c r="B21" s="106" t="s">
        <v>19</v>
      </c>
      <c r="C21" s="190">
        <v>0</v>
      </c>
      <c r="D21" s="196">
        <v>0</v>
      </c>
      <c r="E21" s="207">
        <v>0</v>
      </c>
      <c r="F21" s="193">
        <v>0</v>
      </c>
      <c r="G21" s="191">
        <v>0</v>
      </c>
      <c r="H21" s="191">
        <v>0</v>
      </c>
      <c r="I21" s="191">
        <v>0</v>
      </c>
      <c r="J21" s="191">
        <v>0</v>
      </c>
      <c r="K21" s="191">
        <v>1</v>
      </c>
      <c r="L21" s="194">
        <v>1</v>
      </c>
      <c r="M21" s="195">
        <v>1</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10</v>
      </c>
      <c r="AD21" s="191">
        <v>4</v>
      </c>
      <c r="AE21" s="191">
        <v>2</v>
      </c>
      <c r="AF21" s="191">
        <v>0</v>
      </c>
      <c r="AG21" s="191">
        <v>0</v>
      </c>
      <c r="AH21" s="196">
        <v>16</v>
      </c>
      <c r="AI21" s="195">
        <v>16</v>
      </c>
      <c r="AJ21" s="190">
        <v>0</v>
      </c>
      <c r="AK21" s="191">
        <v>0</v>
      </c>
      <c r="AL21" s="196">
        <v>0</v>
      </c>
      <c r="AM21" s="193">
        <v>0</v>
      </c>
      <c r="AN21" s="191">
        <v>2</v>
      </c>
      <c r="AO21" s="191">
        <v>2</v>
      </c>
      <c r="AP21" s="191">
        <v>2</v>
      </c>
      <c r="AQ21" s="191">
        <v>0</v>
      </c>
      <c r="AR21" s="191">
        <v>0</v>
      </c>
      <c r="AS21" s="196">
        <v>6</v>
      </c>
      <c r="AT21" s="195">
        <v>6</v>
      </c>
      <c r="AU21" s="190">
        <v>0</v>
      </c>
      <c r="AV21" s="191">
        <v>0</v>
      </c>
      <c r="AW21" s="196">
        <v>0</v>
      </c>
      <c r="AX21" s="193">
        <v>0</v>
      </c>
      <c r="AY21" s="191">
        <v>2</v>
      </c>
      <c r="AZ21" s="191">
        <v>1</v>
      </c>
      <c r="BA21" s="191">
        <v>4</v>
      </c>
      <c r="BB21" s="191">
        <v>0</v>
      </c>
      <c r="BC21" s="191">
        <v>0</v>
      </c>
      <c r="BD21" s="196">
        <v>7</v>
      </c>
      <c r="BE21" s="195">
        <v>7</v>
      </c>
      <c r="BF21" s="190">
        <v>0</v>
      </c>
      <c r="BG21" s="191">
        <v>0</v>
      </c>
      <c r="BH21" s="196">
        <v>0</v>
      </c>
      <c r="BI21" s="193">
        <v>0</v>
      </c>
      <c r="BJ21" s="191">
        <v>1</v>
      </c>
      <c r="BK21" s="191">
        <v>2</v>
      </c>
      <c r="BL21" s="191">
        <v>1</v>
      </c>
      <c r="BM21" s="191">
        <v>0</v>
      </c>
      <c r="BN21" s="191">
        <v>0</v>
      </c>
      <c r="BO21" s="194">
        <v>4</v>
      </c>
      <c r="BP21" s="195">
        <v>4</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4</v>
      </c>
      <c r="AD22" s="191">
        <v>13</v>
      </c>
      <c r="AE22" s="191">
        <v>3</v>
      </c>
      <c r="AF22" s="191">
        <v>1</v>
      </c>
      <c r="AG22" s="191">
        <v>2</v>
      </c>
      <c r="AH22" s="196">
        <v>33</v>
      </c>
      <c r="AI22" s="195">
        <v>33</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1</v>
      </c>
      <c r="BB22" s="191">
        <v>0</v>
      </c>
      <c r="BC22" s="191">
        <v>0</v>
      </c>
      <c r="BD22" s="196">
        <v>1</v>
      </c>
      <c r="BE22" s="195">
        <v>1</v>
      </c>
      <c r="BF22" s="190">
        <v>0</v>
      </c>
      <c r="BG22" s="191">
        <v>0</v>
      </c>
      <c r="BH22" s="196">
        <v>0</v>
      </c>
      <c r="BI22" s="193">
        <v>0</v>
      </c>
      <c r="BJ22" s="191">
        <v>0</v>
      </c>
      <c r="BK22" s="191">
        <v>1</v>
      </c>
      <c r="BL22" s="191">
        <v>4</v>
      </c>
      <c r="BM22" s="191">
        <v>1</v>
      </c>
      <c r="BN22" s="191">
        <v>0</v>
      </c>
      <c r="BO22" s="194">
        <v>6</v>
      </c>
      <c r="BP22" s="195">
        <v>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1</v>
      </c>
      <c r="AD23" s="191">
        <v>9</v>
      </c>
      <c r="AE23" s="191">
        <v>5</v>
      </c>
      <c r="AF23" s="191">
        <v>2</v>
      </c>
      <c r="AG23" s="191">
        <v>0</v>
      </c>
      <c r="AH23" s="196">
        <v>27</v>
      </c>
      <c r="AI23" s="195">
        <v>27</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1</v>
      </c>
      <c r="BK23" s="191">
        <v>2</v>
      </c>
      <c r="BL23" s="191">
        <v>2</v>
      </c>
      <c r="BM23" s="191">
        <v>0</v>
      </c>
      <c r="BN23" s="191">
        <v>0</v>
      </c>
      <c r="BO23" s="194">
        <v>5</v>
      </c>
      <c r="BP23" s="195">
        <v>5</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1</v>
      </c>
      <c r="J24" s="191">
        <v>0</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6</v>
      </c>
      <c r="AD24" s="191">
        <v>4</v>
      </c>
      <c r="AE24" s="191">
        <v>1</v>
      </c>
      <c r="AF24" s="191">
        <v>1</v>
      </c>
      <c r="AG24" s="191">
        <v>2</v>
      </c>
      <c r="AH24" s="196">
        <v>14</v>
      </c>
      <c r="AI24" s="195">
        <v>14</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1</v>
      </c>
      <c r="BA24" s="191">
        <v>2</v>
      </c>
      <c r="BB24" s="191">
        <v>0</v>
      </c>
      <c r="BC24" s="191">
        <v>0</v>
      </c>
      <c r="BD24" s="196">
        <v>4</v>
      </c>
      <c r="BE24" s="195">
        <v>4</v>
      </c>
      <c r="BF24" s="190">
        <v>0</v>
      </c>
      <c r="BG24" s="191">
        <v>0</v>
      </c>
      <c r="BH24" s="196">
        <v>0</v>
      </c>
      <c r="BI24" s="193">
        <v>0</v>
      </c>
      <c r="BJ24" s="191">
        <v>1</v>
      </c>
      <c r="BK24" s="191">
        <v>1</v>
      </c>
      <c r="BL24" s="191">
        <v>2</v>
      </c>
      <c r="BM24" s="191">
        <v>0</v>
      </c>
      <c r="BN24" s="191">
        <v>0</v>
      </c>
      <c r="BO24" s="194">
        <v>4</v>
      </c>
      <c r="BP24" s="195">
        <v>4</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1</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5</v>
      </c>
      <c r="AD25" s="191">
        <v>3</v>
      </c>
      <c r="AE25" s="191">
        <v>1</v>
      </c>
      <c r="AF25" s="191">
        <v>0</v>
      </c>
      <c r="AG25" s="191">
        <v>0</v>
      </c>
      <c r="AH25" s="196">
        <v>9</v>
      </c>
      <c r="AI25" s="195">
        <v>9</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1</v>
      </c>
      <c r="BB25" s="191">
        <v>0</v>
      </c>
      <c r="BC25" s="191">
        <v>0</v>
      </c>
      <c r="BD25" s="196">
        <v>1</v>
      </c>
      <c r="BE25" s="195">
        <v>1</v>
      </c>
      <c r="BF25" s="190">
        <v>0</v>
      </c>
      <c r="BG25" s="191">
        <v>0</v>
      </c>
      <c r="BH25" s="196">
        <v>0</v>
      </c>
      <c r="BI25" s="193">
        <v>0</v>
      </c>
      <c r="BJ25" s="191">
        <v>2</v>
      </c>
      <c r="BK25" s="191">
        <v>2</v>
      </c>
      <c r="BL25" s="191">
        <v>3</v>
      </c>
      <c r="BM25" s="191">
        <v>1</v>
      </c>
      <c r="BN25" s="191">
        <v>0</v>
      </c>
      <c r="BO25" s="194">
        <v>8</v>
      </c>
      <c r="BP25" s="195">
        <v>8</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1</v>
      </c>
      <c r="CT25" s="191">
        <v>0</v>
      </c>
      <c r="CU25" s="191">
        <v>0</v>
      </c>
      <c r="CV25" s="196">
        <v>1</v>
      </c>
      <c r="CW25" s="195">
        <v>1</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v>
      </c>
      <c r="AD26" s="191">
        <v>2</v>
      </c>
      <c r="AE26" s="191">
        <v>2</v>
      </c>
      <c r="AF26" s="191">
        <v>0</v>
      </c>
      <c r="AG26" s="191">
        <v>0</v>
      </c>
      <c r="AH26" s="196">
        <v>6</v>
      </c>
      <c r="AI26" s="195">
        <v>6</v>
      </c>
      <c r="AJ26" s="190">
        <v>0</v>
      </c>
      <c r="AK26" s="191">
        <v>0</v>
      </c>
      <c r="AL26" s="196">
        <v>0</v>
      </c>
      <c r="AM26" s="193">
        <v>0</v>
      </c>
      <c r="AN26" s="191">
        <v>0</v>
      </c>
      <c r="AO26" s="191">
        <v>0</v>
      </c>
      <c r="AP26" s="191">
        <v>1</v>
      </c>
      <c r="AQ26" s="191">
        <v>0</v>
      </c>
      <c r="AR26" s="191">
        <v>0</v>
      </c>
      <c r="AS26" s="196">
        <v>1</v>
      </c>
      <c r="AT26" s="195">
        <v>1</v>
      </c>
      <c r="AU26" s="190">
        <v>1</v>
      </c>
      <c r="AV26" s="191">
        <v>0</v>
      </c>
      <c r="AW26" s="196">
        <v>1</v>
      </c>
      <c r="AX26" s="193">
        <v>0</v>
      </c>
      <c r="AY26" s="191">
        <v>0</v>
      </c>
      <c r="AZ26" s="191">
        <v>0</v>
      </c>
      <c r="BA26" s="191">
        <v>0</v>
      </c>
      <c r="BB26" s="191">
        <v>0</v>
      </c>
      <c r="BC26" s="191">
        <v>0</v>
      </c>
      <c r="BD26" s="196">
        <v>0</v>
      </c>
      <c r="BE26" s="195">
        <v>1</v>
      </c>
      <c r="BF26" s="190">
        <v>0</v>
      </c>
      <c r="BG26" s="191">
        <v>0</v>
      </c>
      <c r="BH26" s="196">
        <v>0</v>
      </c>
      <c r="BI26" s="193">
        <v>0</v>
      </c>
      <c r="BJ26" s="191">
        <v>0</v>
      </c>
      <c r="BK26" s="191">
        <v>0</v>
      </c>
      <c r="BL26" s="191">
        <v>2</v>
      </c>
      <c r="BM26" s="191">
        <v>0</v>
      </c>
      <c r="BN26" s="191">
        <v>0</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5</v>
      </c>
      <c r="AD27" s="191">
        <v>2</v>
      </c>
      <c r="AE27" s="191">
        <v>1</v>
      </c>
      <c r="AF27" s="191">
        <v>1</v>
      </c>
      <c r="AG27" s="191">
        <v>0</v>
      </c>
      <c r="AH27" s="196">
        <v>9</v>
      </c>
      <c r="AI27" s="195">
        <v>9</v>
      </c>
      <c r="AJ27" s="190">
        <v>0</v>
      </c>
      <c r="AK27" s="191">
        <v>0</v>
      </c>
      <c r="AL27" s="196">
        <v>0</v>
      </c>
      <c r="AM27" s="193">
        <v>0</v>
      </c>
      <c r="AN27" s="191">
        <v>0</v>
      </c>
      <c r="AO27" s="191">
        <v>0</v>
      </c>
      <c r="AP27" s="191">
        <v>0</v>
      </c>
      <c r="AQ27" s="191">
        <v>0</v>
      </c>
      <c r="AR27" s="191">
        <v>0</v>
      </c>
      <c r="AS27" s="196">
        <v>0</v>
      </c>
      <c r="AT27" s="195">
        <v>0</v>
      </c>
      <c r="AU27" s="190">
        <v>1</v>
      </c>
      <c r="AV27" s="191">
        <v>0</v>
      </c>
      <c r="AW27" s="196">
        <v>1</v>
      </c>
      <c r="AX27" s="193">
        <v>0</v>
      </c>
      <c r="AY27" s="191">
        <v>0</v>
      </c>
      <c r="AZ27" s="191">
        <v>0</v>
      </c>
      <c r="BA27" s="191">
        <v>0</v>
      </c>
      <c r="BB27" s="191">
        <v>0</v>
      </c>
      <c r="BC27" s="191">
        <v>0</v>
      </c>
      <c r="BD27" s="196">
        <v>0</v>
      </c>
      <c r="BE27" s="195">
        <v>1</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2</v>
      </c>
      <c r="AE28" s="191">
        <v>2</v>
      </c>
      <c r="AF28" s="191">
        <v>1</v>
      </c>
      <c r="AG28" s="191">
        <v>0</v>
      </c>
      <c r="AH28" s="196">
        <v>7</v>
      </c>
      <c r="AI28" s="195">
        <v>7</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1</v>
      </c>
      <c r="AZ28" s="191">
        <v>0</v>
      </c>
      <c r="BA28" s="191">
        <v>0</v>
      </c>
      <c r="BB28" s="191">
        <v>0</v>
      </c>
      <c r="BC28" s="191">
        <v>0</v>
      </c>
      <c r="BD28" s="196">
        <v>1</v>
      </c>
      <c r="BE28" s="195">
        <v>1</v>
      </c>
      <c r="BF28" s="190">
        <v>0</v>
      </c>
      <c r="BG28" s="191">
        <v>0</v>
      </c>
      <c r="BH28" s="196">
        <v>0</v>
      </c>
      <c r="BI28" s="193">
        <v>0</v>
      </c>
      <c r="BJ28" s="191">
        <v>0</v>
      </c>
      <c r="BK28" s="191">
        <v>0</v>
      </c>
      <c r="BL28" s="191">
        <v>1</v>
      </c>
      <c r="BM28" s="191">
        <v>1</v>
      </c>
      <c r="BN28" s="191">
        <v>0</v>
      </c>
      <c r="BO28" s="194">
        <v>2</v>
      </c>
      <c r="BP28" s="195">
        <v>2</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0</v>
      </c>
      <c r="AF29" s="191">
        <v>0</v>
      </c>
      <c r="AG29" s="191">
        <v>0</v>
      </c>
      <c r="AH29" s="196">
        <v>1</v>
      </c>
      <c r="AI29" s="195">
        <v>1</v>
      </c>
      <c r="AJ29" s="190">
        <v>0</v>
      </c>
      <c r="AK29" s="191">
        <v>0</v>
      </c>
      <c r="AL29" s="196">
        <v>0</v>
      </c>
      <c r="AM29" s="193">
        <v>0</v>
      </c>
      <c r="AN29" s="191">
        <v>0</v>
      </c>
      <c r="AO29" s="191">
        <v>0</v>
      </c>
      <c r="AP29" s="191">
        <v>0</v>
      </c>
      <c r="AQ29" s="191">
        <v>1</v>
      </c>
      <c r="AR29" s="191">
        <v>0</v>
      </c>
      <c r="AS29" s="196">
        <v>1</v>
      </c>
      <c r="AT29" s="195">
        <v>1</v>
      </c>
      <c r="AU29" s="190">
        <v>0</v>
      </c>
      <c r="AV29" s="191">
        <v>0</v>
      </c>
      <c r="AW29" s="196">
        <v>0</v>
      </c>
      <c r="AX29" s="193">
        <v>0</v>
      </c>
      <c r="AY29" s="191">
        <v>1</v>
      </c>
      <c r="AZ29" s="191">
        <v>0</v>
      </c>
      <c r="BA29" s="191">
        <v>0</v>
      </c>
      <c r="BB29" s="191">
        <v>0</v>
      </c>
      <c r="BC29" s="191">
        <v>0</v>
      </c>
      <c r="BD29" s="196">
        <v>1</v>
      </c>
      <c r="BE29" s="195">
        <v>1</v>
      </c>
      <c r="BF29" s="190">
        <v>0</v>
      </c>
      <c r="BG29" s="191">
        <v>0</v>
      </c>
      <c r="BH29" s="196">
        <v>0</v>
      </c>
      <c r="BI29" s="193">
        <v>0</v>
      </c>
      <c r="BJ29" s="191">
        <v>1</v>
      </c>
      <c r="BK29" s="191">
        <v>0</v>
      </c>
      <c r="BL29" s="191">
        <v>1</v>
      </c>
      <c r="BM29" s="191">
        <v>1</v>
      </c>
      <c r="BN29" s="191">
        <v>0</v>
      </c>
      <c r="BO29" s="194">
        <v>3</v>
      </c>
      <c r="BP29" s="195">
        <v>3</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0</v>
      </c>
      <c r="CK29" s="196">
        <v>1</v>
      </c>
      <c r="CL29" s="195">
        <v>1</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0</v>
      </c>
      <c r="AE30" s="191">
        <v>0</v>
      </c>
      <c r="AF30" s="191">
        <v>0</v>
      </c>
      <c r="AG30" s="191">
        <v>0</v>
      </c>
      <c r="AH30" s="196">
        <v>5</v>
      </c>
      <c r="AI30" s="195">
        <v>5</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0</v>
      </c>
      <c r="AF31" s="191">
        <v>0</v>
      </c>
      <c r="AG31" s="191">
        <v>0</v>
      </c>
      <c r="AH31" s="196">
        <v>2</v>
      </c>
      <c r="AI31" s="195">
        <v>2</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1</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1</v>
      </c>
      <c r="BL33" s="191">
        <v>0</v>
      </c>
      <c r="BM33" s="191">
        <v>1</v>
      </c>
      <c r="BN33" s="191">
        <v>1</v>
      </c>
      <c r="BO33" s="194">
        <v>3</v>
      </c>
      <c r="BP33" s="195">
        <v>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0</v>
      </c>
      <c r="K34" s="191">
        <v>0</v>
      </c>
      <c r="L34" s="194">
        <v>0</v>
      </c>
      <c r="M34" s="195">
        <v>0</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3</v>
      </c>
      <c r="AD34" s="191">
        <v>5</v>
      </c>
      <c r="AE34" s="191">
        <v>0</v>
      </c>
      <c r="AF34" s="191">
        <v>0</v>
      </c>
      <c r="AG34" s="191">
        <v>1</v>
      </c>
      <c r="AH34" s="196">
        <v>9</v>
      </c>
      <c r="AI34" s="195">
        <v>9</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1</v>
      </c>
      <c r="BL34" s="191">
        <v>1</v>
      </c>
      <c r="BM34" s="191">
        <v>0</v>
      </c>
      <c r="BN34" s="191">
        <v>0</v>
      </c>
      <c r="BO34" s="194">
        <v>2</v>
      </c>
      <c r="BP34" s="195">
        <v>2</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1</v>
      </c>
      <c r="CI34" s="191">
        <v>1</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0</v>
      </c>
      <c r="AE35" s="191">
        <v>0</v>
      </c>
      <c r="AF35" s="191">
        <v>0</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2</v>
      </c>
      <c r="AE36" s="191">
        <v>0</v>
      </c>
      <c r="AF36" s="191">
        <v>0</v>
      </c>
      <c r="AG36" s="191">
        <v>0</v>
      </c>
      <c r="AH36" s="196">
        <v>3</v>
      </c>
      <c r="AI36" s="195">
        <v>3</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1</v>
      </c>
      <c r="CT36" s="191">
        <v>0</v>
      </c>
      <c r="CU36" s="191">
        <v>0</v>
      </c>
      <c r="CV36" s="196">
        <v>1</v>
      </c>
      <c r="CW36" s="195">
        <v>1</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1</v>
      </c>
      <c r="BA37" s="191">
        <v>0</v>
      </c>
      <c r="BB37" s="191">
        <v>0</v>
      </c>
      <c r="BC37" s="191">
        <v>0</v>
      </c>
      <c r="BD37" s="196">
        <v>1</v>
      </c>
      <c r="BE37" s="195">
        <v>1</v>
      </c>
      <c r="BF37" s="190">
        <v>0</v>
      </c>
      <c r="BG37" s="191">
        <v>0</v>
      </c>
      <c r="BH37" s="196">
        <v>0</v>
      </c>
      <c r="BI37" s="193">
        <v>0</v>
      </c>
      <c r="BJ37" s="191">
        <v>0</v>
      </c>
      <c r="BK37" s="191">
        <v>1</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2</v>
      </c>
      <c r="AE38" s="191">
        <v>0</v>
      </c>
      <c r="AF38" s="191">
        <v>1</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1</v>
      </c>
      <c r="BA38" s="191">
        <v>0</v>
      </c>
      <c r="BB38" s="191">
        <v>0</v>
      </c>
      <c r="BC38" s="191">
        <v>0</v>
      </c>
      <c r="BD38" s="196">
        <v>1</v>
      </c>
      <c r="BE38" s="195">
        <v>1</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7</v>
      </c>
      <c r="L1" s="445">
        <f>IF(K1&lt;3,K1+12-2,K1-2)</f>
        <v>5</v>
      </c>
      <c r="M1" s="445"/>
    </row>
    <row r="2" spans="2:101" s="71" customFormat="1" ht="24" customHeight="1" thickBot="1" x14ac:dyDescent="0.25">
      <c r="B2" s="142" t="s">
        <v>152</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6</v>
      </c>
      <c r="H6" s="184">
        <v>36</v>
      </c>
      <c r="I6" s="184">
        <v>26</v>
      </c>
      <c r="J6" s="184">
        <v>25</v>
      </c>
      <c r="K6" s="184">
        <v>24</v>
      </c>
      <c r="L6" s="187">
        <v>127</v>
      </c>
      <c r="M6" s="188">
        <v>127</v>
      </c>
      <c r="N6" s="183">
        <v>0</v>
      </c>
      <c r="O6" s="184">
        <v>0</v>
      </c>
      <c r="P6" s="189">
        <v>0</v>
      </c>
      <c r="Q6" s="186">
        <v>0</v>
      </c>
      <c r="R6" s="184">
        <v>11</v>
      </c>
      <c r="S6" s="184">
        <v>33</v>
      </c>
      <c r="T6" s="184">
        <v>25</v>
      </c>
      <c r="U6" s="184">
        <v>27</v>
      </c>
      <c r="V6" s="184">
        <v>23</v>
      </c>
      <c r="W6" s="189">
        <v>119</v>
      </c>
      <c r="X6" s="188">
        <v>119</v>
      </c>
      <c r="Y6" s="183">
        <v>0</v>
      </c>
      <c r="Z6" s="184">
        <v>0</v>
      </c>
      <c r="AA6" s="189">
        <v>0</v>
      </c>
      <c r="AB6" s="186">
        <v>0</v>
      </c>
      <c r="AC6" s="184">
        <v>840</v>
      </c>
      <c r="AD6" s="184">
        <v>738</v>
      </c>
      <c r="AE6" s="184">
        <v>324</v>
      </c>
      <c r="AF6" s="184">
        <v>129</v>
      </c>
      <c r="AG6" s="184">
        <v>52</v>
      </c>
      <c r="AH6" s="189">
        <v>2083</v>
      </c>
      <c r="AI6" s="188">
        <v>2083</v>
      </c>
      <c r="AJ6" s="183">
        <v>1</v>
      </c>
      <c r="AK6" s="184">
        <v>0</v>
      </c>
      <c r="AL6" s="189">
        <v>1</v>
      </c>
      <c r="AM6" s="186">
        <v>0</v>
      </c>
      <c r="AN6" s="184">
        <v>45</v>
      </c>
      <c r="AO6" s="184">
        <v>55</v>
      </c>
      <c r="AP6" s="184">
        <v>72</v>
      </c>
      <c r="AQ6" s="184">
        <v>20</v>
      </c>
      <c r="AR6" s="184">
        <v>20</v>
      </c>
      <c r="AS6" s="189">
        <v>212</v>
      </c>
      <c r="AT6" s="188">
        <v>213</v>
      </c>
      <c r="AU6" s="183">
        <v>12</v>
      </c>
      <c r="AV6" s="184">
        <v>22</v>
      </c>
      <c r="AW6" s="189">
        <v>34</v>
      </c>
      <c r="AX6" s="186">
        <v>0</v>
      </c>
      <c r="AY6" s="184">
        <v>66</v>
      </c>
      <c r="AZ6" s="184">
        <v>49</v>
      </c>
      <c r="BA6" s="184">
        <v>69</v>
      </c>
      <c r="BB6" s="184">
        <v>41</v>
      </c>
      <c r="BC6" s="184">
        <v>22</v>
      </c>
      <c r="BD6" s="189">
        <v>247</v>
      </c>
      <c r="BE6" s="188">
        <v>281</v>
      </c>
      <c r="BF6" s="183">
        <v>0</v>
      </c>
      <c r="BG6" s="184">
        <v>0</v>
      </c>
      <c r="BH6" s="189">
        <v>0</v>
      </c>
      <c r="BI6" s="186">
        <v>0</v>
      </c>
      <c r="BJ6" s="184">
        <v>72</v>
      </c>
      <c r="BK6" s="184">
        <v>114</v>
      </c>
      <c r="BL6" s="184">
        <v>136</v>
      </c>
      <c r="BM6" s="184">
        <v>84</v>
      </c>
      <c r="BN6" s="184">
        <v>73</v>
      </c>
      <c r="BO6" s="187">
        <v>479</v>
      </c>
      <c r="BP6" s="188">
        <v>479</v>
      </c>
      <c r="BQ6" s="183">
        <v>0</v>
      </c>
      <c r="BR6" s="184">
        <v>0</v>
      </c>
      <c r="BS6" s="189">
        <v>0</v>
      </c>
      <c r="BT6" s="186">
        <v>0</v>
      </c>
      <c r="BU6" s="184">
        <v>1</v>
      </c>
      <c r="BV6" s="184">
        <v>5</v>
      </c>
      <c r="BW6" s="184">
        <v>7</v>
      </c>
      <c r="BX6" s="184">
        <v>5</v>
      </c>
      <c r="BY6" s="184">
        <v>6</v>
      </c>
      <c r="BZ6" s="189">
        <v>24</v>
      </c>
      <c r="CA6" s="188">
        <v>24</v>
      </c>
      <c r="CB6" s="183">
        <v>0</v>
      </c>
      <c r="CC6" s="184">
        <v>0</v>
      </c>
      <c r="CD6" s="189">
        <v>0</v>
      </c>
      <c r="CE6" s="186">
        <v>0</v>
      </c>
      <c r="CF6" s="184">
        <v>0</v>
      </c>
      <c r="CG6" s="184">
        <v>1</v>
      </c>
      <c r="CH6" s="184">
        <v>5</v>
      </c>
      <c r="CI6" s="184">
        <v>21</v>
      </c>
      <c r="CJ6" s="184">
        <v>7</v>
      </c>
      <c r="CK6" s="189">
        <v>34</v>
      </c>
      <c r="CL6" s="188">
        <v>34</v>
      </c>
      <c r="CM6" s="183">
        <v>0</v>
      </c>
      <c r="CN6" s="184">
        <v>0</v>
      </c>
      <c r="CO6" s="189">
        <v>0</v>
      </c>
      <c r="CP6" s="186">
        <v>0</v>
      </c>
      <c r="CQ6" s="184">
        <v>11</v>
      </c>
      <c r="CR6" s="184">
        <v>17</v>
      </c>
      <c r="CS6" s="184">
        <v>19</v>
      </c>
      <c r="CT6" s="184">
        <v>17</v>
      </c>
      <c r="CU6" s="184">
        <v>32</v>
      </c>
      <c r="CV6" s="189">
        <v>96</v>
      </c>
      <c r="CW6" s="188">
        <v>96</v>
      </c>
    </row>
    <row r="7" spans="2:101" ht="21" customHeight="1" x14ac:dyDescent="0.2">
      <c r="B7" s="95" t="s">
        <v>5</v>
      </c>
      <c r="C7" s="190">
        <v>0</v>
      </c>
      <c r="D7" s="196">
        <v>0</v>
      </c>
      <c r="E7" s="207">
        <v>0</v>
      </c>
      <c r="F7" s="193">
        <v>0</v>
      </c>
      <c r="G7" s="191">
        <v>7</v>
      </c>
      <c r="H7" s="191">
        <v>16</v>
      </c>
      <c r="I7" s="191">
        <v>15</v>
      </c>
      <c r="J7" s="191">
        <v>12</v>
      </c>
      <c r="K7" s="191">
        <v>11</v>
      </c>
      <c r="L7" s="194">
        <v>61</v>
      </c>
      <c r="M7" s="195">
        <v>61</v>
      </c>
      <c r="N7" s="190">
        <v>0</v>
      </c>
      <c r="O7" s="191">
        <v>0</v>
      </c>
      <c r="P7" s="196">
        <v>0</v>
      </c>
      <c r="Q7" s="193">
        <v>0</v>
      </c>
      <c r="R7" s="191">
        <v>6</v>
      </c>
      <c r="S7" s="191">
        <v>23</v>
      </c>
      <c r="T7" s="191">
        <v>17</v>
      </c>
      <c r="U7" s="191">
        <v>17</v>
      </c>
      <c r="V7" s="191">
        <v>18</v>
      </c>
      <c r="W7" s="196">
        <v>81</v>
      </c>
      <c r="X7" s="195">
        <v>81</v>
      </c>
      <c r="Y7" s="190">
        <v>0</v>
      </c>
      <c r="Z7" s="191">
        <v>0</v>
      </c>
      <c r="AA7" s="196">
        <v>0</v>
      </c>
      <c r="AB7" s="193">
        <v>0</v>
      </c>
      <c r="AC7" s="191">
        <v>330</v>
      </c>
      <c r="AD7" s="191">
        <v>404</v>
      </c>
      <c r="AE7" s="191">
        <v>166</v>
      </c>
      <c r="AF7" s="191">
        <v>56</v>
      </c>
      <c r="AG7" s="191">
        <v>18</v>
      </c>
      <c r="AH7" s="196">
        <v>974</v>
      </c>
      <c r="AI7" s="195">
        <v>974</v>
      </c>
      <c r="AJ7" s="190">
        <v>1</v>
      </c>
      <c r="AK7" s="191">
        <v>0</v>
      </c>
      <c r="AL7" s="196">
        <v>1</v>
      </c>
      <c r="AM7" s="193">
        <v>0</v>
      </c>
      <c r="AN7" s="191">
        <v>26</v>
      </c>
      <c r="AO7" s="191">
        <v>30</v>
      </c>
      <c r="AP7" s="191">
        <v>37</v>
      </c>
      <c r="AQ7" s="191">
        <v>10</v>
      </c>
      <c r="AR7" s="191">
        <v>14</v>
      </c>
      <c r="AS7" s="196">
        <v>117</v>
      </c>
      <c r="AT7" s="195">
        <v>118</v>
      </c>
      <c r="AU7" s="190">
        <v>6</v>
      </c>
      <c r="AV7" s="191">
        <v>12</v>
      </c>
      <c r="AW7" s="196">
        <v>18</v>
      </c>
      <c r="AX7" s="193">
        <v>0</v>
      </c>
      <c r="AY7" s="191">
        <v>28</v>
      </c>
      <c r="AZ7" s="191">
        <v>23</v>
      </c>
      <c r="BA7" s="191">
        <v>30</v>
      </c>
      <c r="BB7" s="191">
        <v>24</v>
      </c>
      <c r="BC7" s="191">
        <v>9</v>
      </c>
      <c r="BD7" s="196">
        <v>114</v>
      </c>
      <c r="BE7" s="195">
        <v>132</v>
      </c>
      <c r="BF7" s="190">
        <v>0</v>
      </c>
      <c r="BG7" s="191">
        <v>0</v>
      </c>
      <c r="BH7" s="196">
        <v>0</v>
      </c>
      <c r="BI7" s="193">
        <v>0</v>
      </c>
      <c r="BJ7" s="191">
        <v>31</v>
      </c>
      <c r="BK7" s="191">
        <v>39</v>
      </c>
      <c r="BL7" s="191">
        <v>51</v>
      </c>
      <c r="BM7" s="191">
        <v>41</v>
      </c>
      <c r="BN7" s="191">
        <v>30</v>
      </c>
      <c r="BO7" s="194">
        <v>192</v>
      </c>
      <c r="BP7" s="195">
        <v>192</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1</v>
      </c>
      <c r="CK7" s="196">
        <v>2</v>
      </c>
      <c r="CL7" s="195">
        <v>2</v>
      </c>
      <c r="CM7" s="190">
        <v>0</v>
      </c>
      <c r="CN7" s="191">
        <v>0</v>
      </c>
      <c r="CO7" s="196">
        <v>0</v>
      </c>
      <c r="CP7" s="193">
        <v>0</v>
      </c>
      <c r="CQ7" s="191">
        <v>2</v>
      </c>
      <c r="CR7" s="191">
        <v>5</v>
      </c>
      <c r="CS7" s="191">
        <v>4</v>
      </c>
      <c r="CT7" s="191">
        <v>8</v>
      </c>
      <c r="CU7" s="191">
        <v>9</v>
      </c>
      <c r="CV7" s="196">
        <v>28</v>
      </c>
      <c r="CW7" s="195">
        <v>28</v>
      </c>
    </row>
    <row r="8" spans="2:101" ht="21" customHeight="1" x14ac:dyDescent="0.2">
      <c r="B8" s="106" t="s">
        <v>6</v>
      </c>
      <c r="C8" s="190">
        <v>0</v>
      </c>
      <c r="D8" s="196">
        <v>0</v>
      </c>
      <c r="E8" s="207">
        <v>0</v>
      </c>
      <c r="F8" s="193">
        <v>0</v>
      </c>
      <c r="G8" s="191">
        <v>4</v>
      </c>
      <c r="H8" s="191">
        <v>7</v>
      </c>
      <c r="I8" s="191">
        <v>8</v>
      </c>
      <c r="J8" s="191">
        <v>6</v>
      </c>
      <c r="K8" s="191">
        <v>6</v>
      </c>
      <c r="L8" s="194">
        <v>31</v>
      </c>
      <c r="M8" s="195">
        <v>31</v>
      </c>
      <c r="N8" s="190">
        <v>0</v>
      </c>
      <c r="O8" s="191">
        <v>0</v>
      </c>
      <c r="P8" s="196">
        <v>0</v>
      </c>
      <c r="Q8" s="193">
        <v>0</v>
      </c>
      <c r="R8" s="191">
        <v>4</v>
      </c>
      <c r="S8" s="191">
        <v>10</v>
      </c>
      <c r="T8" s="191">
        <v>8</v>
      </c>
      <c r="U8" s="191">
        <v>6</v>
      </c>
      <c r="V8" s="191">
        <v>5</v>
      </c>
      <c r="W8" s="196">
        <v>33</v>
      </c>
      <c r="X8" s="195">
        <v>33</v>
      </c>
      <c r="Y8" s="190">
        <v>0</v>
      </c>
      <c r="Z8" s="191">
        <v>0</v>
      </c>
      <c r="AA8" s="196">
        <v>0</v>
      </c>
      <c r="AB8" s="193">
        <v>0</v>
      </c>
      <c r="AC8" s="191">
        <v>137</v>
      </c>
      <c r="AD8" s="191">
        <v>94</v>
      </c>
      <c r="AE8" s="191">
        <v>39</v>
      </c>
      <c r="AF8" s="191">
        <v>19</v>
      </c>
      <c r="AG8" s="191">
        <v>11</v>
      </c>
      <c r="AH8" s="196">
        <v>300</v>
      </c>
      <c r="AI8" s="195">
        <v>300</v>
      </c>
      <c r="AJ8" s="190">
        <v>0</v>
      </c>
      <c r="AK8" s="191">
        <v>0</v>
      </c>
      <c r="AL8" s="196">
        <v>0</v>
      </c>
      <c r="AM8" s="193">
        <v>0</v>
      </c>
      <c r="AN8" s="191">
        <v>10</v>
      </c>
      <c r="AO8" s="191">
        <v>14</v>
      </c>
      <c r="AP8" s="191">
        <v>21</v>
      </c>
      <c r="AQ8" s="191">
        <v>1</v>
      </c>
      <c r="AR8" s="191">
        <v>5</v>
      </c>
      <c r="AS8" s="196">
        <v>51</v>
      </c>
      <c r="AT8" s="195">
        <v>51</v>
      </c>
      <c r="AU8" s="190">
        <v>2</v>
      </c>
      <c r="AV8" s="191">
        <v>5</v>
      </c>
      <c r="AW8" s="196">
        <v>7</v>
      </c>
      <c r="AX8" s="193">
        <v>0</v>
      </c>
      <c r="AY8" s="191">
        <v>9</v>
      </c>
      <c r="AZ8" s="191">
        <v>6</v>
      </c>
      <c r="BA8" s="191">
        <v>12</v>
      </c>
      <c r="BB8" s="191">
        <v>4</v>
      </c>
      <c r="BC8" s="191">
        <v>4</v>
      </c>
      <c r="BD8" s="196">
        <v>35</v>
      </c>
      <c r="BE8" s="195">
        <v>42</v>
      </c>
      <c r="BF8" s="190">
        <v>0</v>
      </c>
      <c r="BG8" s="191">
        <v>0</v>
      </c>
      <c r="BH8" s="196">
        <v>0</v>
      </c>
      <c r="BI8" s="193">
        <v>0</v>
      </c>
      <c r="BJ8" s="191">
        <v>18</v>
      </c>
      <c r="BK8" s="191">
        <v>28</v>
      </c>
      <c r="BL8" s="191">
        <v>29</v>
      </c>
      <c r="BM8" s="191">
        <v>14</v>
      </c>
      <c r="BN8" s="191">
        <v>16</v>
      </c>
      <c r="BO8" s="194">
        <v>105</v>
      </c>
      <c r="BP8" s="195">
        <v>105</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4</v>
      </c>
      <c r="CI8" s="191">
        <v>7</v>
      </c>
      <c r="CJ8" s="191">
        <v>3</v>
      </c>
      <c r="CK8" s="196">
        <v>15</v>
      </c>
      <c r="CL8" s="195">
        <v>15</v>
      </c>
      <c r="CM8" s="190">
        <v>0</v>
      </c>
      <c r="CN8" s="191">
        <v>0</v>
      </c>
      <c r="CO8" s="196">
        <v>0</v>
      </c>
      <c r="CP8" s="193">
        <v>0</v>
      </c>
      <c r="CQ8" s="191">
        <v>4</v>
      </c>
      <c r="CR8" s="191">
        <v>5</v>
      </c>
      <c r="CS8" s="191">
        <v>8</v>
      </c>
      <c r="CT8" s="191">
        <v>2</v>
      </c>
      <c r="CU8" s="191">
        <v>8</v>
      </c>
      <c r="CV8" s="196">
        <v>27</v>
      </c>
      <c r="CW8" s="195">
        <v>27</v>
      </c>
    </row>
    <row r="9" spans="2:101" ht="21" customHeight="1" x14ac:dyDescent="0.2">
      <c r="B9" s="106" t="s">
        <v>14</v>
      </c>
      <c r="C9" s="190">
        <v>0</v>
      </c>
      <c r="D9" s="196">
        <v>0</v>
      </c>
      <c r="E9" s="207">
        <v>0</v>
      </c>
      <c r="F9" s="193">
        <v>0</v>
      </c>
      <c r="G9" s="191">
        <v>1</v>
      </c>
      <c r="H9" s="191">
        <v>4</v>
      </c>
      <c r="I9" s="191">
        <v>0</v>
      </c>
      <c r="J9" s="191">
        <v>1</v>
      </c>
      <c r="K9" s="191">
        <v>2</v>
      </c>
      <c r="L9" s="194">
        <v>8</v>
      </c>
      <c r="M9" s="195">
        <v>8</v>
      </c>
      <c r="N9" s="190">
        <v>0</v>
      </c>
      <c r="O9" s="191">
        <v>0</v>
      </c>
      <c r="P9" s="196">
        <v>0</v>
      </c>
      <c r="Q9" s="193">
        <v>0</v>
      </c>
      <c r="R9" s="191">
        <v>0</v>
      </c>
      <c r="S9" s="191">
        <v>0</v>
      </c>
      <c r="T9" s="191">
        <v>0</v>
      </c>
      <c r="U9" s="191">
        <v>0</v>
      </c>
      <c r="V9" s="191">
        <v>0</v>
      </c>
      <c r="W9" s="196">
        <v>0</v>
      </c>
      <c r="X9" s="195">
        <v>0</v>
      </c>
      <c r="Y9" s="190">
        <v>0</v>
      </c>
      <c r="Z9" s="191">
        <v>0</v>
      </c>
      <c r="AA9" s="196">
        <v>0</v>
      </c>
      <c r="AB9" s="193">
        <v>0</v>
      </c>
      <c r="AC9" s="191">
        <v>40</v>
      </c>
      <c r="AD9" s="191">
        <v>56</v>
      </c>
      <c r="AE9" s="191">
        <v>19</v>
      </c>
      <c r="AF9" s="191">
        <v>9</v>
      </c>
      <c r="AG9" s="191">
        <v>3</v>
      </c>
      <c r="AH9" s="196">
        <v>127</v>
      </c>
      <c r="AI9" s="195">
        <v>127</v>
      </c>
      <c r="AJ9" s="190">
        <v>0</v>
      </c>
      <c r="AK9" s="191">
        <v>0</v>
      </c>
      <c r="AL9" s="196">
        <v>0</v>
      </c>
      <c r="AM9" s="193">
        <v>0</v>
      </c>
      <c r="AN9" s="191">
        <v>0</v>
      </c>
      <c r="AO9" s="191">
        <v>1</v>
      </c>
      <c r="AP9" s="191">
        <v>1</v>
      </c>
      <c r="AQ9" s="191">
        <v>1</v>
      </c>
      <c r="AR9" s="191">
        <v>0</v>
      </c>
      <c r="AS9" s="196">
        <v>3</v>
      </c>
      <c r="AT9" s="195">
        <v>3</v>
      </c>
      <c r="AU9" s="190">
        <v>2</v>
      </c>
      <c r="AV9" s="191">
        <v>0</v>
      </c>
      <c r="AW9" s="196">
        <v>2</v>
      </c>
      <c r="AX9" s="193">
        <v>0</v>
      </c>
      <c r="AY9" s="191">
        <v>5</v>
      </c>
      <c r="AZ9" s="191">
        <v>5</v>
      </c>
      <c r="BA9" s="191">
        <v>6</v>
      </c>
      <c r="BB9" s="191">
        <v>2</v>
      </c>
      <c r="BC9" s="191">
        <v>2</v>
      </c>
      <c r="BD9" s="196">
        <v>20</v>
      </c>
      <c r="BE9" s="195">
        <v>22</v>
      </c>
      <c r="BF9" s="190">
        <v>0</v>
      </c>
      <c r="BG9" s="191">
        <v>0</v>
      </c>
      <c r="BH9" s="196">
        <v>0</v>
      </c>
      <c r="BI9" s="193">
        <v>0</v>
      </c>
      <c r="BJ9" s="191">
        <v>4</v>
      </c>
      <c r="BK9" s="191">
        <v>7</v>
      </c>
      <c r="BL9" s="191">
        <v>15</v>
      </c>
      <c r="BM9" s="191">
        <v>7</v>
      </c>
      <c r="BN9" s="191">
        <v>5</v>
      </c>
      <c r="BO9" s="194">
        <v>38</v>
      </c>
      <c r="BP9" s="195">
        <v>38</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3</v>
      </c>
      <c r="CS9" s="191">
        <v>2</v>
      </c>
      <c r="CT9" s="191">
        <v>2</v>
      </c>
      <c r="CU9" s="191">
        <v>1</v>
      </c>
      <c r="CV9" s="196">
        <v>8</v>
      </c>
      <c r="CW9" s="195">
        <v>8</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39</v>
      </c>
      <c r="AD10" s="191">
        <v>22</v>
      </c>
      <c r="AE10" s="191">
        <v>9</v>
      </c>
      <c r="AF10" s="191">
        <v>4</v>
      </c>
      <c r="AG10" s="191">
        <v>1</v>
      </c>
      <c r="AH10" s="196">
        <v>75</v>
      </c>
      <c r="AI10" s="195">
        <v>75</v>
      </c>
      <c r="AJ10" s="190">
        <v>0</v>
      </c>
      <c r="AK10" s="191">
        <v>0</v>
      </c>
      <c r="AL10" s="196">
        <v>0</v>
      </c>
      <c r="AM10" s="193">
        <v>0</v>
      </c>
      <c r="AN10" s="191">
        <v>1</v>
      </c>
      <c r="AO10" s="191">
        <v>3</v>
      </c>
      <c r="AP10" s="191">
        <v>5</v>
      </c>
      <c r="AQ10" s="191">
        <v>3</v>
      </c>
      <c r="AR10" s="191">
        <v>0</v>
      </c>
      <c r="AS10" s="196">
        <v>12</v>
      </c>
      <c r="AT10" s="195">
        <v>12</v>
      </c>
      <c r="AU10" s="190">
        <v>0</v>
      </c>
      <c r="AV10" s="191">
        <v>0</v>
      </c>
      <c r="AW10" s="196">
        <v>0</v>
      </c>
      <c r="AX10" s="193">
        <v>0</v>
      </c>
      <c r="AY10" s="191">
        <v>2</v>
      </c>
      <c r="AZ10" s="191">
        <v>0</v>
      </c>
      <c r="BA10" s="191">
        <v>1</v>
      </c>
      <c r="BB10" s="191">
        <v>1</v>
      </c>
      <c r="BC10" s="191">
        <v>0</v>
      </c>
      <c r="BD10" s="196">
        <v>4</v>
      </c>
      <c r="BE10" s="195">
        <v>4</v>
      </c>
      <c r="BF10" s="190">
        <v>0</v>
      </c>
      <c r="BG10" s="191">
        <v>0</v>
      </c>
      <c r="BH10" s="196">
        <v>0</v>
      </c>
      <c r="BI10" s="193">
        <v>0</v>
      </c>
      <c r="BJ10" s="191">
        <v>2</v>
      </c>
      <c r="BK10" s="191">
        <v>4</v>
      </c>
      <c r="BL10" s="191">
        <v>4</v>
      </c>
      <c r="BM10" s="191">
        <v>5</v>
      </c>
      <c r="BN10" s="191">
        <v>2</v>
      </c>
      <c r="BO10" s="194">
        <v>17</v>
      </c>
      <c r="BP10" s="195">
        <v>17</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1</v>
      </c>
      <c r="CV10" s="196">
        <v>2</v>
      </c>
      <c r="CW10" s="195">
        <v>2</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7</v>
      </c>
      <c r="AD11" s="191">
        <v>22</v>
      </c>
      <c r="AE11" s="191">
        <v>7</v>
      </c>
      <c r="AF11" s="191">
        <v>2</v>
      </c>
      <c r="AG11" s="191">
        <v>1</v>
      </c>
      <c r="AH11" s="196">
        <v>69</v>
      </c>
      <c r="AI11" s="195">
        <v>69</v>
      </c>
      <c r="AJ11" s="190">
        <v>0</v>
      </c>
      <c r="AK11" s="191">
        <v>0</v>
      </c>
      <c r="AL11" s="196">
        <v>0</v>
      </c>
      <c r="AM11" s="193">
        <v>0</v>
      </c>
      <c r="AN11" s="191">
        <v>0</v>
      </c>
      <c r="AO11" s="191">
        <v>0</v>
      </c>
      <c r="AP11" s="191">
        <v>0</v>
      </c>
      <c r="AQ11" s="191">
        <v>1</v>
      </c>
      <c r="AR11" s="191">
        <v>0</v>
      </c>
      <c r="AS11" s="196">
        <v>1</v>
      </c>
      <c r="AT11" s="195">
        <v>1</v>
      </c>
      <c r="AU11" s="190">
        <v>0</v>
      </c>
      <c r="AV11" s="191">
        <v>0</v>
      </c>
      <c r="AW11" s="196">
        <v>0</v>
      </c>
      <c r="AX11" s="193">
        <v>0</v>
      </c>
      <c r="AY11" s="191">
        <v>0</v>
      </c>
      <c r="AZ11" s="191">
        <v>0</v>
      </c>
      <c r="BA11" s="191">
        <v>3</v>
      </c>
      <c r="BB11" s="191">
        <v>1</v>
      </c>
      <c r="BC11" s="191">
        <v>0</v>
      </c>
      <c r="BD11" s="196">
        <v>4</v>
      </c>
      <c r="BE11" s="195">
        <v>4</v>
      </c>
      <c r="BF11" s="190">
        <v>0</v>
      </c>
      <c r="BG11" s="191">
        <v>0</v>
      </c>
      <c r="BH11" s="196">
        <v>0</v>
      </c>
      <c r="BI11" s="193">
        <v>0</v>
      </c>
      <c r="BJ11" s="191">
        <v>1</v>
      </c>
      <c r="BK11" s="191">
        <v>4</v>
      </c>
      <c r="BL11" s="191">
        <v>3</v>
      </c>
      <c r="BM11" s="191">
        <v>2</v>
      </c>
      <c r="BN11" s="191">
        <v>0</v>
      </c>
      <c r="BO11" s="194">
        <v>10</v>
      </c>
      <c r="BP11" s="195">
        <v>10</v>
      </c>
      <c r="BQ11" s="190">
        <v>0</v>
      </c>
      <c r="BR11" s="191">
        <v>0</v>
      </c>
      <c r="BS11" s="196">
        <v>0</v>
      </c>
      <c r="BT11" s="193">
        <v>0</v>
      </c>
      <c r="BU11" s="191">
        <v>0</v>
      </c>
      <c r="BV11" s="191">
        <v>0</v>
      </c>
      <c r="BW11" s="191">
        <v>0</v>
      </c>
      <c r="BX11" s="191">
        <v>2</v>
      </c>
      <c r="BY11" s="191">
        <v>1</v>
      </c>
      <c r="BZ11" s="196">
        <v>3</v>
      </c>
      <c r="CA11" s="195">
        <v>3</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1</v>
      </c>
      <c r="CR11" s="191">
        <v>1</v>
      </c>
      <c r="CS11" s="191">
        <v>0</v>
      </c>
      <c r="CT11" s="191">
        <v>0</v>
      </c>
      <c r="CU11" s="191">
        <v>0</v>
      </c>
      <c r="CV11" s="196">
        <v>2</v>
      </c>
      <c r="CW11" s="195">
        <v>2</v>
      </c>
    </row>
    <row r="12" spans="2:101" ht="21" customHeight="1" x14ac:dyDescent="0.2">
      <c r="B12" s="106" t="s">
        <v>9</v>
      </c>
      <c r="C12" s="190">
        <v>0</v>
      </c>
      <c r="D12" s="196">
        <v>0</v>
      </c>
      <c r="E12" s="207">
        <v>0</v>
      </c>
      <c r="F12" s="193">
        <v>0</v>
      </c>
      <c r="G12" s="191">
        <v>0</v>
      </c>
      <c r="H12" s="191">
        <v>1</v>
      </c>
      <c r="I12" s="191">
        <v>0</v>
      </c>
      <c r="J12" s="191">
        <v>1</v>
      </c>
      <c r="K12" s="191">
        <v>1</v>
      </c>
      <c r="L12" s="194">
        <v>3</v>
      </c>
      <c r="M12" s="195">
        <v>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38</v>
      </c>
      <c r="AD12" s="191">
        <v>26</v>
      </c>
      <c r="AE12" s="191">
        <v>19</v>
      </c>
      <c r="AF12" s="191">
        <v>8</v>
      </c>
      <c r="AG12" s="191">
        <v>4</v>
      </c>
      <c r="AH12" s="196">
        <v>95</v>
      </c>
      <c r="AI12" s="195">
        <v>95</v>
      </c>
      <c r="AJ12" s="190">
        <v>0</v>
      </c>
      <c r="AK12" s="191">
        <v>0</v>
      </c>
      <c r="AL12" s="196">
        <v>0</v>
      </c>
      <c r="AM12" s="193">
        <v>0</v>
      </c>
      <c r="AN12" s="191">
        <v>0</v>
      </c>
      <c r="AO12" s="191">
        <v>1</v>
      </c>
      <c r="AP12" s="191">
        <v>0</v>
      </c>
      <c r="AQ12" s="191">
        <v>0</v>
      </c>
      <c r="AR12" s="191">
        <v>0</v>
      </c>
      <c r="AS12" s="196">
        <v>1</v>
      </c>
      <c r="AT12" s="195">
        <v>1</v>
      </c>
      <c r="AU12" s="190">
        <v>1</v>
      </c>
      <c r="AV12" s="191">
        <v>1</v>
      </c>
      <c r="AW12" s="196">
        <v>2</v>
      </c>
      <c r="AX12" s="193">
        <v>0</v>
      </c>
      <c r="AY12" s="191">
        <v>4</v>
      </c>
      <c r="AZ12" s="191">
        <v>1</v>
      </c>
      <c r="BA12" s="191">
        <v>2</v>
      </c>
      <c r="BB12" s="191">
        <v>1</v>
      </c>
      <c r="BC12" s="191">
        <v>3</v>
      </c>
      <c r="BD12" s="196">
        <v>11</v>
      </c>
      <c r="BE12" s="195">
        <v>13</v>
      </c>
      <c r="BF12" s="190">
        <v>0</v>
      </c>
      <c r="BG12" s="191">
        <v>0</v>
      </c>
      <c r="BH12" s="196">
        <v>0</v>
      </c>
      <c r="BI12" s="193">
        <v>0</v>
      </c>
      <c r="BJ12" s="191">
        <v>0</v>
      </c>
      <c r="BK12" s="191">
        <v>2</v>
      </c>
      <c r="BL12" s="191">
        <v>6</v>
      </c>
      <c r="BM12" s="191">
        <v>4</v>
      </c>
      <c r="BN12" s="191">
        <v>1</v>
      </c>
      <c r="BO12" s="194">
        <v>13</v>
      </c>
      <c r="BP12" s="195">
        <v>13</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0</v>
      </c>
      <c r="CT12" s="191">
        <v>0</v>
      </c>
      <c r="CU12" s="191">
        <v>2</v>
      </c>
      <c r="CV12" s="196">
        <v>3</v>
      </c>
      <c r="CW12" s="195">
        <v>3</v>
      </c>
    </row>
    <row r="13" spans="2:101" ht="21" customHeight="1" x14ac:dyDescent="0.2">
      <c r="B13" s="106" t="s">
        <v>10</v>
      </c>
      <c r="C13" s="190">
        <v>0</v>
      </c>
      <c r="D13" s="196">
        <v>0</v>
      </c>
      <c r="E13" s="207">
        <v>0</v>
      </c>
      <c r="F13" s="193">
        <v>0</v>
      </c>
      <c r="G13" s="191">
        <v>1</v>
      </c>
      <c r="H13" s="191">
        <v>2</v>
      </c>
      <c r="I13" s="191">
        <v>2</v>
      </c>
      <c r="J13" s="191">
        <v>0</v>
      </c>
      <c r="K13" s="191">
        <v>1</v>
      </c>
      <c r="L13" s="194">
        <v>6</v>
      </c>
      <c r="M13" s="195">
        <v>6</v>
      </c>
      <c r="N13" s="190">
        <v>0</v>
      </c>
      <c r="O13" s="191">
        <v>0</v>
      </c>
      <c r="P13" s="196">
        <v>0</v>
      </c>
      <c r="Q13" s="193">
        <v>0</v>
      </c>
      <c r="R13" s="191">
        <v>0</v>
      </c>
      <c r="S13" s="191">
        <v>0</v>
      </c>
      <c r="T13" s="191">
        <v>0</v>
      </c>
      <c r="U13" s="191">
        <v>1</v>
      </c>
      <c r="V13" s="191">
        <v>0</v>
      </c>
      <c r="W13" s="196">
        <v>1</v>
      </c>
      <c r="X13" s="195">
        <v>1</v>
      </c>
      <c r="Y13" s="190">
        <v>0</v>
      </c>
      <c r="Z13" s="191">
        <v>0</v>
      </c>
      <c r="AA13" s="196">
        <v>0</v>
      </c>
      <c r="AB13" s="193">
        <v>0</v>
      </c>
      <c r="AC13" s="191">
        <v>35</v>
      </c>
      <c r="AD13" s="191">
        <v>10</v>
      </c>
      <c r="AE13" s="191">
        <v>8</v>
      </c>
      <c r="AF13" s="191">
        <v>5</v>
      </c>
      <c r="AG13" s="191">
        <v>0</v>
      </c>
      <c r="AH13" s="196">
        <v>58</v>
      </c>
      <c r="AI13" s="195">
        <v>58</v>
      </c>
      <c r="AJ13" s="190">
        <v>0</v>
      </c>
      <c r="AK13" s="191">
        <v>0</v>
      </c>
      <c r="AL13" s="196">
        <v>0</v>
      </c>
      <c r="AM13" s="193">
        <v>0</v>
      </c>
      <c r="AN13" s="191">
        <v>1</v>
      </c>
      <c r="AO13" s="191">
        <v>0</v>
      </c>
      <c r="AP13" s="191">
        <v>2</v>
      </c>
      <c r="AQ13" s="191">
        <v>2</v>
      </c>
      <c r="AR13" s="191">
        <v>0</v>
      </c>
      <c r="AS13" s="196">
        <v>5</v>
      </c>
      <c r="AT13" s="195">
        <v>5</v>
      </c>
      <c r="AU13" s="190">
        <v>1</v>
      </c>
      <c r="AV13" s="191">
        <v>1</v>
      </c>
      <c r="AW13" s="196">
        <v>2</v>
      </c>
      <c r="AX13" s="193">
        <v>0</v>
      </c>
      <c r="AY13" s="191">
        <v>4</v>
      </c>
      <c r="AZ13" s="191">
        <v>1</v>
      </c>
      <c r="BA13" s="191">
        <v>5</v>
      </c>
      <c r="BB13" s="191">
        <v>1</v>
      </c>
      <c r="BC13" s="191">
        <v>1</v>
      </c>
      <c r="BD13" s="196">
        <v>12</v>
      </c>
      <c r="BE13" s="195">
        <v>14</v>
      </c>
      <c r="BF13" s="190">
        <v>0</v>
      </c>
      <c r="BG13" s="191">
        <v>0</v>
      </c>
      <c r="BH13" s="196">
        <v>0</v>
      </c>
      <c r="BI13" s="193">
        <v>0</v>
      </c>
      <c r="BJ13" s="191">
        <v>3</v>
      </c>
      <c r="BK13" s="191">
        <v>7</v>
      </c>
      <c r="BL13" s="191">
        <v>4</v>
      </c>
      <c r="BM13" s="191">
        <v>5</v>
      </c>
      <c r="BN13" s="191">
        <v>9</v>
      </c>
      <c r="BO13" s="194">
        <v>28</v>
      </c>
      <c r="BP13" s="195">
        <v>28</v>
      </c>
      <c r="BQ13" s="190">
        <v>0</v>
      </c>
      <c r="BR13" s="191">
        <v>0</v>
      </c>
      <c r="BS13" s="196">
        <v>0</v>
      </c>
      <c r="BT13" s="193">
        <v>0</v>
      </c>
      <c r="BU13" s="191">
        <v>1</v>
      </c>
      <c r="BV13" s="191">
        <v>3</v>
      </c>
      <c r="BW13" s="191">
        <v>5</v>
      </c>
      <c r="BX13" s="191">
        <v>2</v>
      </c>
      <c r="BY13" s="191">
        <v>4</v>
      </c>
      <c r="BZ13" s="196">
        <v>15</v>
      </c>
      <c r="CA13" s="195">
        <v>15</v>
      </c>
      <c r="CB13" s="190">
        <v>0</v>
      </c>
      <c r="CC13" s="191">
        <v>0</v>
      </c>
      <c r="CD13" s="196">
        <v>0</v>
      </c>
      <c r="CE13" s="193">
        <v>0</v>
      </c>
      <c r="CF13" s="191">
        <v>0</v>
      </c>
      <c r="CG13" s="191">
        <v>0</v>
      </c>
      <c r="CH13" s="191">
        <v>0</v>
      </c>
      <c r="CI13" s="191">
        <v>2</v>
      </c>
      <c r="CJ13" s="191">
        <v>0</v>
      </c>
      <c r="CK13" s="196">
        <v>2</v>
      </c>
      <c r="CL13" s="195">
        <v>2</v>
      </c>
      <c r="CM13" s="190">
        <v>0</v>
      </c>
      <c r="CN13" s="191">
        <v>0</v>
      </c>
      <c r="CO13" s="196">
        <v>0</v>
      </c>
      <c r="CP13" s="193">
        <v>0</v>
      </c>
      <c r="CQ13" s="191">
        <v>3</v>
      </c>
      <c r="CR13" s="191">
        <v>0</v>
      </c>
      <c r="CS13" s="191">
        <v>1</v>
      </c>
      <c r="CT13" s="191">
        <v>1</v>
      </c>
      <c r="CU13" s="191">
        <v>3</v>
      </c>
      <c r="CV13" s="196">
        <v>8</v>
      </c>
      <c r="CW13" s="195">
        <v>8</v>
      </c>
    </row>
    <row r="14" spans="2:101" ht="21" customHeight="1" x14ac:dyDescent="0.2">
      <c r="B14" s="106" t="s">
        <v>11</v>
      </c>
      <c r="C14" s="190">
        <v>0</v>
      </c>
      <c r="D14" s="196">
        <v>0</v>
      </c>
      <c r="E14" s="207">
        <v>0</v>
      </c>
      <c r="F14" s="193">
        <v>0</v>
      </c>
      <c r="G14" s="191">
        <v>0</v>
      </c>
      <c r="H14" s="191">
        <v>1</v>
      </c>
      <c r="I14" s="191">
        <v>0</v>
      </c>
      <c r="J14" s="191">
        <v>0</v>
      </c>
      <c r="K14" s="191">
        <v>1</v>
      </c>
      <c r="L14" s="194">
        <v>2</v>
      </c>
      <c r="M14" s="195">
        <v>2</v>
      </c>
      <c r="N14" s="190">
        <v>0</v>
      </c>
      <c r="O14" s="191">
        <v>0</v>
      </c>
      <c r="P14" s="196">
        <v>0</v>
      </c>
      <c r="Q14" s="193">
        <v>0</v>
      </c>
      <c r="R14" s="191">
        <v>1</v>
      </c>
      <c r="S14" s="191">
        <v>0</v>
      </c>
      <c r="T14" s="191">
        <v>0</v>
      </c>
      <c r="U14" s="191">
        <v>1</v>
      </c>
      <c r="V14" s="191">
        <v>0</v>
      </c>
      <c r="W14" s="196">
        <v>2</v>
      </c>
      <c r="X14" s="195">
        <v>2</v>
      </c>
      <c r="Y14" s="190">
        <v>0</v>
      </c>
      <c r="Z14" s="191">
        <v>0</v>
      </c>
      <c r="AA14" s="196">
        <v>0</v>
      </c>
      <c r="AB14" s="193">
        <v>0</v>
      </c>
      <c r="AC14" s="191">
        <v>28</v>
      </c>
      <c r="AD14" s="191">
        <v>7</v>
      </c>
      <c r="AE14" s="191">
        <v>2</v>
      </c>
      <c r="AF14" s="191">
        <v>3</v>
      </c>
      <c r="AG14" s="191">
        <v>2</v>
      </c>
      <c r="AH14" s="196">
        <v>42</v>
      </c>
      <c r="AI14" s="195">
        <v>42</v>
      </c>
      <c r="AJ14" s="190">
        <v>0</v>
      </c>
      <c r="AK14" s="191">
        <v>0</v>
      </c>
      <c r="AL14" s="196">
        <v>0</v>
      </c>
      <c r="AM14" s="193">
        <v>0</v>
      </c>
      <c r="AN14" s="191">
        <v>2</v>
      </c>
      <c r="AO14" s="191">
        <v>0</v>
      </c>
      <c r="AP14" s="191">
        <v>0</v>
      </c>
      <c r="AQ14" s="191">
        <v>0</v>
      </c>
      <c r="AR14" s="191">
        <v>0</v>
      </c>
      <c r="AS14" s="196">
        <v>2</v>
      </c>
      <c r="AT14" s="195">
        <v>2</v>
      </c>
      <c r="AU14" s="190">
        <v>0</v>
      </c>
      <c r="AV14" s="191">
        <v>1</v>
      </c>
      <c r="AW14" s="196">
        <v>1</v>
      </c>
      <c r="AX14" s="193">
        <v>0</v>
      </c>
      <c r="AY14" s="191">
        <v>1</v>
      </c>
      <c r="AZ14" s="191">
        <v>2</v>
      </c>
      <c r="BA14" s="191">
        <v>0</v>
      </c>
      <c r="BB14" s="191">
        <v>2</v>
      </c>
      <c r="BC14" s="191">
        <v>0</v>
      </c>
      <c r="BD14" s="196">
        <v>5</v>
      </c>
      <c r="BE14" s="195">
        <v>6</v>
      </c>
      <c r="BF14" s="190">
        <v>0</v>
      </c>
      <c r="BG14" s="191">
        <v>0</v>
      </c>
      <c r="BH14" s="196">
        <v>0</v>
      </c>
      <c r="BI14" s="193">
        <v>0</v>
      </c>
      <c r="BJ14" s="191">
        <v>1</v>
      </c>
      <c r="BK14" s="191">
        <v>2</v>
      </c>
      <c r="BL14" s="191">
        <v>4</v>
      </c>
      <c r="BM14" s="191">
        <v>1</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0</v>
      </c>
      <c r="CS14" s="191">
        <v>0</v>
      </c>
      <c r="CT14" s="191">
        <v>0</v>
      </c>
      <c r="CU14" s="191">
        <v>0</v>
      </c>
      <c r="CV14" s="196">
        <v>0</v>
      </c>
      <c r="CW14" s="195">
        <v>0</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7</v>
      </c>
      <c r="AD15" s="191">
        <v>11</v>
      </c>
      <c r="AE15" s="191">
        <v>5</v>
      </c>
      <c r="AF15" s="191">
        <v>5</v>
      </c>
      <c r="AG15" s="191">
        <v>4</v>
      </c>
      <c r="AH15" s="196">
        <v>42</v>
      </c>
      <c r="AI15" s="195">
        <v>42</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1</v>
      </c>
      <c r="AZ15" s="191">
        <v>1</v>
      </c>
      <c r="BA15" s="191">
        <v>1</v>
      </c>
      <c r="BB15" s="191">
        <v>2</v>
      </c>
      <c r="BC15" s="191">
        <v>0</v>
      </c>
      <c r="BD15" s="196">
        <v>5</v>
      </c>
      <c r="BE15" s="195">
        <v>5</v>
      </c>
      <c r="BF15" s="190">
        <v>0</v>
      </c>
      <c r="BG15" s="191">
        <v>0</v>
      </c>
      <c r="BH15" s="196">
        <v>0</v>
      </c>
      <c r="BI15" s="193">
        <v>0</v>
      </c>
      <c r="BJ15" s="191">
        <v>1</v>
      </c>
      <c r="BK15" s="191">
        <v>2</v>
      </c>
      <c r="BL15" s="191">
        <v>0</v>
      </c>
      <c r="BM15" s="191">
        <v>0</v>
      </c>
      <c r="BN15" s="191">
        <v>1</v>
      </c>
      <c r="BO15" s="194">
        <v>4</v>
      </c>
      <c r="BP15" s="195">
        <v>4</v>
      </c>
      <c r="BQ15" s="190">
        <v>0</v>
      </c>
      <c r="BR15" s="191">
        <v>0</v>
      </c>
      <c r="BS15" s="196">
        <v>0</v>
      </c>
      <c r="BT15" s="193">
        <v>0</v>
      </c>
      <c r="BU15" s="191">
        <v>0</v>
      </c>
      <c r="BV15" s="191">
        <v>1</v>
      </c>
      <c r="BW15" s="191">
        <v>0</v>
      </c>
      <c r="BX15" s="191">
        <v>1</v>
      </c>
      <c r="BY15" s="191">
        <v>0</v>
      </c>
      <c r="BZ15" s="196">
        <v>2</v>
      </c>
      <c r="CA15" s="195">
        <v>2</v>
      </c>
      <c r="CB15" s="190">
        <v>0</v>
      </c>
      <c r="CC15" s="191">
        <v>0</v>
      </c>
      <c r="CD15" s="196">
        <v>0</v>
      </c>
      <c r="CE15" s="193">
        <v>0</v>
      </c>
      <c r="CF15" s="191">
        <v>0</v>
      </c>
      <c r="CG15" s="191">
        <v>0</v>
      </c>
      <c r="CH15" s="191">
        <v>0</v>
      </c>
      <c r="CI15" s="191">
        <v>1</v>
      </c>
      <c r="CJ15" s="191">
        <v>0</v>
      </c>
      <c r="CK15" s="196">
        <v>1</v>
      </c>
      <c r="CL15" s="195">
        <v>1</v>
      </c>
      <c r="CM15" s="190">
        <v>0</v>
      </c>
      <c r="CN15" s="191">
        <v>0</v>
      </c>
      <c r="CO15" s="196">
        <v>0</v>
      </c>
      <c r="CP15" s="193">
        <v>0</v>
      </c>
      <c r="CQ15" s="191">
        <v>0</v>
      </c>
      <c r="CR15" s="191">
        <v>2</v>
      </c>
      <c r="CS15" s="191">
        <v>1</v>
      </c>
      <c r="CT15" s="191">
        <v>0</v>
      </c>
      <c r="CU15" s="191">
        <v>1</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2</v>
      </c>
      <c r="AD16" s="191">
        <v>11</v>
      </c>
      <c r="AE16" s="191">
        <v>8</v>
      </c>
      <c r="AF16" s="191">
        <v>2</v>
      </c>
      <c r="AG16" s="191">
        <v>4</v>
      </c>
      <c r="AH16" s="196">
        <v>37</v>
      </c>
      <c r="AI16" s="195">
        <v>37</v>
      </c>
      <c r="AJ16" s="190">
        <v>0</v>
      </c>
      <c r="AK16" s="191">
        <v>0</v>
      </c>
      <c r="AL16" s="196">
        <v>0</v>
      </c>
      <c r="AM16" s="193">
        <v>0</v>
      </c>
      <c r="AN16" s="191">
        <v>0</v>
      </c>
      <c r="AO16" s="191">
        <v>2</v>
      </c>
      <c r="AP16" s="191">
        <v>0</v>
      </c>
      <c r="AQ16" s="191">
        <v>0</v>
      </c>
      <c r="AR16" s="191">
        <v>0</v>
      </c>
      <c r="AS16" s="196">
        <v>2</v>
      </c>
      <c r="AT16" s="195">
        <v>2</v>
      </c>
      <c r="AU16" s="190">
        <v>0</v>
      </c>
      <c r="AV16" s="191">
        <v>0</v>
      </c>
      <c r="AW16" s="196">
        <v>0</v>
      </c>
      <c r="AX16" s="193">
        <v>0</v>
      </c>
      <c r="AY16" s="191">
        <v>0</v>
      </c>
      <c r="AZ16" s="191">
        <v>0</v>
      </c>
      <c r="BA16" s="191">
        <v>1</v>
      </c>
      <c r="BB16" s="191">
        <v>0</v>
      </c>
      <c r="BC16" s="191">
        <v>0</v>
      </c>
      <c r="BD16" s="196">
        <v>1</v>
      </c>
      <c r="BE16" s="195">
        <v>1</v>
      </c>
      <c r="BF16" s="190">
        <v>0</v>
      </c>
      <c r="BG16" s="191">
        <v>0</v>
      </c>
      <c r="BH16" s="196">
        <v>0</v>
      </c>
      <c r="BI16" s="193">
        <v>0</v>
      </c>
      <c r="BJ16" s="191">
        <v>1</v>
      </c>
      <c r="BK16" s="191">
        <v>0</v>
      </c>
      <c r="BL16" s="191">
        <v>0</v>
      </c>
      <c r="BM16" s="191">
        <v>0</v>
      </c>
      <c r="BN16" s="191">
        <v>0</v>
      </c>
      <c r="BO16" s="194">
        <v>1</v>
      </c>
      <c r="BP16" s="195">
        <v>1</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7</v>
      </c>
      <c r="AD17" s="191">
        <v>8</v>
      </c>
      <c r="AE17" s="191">
        <v>2</v>
      </c>
      <c r="AF17" s="191">
        <v>2</v>
      </c>
      <c r="AG17" s="191">
        <v>2</v>
      </c>
      <c r="AH17" s="196">
        <v>21</v>
      </c>
      <c r="AI17" s="195">
        <v>21</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0</v>
      </c>
      <c r="BL17" s="191">
        <v>0</v>
      </c>
      <c r="BM17" s="191">
        <v>1</v>
      </c>
      <c r="BN17" s="191">
        <v>0</v>
      </c>
      <c r="BO17" s="194">
        <v>1</v>
      </c>
      <c r="BP17" s="195">
        <v>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0</v>
      </c>
      <c r="J18" s="191">
        <v>1</v>
      </c>
      <c r="K18" s="191">
        <v>0</v>
      </c>
      <c r="L18" s="194">
        <v>1</v>
      </c>
      <c r="M18" s="195">
        <v>1</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8</v>
      </c>
      <c r="AD18" s="191">
        <v>8</v>
      </c>
      <c r="AE18" s="191">
        <v>7</v>
      </c>
      <c r="AF18" s="191">
        <v>1</v>
      </c>
      <c r="AG18" s="191">
        <v>0</v>
      </c>
      <c r="AH18" s="196">
        <v>24</v>
      </c>
      <c r="AI18" s="195">
        <v>24</v>
      </c>
      <c r="AJ18" s="190">
        <v>0</v>
      </c>
      <c r="AK18" s="191">
        <v>0</v>
      </c>
      <c r="AL18" s="196">
        <v>0</v>
      </c>
      <c r="AM18" s="193">
        <v>0</v>
      </c>
      <c r="AN18" s="191">
        <v>1</v>
      </c>
      <c r="AO18" s="191">
        <v>1</v>
      </c>
      <c r="AP18" s="191">
        <v>1</v>
      </c>
      <c r="AQ18" s="191">
        <v>0</v>
      </c>
      <c r="AR18" s="191">
        <v>0</v>
      </c>
      <c r="AS18" s="196">
        <v>3</v>
      </c>
      <c r="AT18" s="195">
        <v>3</v>
      </c>
      <c r="AU18" s="190">
        <v>0</v>
      </c>
      <c r="AV18" s="191">
        <v>1</v>
      </c>
      <c r="AW18" s="196">
        <v>1</v>
      </c>
      <c r="AX18" s="193">
        <v>0</v>
      </c>
      <c r="AY18" s="191">
        <v>2</v>
      </c>
      <c r="AZ18" s="191">
        <v>1</v>
      </c>
      <c r="BA18" s="191">
        <v>0</v>
      </c>
      <c r="BB18" s="191">
        <v>0</v>
      </c>
      <c r="BC18" s="191">
        <v>1</v>
      </c>
      <c r="BD18" s="196">
        <v>4</v>
      </c>
      <c r="BE18" s="195">
        <v>5</v>
      </c>
      <c r="BF18" s="190">
        <v>0</v>
      </c>
      <c r="BG18" s="191">
        <v>0</v>
      </c>
      <c r="BH18" s="196">
        <v>0</v>
      </c>
      <c r="BI18" s="193">
        <v>0</v>
      </c>
      <c r="BJ18" s="191">
        <v>1</v>
      </c>
      <c r="BK18" s="191">
        <v>3</v>
      </c>
      <c r="BL18" s="191">
        <v>0</v>
      </c>
      <c r="BM18" s="191">
        <v>0</v>
      </c>
      <c r="BN18" s="191">
        <v>0</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1</v>
      </c>
      <c r="AD19" s="191">
        <v>17</v>
      </c>
      <c r="AE19" s="191">
        <v>13</v>
      </c>
      <c r="AF19" s="191">
        <v>3</v>
      </c>
      <c r="AG19" s="191">
        <v>1</v>
      </c>
      <c r="AH19" s="196">
        <v>55</v>
      </c>
      <c r="AI19" s="195">
        <v>55</v>
      </c>
      <c r="AJ19" s="190">
        <v>0</v>
      </c>
      <c r="AK19" s="191">
        <v>0</v>
      </c>
      <c r="AL19" s="196">
        <v>0</v>
      </c>
      <c r="AM19" s="193">
        <v>0</v>
      </c>
      <c r="AN19" s="191">
        <v>1</v>
      </c>
      <c r="AO19" s="191">
        <v>0</v>
      </c>
      <c r="AP19" s="191">
        <v>0</v>
      </c>
      <c r="AQ19" s="191">
        <v>0</v>
      </c>
      <c r="AR19" s="191">
        <v>0</v>
      </c>
      <c r="AS19" s="196">
        <v>1</v>
      </c>
      <c r="AT19" s="195">
        <v>1</v>
      </c>
      <c r="AU19" s="190">
        <v>0</v>
      </c>
      <c r="AV19" s="191">
        <v>0</v>
      </c>
      <c r="AW19" s="196">
        <v>0</v>
      </c>
      <c r="AX19" s="193">
        <v>0</v>
      </c>
      <c r="AY19" s="191">
        <v>1</v>
      </c>
      <c r="AZ19" s="191">
        <v>1</v>
      </c>
      <c r="BA19" s="191">
        <v>0</v>
      </c>
      <c r="BB19" s="191">
        <v>1</v>
      </c>
      <c r="BC19" s="191">
        <v>0</v>
      </c>
      <c r="BD19" s="196">
        <v>3</v>
      </c>
      <c r="BE19" s="195">
        <v>3</v>
      </c>
      <c r="BF19" s="190">
        <v>0</v>
      </c>
      <c r="BG19" s="191">
        <v>0</v>
      </c>
      <c r="BH19" s="196">
        <v>0</v>
      </c>
      <c r="BI19" s="193">
        <v>0</v>
      </c>
      <c r="BJ19" s="191">
        <v>1</v>
      </c>
      <c r="BK19" s="191">
        <v>4</v>
      </c>
      <c r="BL19" s="191">
        <v>3</v>
      </c>
      <c r="BM19" s="191">
        <v>1</v>
      </c>
      <c r="BN19" s="191">
        <v>3</v>
      </c>
      <c r="BO19" s="194">
        <v>12</v>
      </c>
      <c r="BP19" s="195">
        <v>12</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3</v>
      </c>
      <c r="CJ19" s="191">
        <v>2</v>
      </c>
      <c r="CK19" s="196">
        <v>6</v>
      </c>
      <c r="CL19" s="195">
        <v>6</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0</v>
      </c>
      <c r="I20" s="191">
        <v>0</v>
      </c>
      <c r="J20" s="191">
        <v>0</v>
      </c>
      <c r="K20" s="191">
        <v>0</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2</v>
      </c>
      <c r="AD20" s="191">
        <v>6</v>
      </c>
      <c r="AE20" s="191">
        <v>9</v>
      </c>
      <c r="AF20" s="191">
        <v>2</v>
      </c>
      <c r="AG20" s="191">
        <v>0</v>
      </c>
      <c r="AH20" s="196">
        <v>39</v>
      </c>
      <c r="AI20" s="195">
        <v>39</v>
      </c>
      <c r="AJ20" s="190">
        <v>0</v>
      </c>
      <c r="AK20" s="191">
        <v>0</v>
      </c>
      <c r="AL20" s="196">
        <v>0</v>
      </c>
      <c r="AM20" s="193">
        <v>0</v>
      </c>
      <c r="AN20" s="191">
        <v>0</v>
      </c>
      <c r="AO20" s="191">
        <v>0</v>
      </c>
      <c r="AP20" s="191">
        <v>1</v>
      </c>
      <c r="AQ20" s="191">
        <v>2</v>
      </c>
      <c r="AR20" s="191">
        <v>0</v>
      </c>
      <c r="AS20" s="196">
        <v>3</v>
      </c>
      <c r="AT20" s="195">
        <v>3</v>
      </c>
      <c r="AU20" s="190">
        <v>0</v>
      </c>
      <c r="AV20" s="191">
        <v>0</v>
      </c>
      <c r="AW20" s="196">
        <v>0</v>
      </c>
      <c r="AX20" s="193">
        <v>0</v>
      </c>
      <c r="AY20" s="191">
        <v>1</v>
      </c>
      <c r="AZ20" s="191">
        <v>0</v>
      </c>
      <c r="BA20" s="191">
        <v>1</v>
      </c>
      <c r="BB20" s="191">
        <v>0</v>
      </c>
      <c r="BC20" s="191">
        <v>0</v>
      </c>
      <c r="BD20" s="196">
        <v>2</v>
      </c>
      <c r="BE20" s="195">
        <v>2</v>
      </c>
      <c r="BF20" s="190">
        <v>0</v>
      </c>
      <c r="BG20" s="191">
        <v>0</v>
      </c>
      <c r="BH20" s="196">
        <v>0</v>
      </c>
      <c r="BI20" s="193">
        <v>0</v>
      </c>
      <c r="BJ20" s="191">
        <v>2</v>
      </c>
      <c r="BK20" s="191">
        <v>5</v>
      </c>
      <c r="BL20" s="191">
        <v>4</v>
      </c>
      <c r="BM20" s="191">
        <v>0</v>
      </c>
      <c r="BN20" s="191">
        <v>2</v>
      </c>
      <c r="BO20" s="194">
        <v>13</v>
      </c>
      <c r="BP20" s="195">
        <v>13</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1</v>
      </c>
      <c r="CK20" s="196">
        <v>2</v>
      </c>
      <c r="CL20" s="195">
        <v>2</v>
      </c>
      <c r="CM20" s="190">
        <v>0</v>
      </c>
      <c r="CN20" s="191">
        <v>0</v>
      </c>
      <c r="CO20" s="196">
        <v>0</v>
      </c>
      <c r="CP20" s="193">
        <v>0</v>
      </c>
      <c r="CQ20" s="191">
        <v>0</v>
      </c>
      <c r="CR20" s="191">
        <v>0</v>
      </c>
      <c r="CS20" s="191">
        <v>2</v>
      </c>
      <c r="CT20" s="191">
        <v>2</v>
      </c>
      <c r="CU20" s="191">
        <v>3</v>
      </c>
      <c r="CV20" s="196">
        <v>7</v>
      </c>
      <c r="CW20" s="195">
        <v>7</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0</v>
      </c>
      <c r="T21" s="191">
        <v>0</v>
      </c>
      <c r="U21" s="191">
        <v>1</v>
      </c>
      <c r="V21" s="191">
        <v>0</v>
      </c>
      <c r="W21" s="196">
        <v>1</v>
      </c>
      <c r="X21" s="195">
        <v>1</v>
      </c>
      <c r="Y21" s="190">
        <v>0</v>
      </c>
      <c r="Z21" s="191">
        <v>0</v>
      </c>
      <c r="AA21" s="196">
        <v>0</v>
      </c>
      <c r="AB21" s="193">
        <v>0</v>
      </c>
      <c r="AC21" s="191">
        <v>9</v>
      </c>
      <c r="AD21" s="191">
        <v>5</v>
      </c>
      <c r="AE21" s="191">
        <v>1</v>
      </c>
      <c r="AF21" s="191">
        <v>1</v>
      </c>
      <c r="AG21" s="191">
        <v>0</v>
      </c>
      <c r="AH21" s="196">
        <v>16</v>
      </c>
      <c r="AI21" s="195">
        <v>16</v>
      </c>
      <c r="AJ21" s="190">
        <v>0</v>
      </c>
      <c r="AK21" s="191">
        <v>0</v>
      </c>
      <c r="AL21" s="196">
        <v>0</v>
      </c>
      <c r="AM21" s="193">
        <v>0</v>
      </c>
      <c r="AN21" s="191">
        <v>2</v>
      </c>
      <c r="AO21" s="191">
        <v>1</v>
      </c>
      <c r="AP21" s="191">
        <v>1</v>
      </c>
      <c r="AQ21" s="191">
        <v>0</v>
      </c>
      <c r="AR21" s="191">
        <v>0</v>
      </c>
      <c r="AS21" s="196">
        <v>4</v>
      </c>
      <c r="AT21" s="195">
        <v>4</v>
      </c>
      <c r="AU21" s="190">
        <v>0</v>
      </c>
      <c r="AV21" s="191">
        <v>0</v>
      </c>
      <c r="AW21" s="196">
        <v>0</v>
      </c>
      <c r="AX21" s="193">
        <v>0</v>
      </c>
      <c r="AY21" s="191">
        <v>1</v>
      </c>
      <c r="AZ21" s="191">
        <v>1</v>
      </c>
      <c r="BA21" s="191">
        <v>1</v>
      </c>
      <c r="BB21" s="191">
        <v>0</v>
      </c>
      <c r="BC21" s="191">
        <v>0</v>
      </c>
      <c r="BD21" s="196">
        <v>3</v>
      </c>
      <c r="BE21" s="195">
        <v>3</v>
      </c>
      <c r="BF21" s="190">
        <v>0</v>
      </c>
      <c r="BG21" s="191">
        <v>0</v>
      </c>
      <c r="BH21" s="196">
        <v>0</v>
      </c>
      <c r="BI21" s="193">
        <v>0</v>
      </c>
      <c r="BJ21" s="191">
        <v>1</v>
      </c>
      <c r="BK21" s="191">
        <v>0</v>
      </c>
      <c r="BL21" s="191">
        <v>1</v>
      </c>
      <c r="BM21" s="191">
        <v>0</v>
      </c>
      <c r="BN21" s="191">
        <v>2</v>
      </c>
      <c r="BO21" s="194">
        <v>4</v>
      </c>
      <c r="BP21" s="195">
        <v>4</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1</v>
      </c>
      <c r="AD22" s="191">
        <v>7</v>
      </c>
      <c r="AE22" s="191">
        <v>2</v>
      </c>
      <c r="AF22" s="191">
        <v>0</v>
      </c>
      <c r="AG22" s="191">
        <v>0</v>
      </c>
      <c r="AH22" s="196">
        <v>20</v>
      </c>
      <c r="AI22" s="195">
        <v>20</v>
      </c>
      <c r="AJ22" s="190">
        <v>0</v>
      </c>
      <c r="AK22" s="191">
        <v>0</v>
      </c>
      <c r="AL22" s="196">
        <v>0</v>
      </c>
      <c r="AM22" s="193">
        <v>0</v>
      </c>
      <c r="AN22" s="191">
        <v>0</v>
      </c>
      <c r="AO22" s="191">
        <v>0</v>
      </c>
      <c r="AP22" s="191">
        <v>1</v>
      </c>
      <c r="AQ22" s="191">
        <v>0</v>
      </c>
      <c r="AR22" s="191">
        <v>0</v>
      </c>
      <c r="AS22" s="196">
        <v>1</v>
      </c>
      <c r="AT22" s="195">
        <v>1</v>
      </c>
      <c r="AU22" s="190">
        <v>0</v>
      </c>
      <c r="AV22" s="191">
        <v>1</v>
      </c>
      <c r="AW22" s="196">
        <v>1</v>
      </c>
      <c r="AX22" s="193">
        <v>0</v>
      </c>
      <c r="AY22" s="191">
        <v>0</v>
      </c>
      <c r="AZ22" s="191">
        <v>0</v>
      </c>
      <c r="BA22" s="191">
        <v>1</v>
      </c>
      <c r="BB22" s="191">
        <v>0</v>
      </c>
      <c r="BC22" s="191">
        <v>1</v>
      </c>
      <c r="BD22" s="196">
        <v>2</v>
      </c>
      <c r="BE22" s="195">
        <v>3</v>
      </c>
      <c r="BF22" s="190">
        <v>0</v>
      </c>
      <c r="BG22" s="191">
        <v>0</v>
      </c>
      <c r="BH22" s="196">
        <v>0</v>
      </c>
      <c r="BI22" s="193">
        <v>0</v>
      </c>
      <c r="BJ22" s="191">
        <v>1</v>
      </c>
      <c r="BK22" s="191">
        <v>1</v>
      </c>
      <c r="BL22" s="191">
        <v>3</v>
      </c>
      <c r="BM22" s="191">
        <v>0</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2</v>
      </c>
      <c r="AD23" s="191">
        <v>4</v>
      </c>
      <c r="AE23" s="191">
        <v>1</v>
      </c>
      <c r="AF23" s="191">
        <v>2</v>
      </c>
      <c r="AG23" s="191">
        <v>0</v>
      </c>
      <c r="AH23" s="196">
        <v>19</v>
      </c>
      <c r="AI23" s="195">
        <v>19</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2</v>
      </c>
      <c r="BB23" s="191">
        <v>0</v>
      </c>
      <c r="BC23" s="191">
        <v>0</v>
      </c>
      <c r="BD23" s="196">
        <v>3</v>
      </c>
      <c r="BE23" s="195">
        <v>3</v>
      </c>
      <c r="BF23" s="190">
        <v>0</v>
      </c>
      <c r="BG23" s="191">
        <v>0</v>
      </c>
      <c r="BH23" s="196">
        <v>0</v>
      </c>
      <c r="BI23" s="193">
        <v>0</v>
      </c>
      <c r="BJ23" s="191">
        <v>0</v>
      </c>
      <c r="BK23" s="191">
        <v>1</v>
      </c>
      <c r="BL23" s="191">
        <v>0</v>
      </c>
      <c r="BM23" s="191">
        <v>3</v>
      </c>
      <c r="BN23" s="191">
        <v>0</v>
      </c>
      <c r="BO23" s="194">
        <v>4</v>
      </c>
      <c r="BP23" s="195">
        <v>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1</v>
      </c>
      <c r="J24" s="191">
        <v>1</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0</v>
      </c>
      <c r="AD24" s="191">
        <v>7</v>
      </c>
      <c r="AE24" s="191">
        <v>0</v>
      </c>
      <c r="AF24" s="191">
        <v>1</v>
      </c>
      <c r="AG24" s="191">
        <v>0</v>
      </c>
      <c r="AH24" s="196">
        <v>18</v>
      </c>
      <c r="AI24" s="195">
        <v>18</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3</v>
      </c>
      <c r="BA24" s="191">
        <v>0</v>
      </c>
      <c r="BB24" s="191">
        <v>1</v>
      </c>
      <c r="BC24" s="191">
        <v>0</v>
      </c>
      <c r="BD24" s="196">
        <v>4</v>
      </c>
      <c r="BE24" s="195">
        <v>4</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2</v>
      </c>
      <c r="AE25" s="191">
        <v>2</v>
      </c>
      <c r="AF25" s="191">
        <v>0</v>
      </c>
      <c r="AG25" s="191">
        <v>0</v>
      </c>
      <c r="AH25" s="196">
        <v>6</v>
      </c>
      <c r="AI25" s="195">
        <v>6</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1</v>
      </c>
      <c r="BL25" s="191">
        <v>3</v>
      </c>
      <c r="BM25" s="191">
        <v>0</v>
      </c>
      <c r="BN25" s="191">
        <v>0</v>
      </c>
      <c r="BO25" s="194">
        <v>5</v>
      </c>
      <c r="BP25" s="195">
        <v>5</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1</v>
      </c>
      <c r="CV25" s="196">
        <v>2</v>
      </c>
      <c r="CW25" s="195">
        <v>2</v>
      </c>
    </row>
    <row r="26" spans="2:101" ht="21" customHeight="1" x14ac:dyDescent="0.2">
      <c r="B26" s="106" t="s">
        <v>24</v>
      </c>
      <c r="C26" s="190">
        <v>0</v>
      </c>
      <c r="D26" s="196">
        <v>0</v>
      </c>
      <c r="E26" s="207">
        <v>0</v>
      </c>
      <c r="F26" s="193">
        <v>0</v>
      </c>
      <c r="G26" s="191">
        <v>0</v>
      </c>
      <c r="H26" s="191">
        <v>0</v>
      </c>
      <c r="I26" s="191">
        <v>0</v>
      </c>
      <c r="J26" s="191">
        <v>2</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1</v>
      </c>
      <c r="AE26" s="191">
        <v>0</v>
      </c>
      <c r="AF26" s="191">
        <v>1</v>
      </c>
      <c r="AG26" s="191">
        <v>0</v>
      </c>
      <c r="AH26" s="196">
        <v>2</v>
      </c>
      <c r="AI26" s="195">
        <v>2</v>
      </c>
      <c r="AJ26" s="190">
        <v>0</v>
      </c>
      <c r="AK26" s="191">
        <v>0</v>
      </c>
      <c r="AL26" s="196">
        <v>0</v>
      </c>
      <c r="AM26" s="193">
        <v>0</v>
      </c>
      <c r="AN26" s="191">
        <v>0</v>
      </c>
      <c r="AO26" s="191">
        <v>0</v>
      </c>
      <c r="AP26" s="191">
        <v>0</v>
      </c>
      <c r="AQ26" s="191">
        <v>0</v>
      </c>
      <c r="AR26" s="191">
        <v>1</v>
      </c>
      <c r="AS26" s="196">
        <v>1</v>
      </c>
      <c r="AT26" s="195">
        <v>1</v>
      </c>
      <c r="AU26" s="190">
        <v>0</v>
      </c>
      <c r="AV26" s="191">
        <v>0</v>
      </c>
      <c r="AW26" s="196">
        <v>0</v>
      </c>
      <c r="AX26" s="193">
        <v>0</v>
      </c>
      <c r="AY26" s="191">
        <v>2</v>
      </c>
      <c r="AZ26" s="191">
        <v>1</v>
      </c>
      <c r="BA26" s="191">
        <v>0</v>
      </c>
      <c r="BB26" s="191">
        <v>1</v>
      </c>
      <c r="BC26" s="191">
        <v>1</v>
      </c>
      <c r="BD26" s="196">
        <v>5</v>
      </c>
      <c r="BE26" s="195">
        <v>5</v>
      </c>
      <c r="BF26" s="190">
        <v>0</v>
      </c>
      <c r="BG26" s="191">
        <v>0</v>
      </c>
      <c r="BH26" s="196">
        <v>0</v>
      </c>
      <c r="BI26" s="193">
        <v>0</v>
      </c>
      <c r="BJ26" s="191">
        <v>0</v>
      </c>
      <c r="BK26" s="191">
        <v>1</v>
      </c>
      <c r="BL26" s="191">
        <v>0</v>
      </c>
      <c r="BM26" s="191">
        <v>0</v>
      </c>
      <c r="BN26" s="191">
        <v>1</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3</v>
      </c>
      <c r="AD27" s="191">
        <v>2</v>
      </c>
      <c r="AE27" s="191">
        <v>1</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2</v>
      </c>
      <c r="AE28" s="191">
        <v>1</v>
      </c>
      <c r="AF28" s="191">
        <v>0</v>
      </c>
      <c r="AG28" s="191">
        <v>0</v>
      </c>
      <c r="AH28" s="196">
        <v>5</v>
      </c>
      <c r="AI28" s="195">
        <v>5</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1</v>
      </c>
      <c r="BA28" s="191">
        <v>0</v>
      </c>
      <c r="BB28" s="191">
        <v>0</v>
      </c>
      <c r="BC28" s="191">
        <v>0</v>
      </c>
      <c r="BD28" s="196">
        <v>1</v>
      </c>
      <c r="BE28" s="195">
        <v>1</v>
      </c>
      <c r="BF28" s="190">
        <v>0</v>
      </c>
      <c r="BG28" s="191">
        <v>0</v>
      </c>
      <c r="BH28" s="196">
        <v>0</v>
      </c>
      <c r="BI28" s="193">
        <v>0</v>
      </c>
      <c r="BJ28" s="191">
        <v>0</v>
      </c>
      <c r="BK28" s="191">
        <v>1</v>
      </c>
      <c r="BL28" s="191">
        <v>3</v>
      </c>
      <c r="BM28" s="191">
        <v>0</v>
      </c>
      <c r="BN28" s="191">
        <v>0</v>
      </c>
      <c r="BO28" s="194">
        <v>4</v>
      </c>
      <c r="BP28" s="195">
        <v>4</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4</v>
      </c>
      <c r="AD29" s="191">
        <v>2</v>
      </c>
      <c r="AE29" s="191">
        <v>1</v>
      </c>
      <c r="AF29" s="191">
        <v>0</v>
      </c>
      <c r="AG29" s="191">
        <v>0</v>
      </c>
      <c r="AH29" s="196">
        <v>7</v>
      </c>
      <c r="AI29" s="195">
        <v>7</v>
      </c>
      <c r="AJ29" s="190">
        <v>0</v>
      </c>
      <c r="AK29" s="191">
        <v>0</v>
      </c>
      <c r="AL29" s="196">
        <v>0</v>
      </c>
      <c r="AM29" s="193">
        <v>0</v>
      </c>
      <c r="AN29" s="191">
        <v>0</v>
      </c>
      <c r="AO29" s="191">
        <v>1</v>
      </c>
      <c r="AP29" s="191">
        <v>1</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1</v>
      </c>
      <c r="CT29" s="191">
        <v>0</v>
      </c>
      <c r="CU29" s="191">
        <v>0</v>
      </c>
      <c r="CV29" s="196">
        <v>1</v>
      </c>
      <c r="CW29" s="195">
        <v>1</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1</v>
      </c>
      <c r="AE30" s="191">
        <v>0</v>
      </c>
      <c r="AF30" s="191">
        <v>0</v>
      </c>
      <c r="AG30" s="191">
        <v>0</v>
      </c>
      <c r="AH30" s="196">
        <v>7</v>
      </c>
      <c r="AI30" s="195">
        <v>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1</v>
      </c>
      <c r="BM30" s="191">
        <v>0</v>
      </c>
      <c r="BN30" s="191">
        <v>0</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v>
      </c>
      <c r="AD31" s="191">
        <v>0</v>
      </c>
      <c r="AE31" s="191">
        <v>1</v>
      </c>
      <c r="AF31" s="191">
        <v>1</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2</v>
      </c>
      <c r="BA31" s="191">
        <v>0</v>
      </c>
      <c r="BB31" s="191">
        <v>0</v>
      </c>
      <c r="BC31" s="191">
        <v>0</v>
      </c>
      <c r="BD31" s="196">
        <v>4</v>
      </c>
      <c r="BE31" s="195">
        <v>4</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1</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1</v>
      </c>
      <c r="BK32" s="191">
        <v>0</v>
      </c>
      <c r="BL32" s="191">
        <v>0</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v>
      </c>
      <c r="AD33" s="191">
        <v>1</v>
      </c>
      <c r="AE33" s="191">
        <v>1</v>
      </c>
      <c r="AF33" s="191">
        <v>0</v>
      </c>
      <c r="AG33" s="191">
        <v>0</v>
      </c>
      <c r="AH33" s="196">
        <v>4</v>
      </c>
      <c r="AI33" s="195">
        <v>4</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6">
        <v>1</v>
      </c>
      <c r="BE33" s="195">
        <v>1</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1</v>
      </c>
      <c r="AE34" s="191">
        <v>0</v>
      </c>
      <c r="AF34" s="191">
        <v>0</v>
      </c>
      <c r="AG34" s="191">
        <v>0</v>
      </c>
      <c r="AH34" s="196">
        <v>5</v>
      </c>
      <c r="AI34" s="195">
        <v>5</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0</v>
      </c>
      <c r="AZ34" s="191">
        <v>0</v>
      </c>
      <c r="BA34" s="191">
        <v>1</v>
      </c>
      <c r="BB34" s="191">
        <v>0</v>
      </c>
      <c r="BC34" s="191">
        <v>0</v>
      </c>
      <c r="BD34" s="196">
        <v>1</v>
      </c>
      <c r="BE34" s="195">
        <v>1</v>
      </c>
      <c r="BF34" s="190">
        <v>0</v>
      </c>
      <c r="BG34" s="191">
        <v>0</v>
      </c>
      <c r="BH34" s="196">
        <v>0</v>
      </c>
      <c r="BI34" s="193">
        <v>0</v>
      </c>
      <c r="BJ34" s="191">
        <v>0</v>
      </c>
      <c r="BK34" s="191">
        <v>0</v>
      </c>
      <c r="BL34" s="191">
        <v>0</v>
      </c>
      <c r="BM34" s="191">
        <v>0</v>
      </c>
      <c r="BN34" s="191">
        <v>0</v>
      </c>
      <c r="BO34" s="194">
        <v>0</v>
      </c>
      <c r="BP34" s="195">
        <v>0</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0</v>
      </c>
      <c r="AF35" s="191">
        <v>1</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0</v>
      </c>
      <c r="AE36" s="191">
        <v>0</v>
      </c>
      <c r="AF36" s="191">
        <v>0</v>
      </c>
      <c r="AG36" s="191">
        <v>0</v>
      </c>
      <c r="AH36" s="196">
        <v>1</v>
      </c>
      <c r="AI36" s="195">
        <v>1</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1</v>
      </c>
      <c r="AZ37" s="191">
        <v>0</v>
      </c>
      <c r="BA37" s="191">
        <v>0</v>
      </c>
      <c r="BB37" s="191">
        <v>0</v>
      </c>
      <c r="BC37" s="191">
        <v>0</v>
      </c>
      <c r="BD37" s="196">
        <v>1</v>
      </c>
      <c r="BE37" s="195">
        <v>1</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1</v>
      </c>
      <c r="AD38" s="191">
        <v>1</v>
      </c>
      <c r="AE38" s="191">
        <v>0</v>
      </c>
      <c r="AF38" s="191">
        <v>0</v>
      </c>
      <c r="AG38" s="191">
        <v>0</v>
      </c>
      <c r="AH38" s="196">
        <v>2</v>
      </c>
      <c r="AI38" s="195">
        <v>2</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1</v>
      </c>
      <c r="BB38" s="191">
        <v>0</v>
      </c>
      <c r="BC38" s="191">
        <v>0</v>
      </c>
      <c r="BD38" s="196">
        <v>1</v>
      </c>
      <c r="BE38" s="195">
        <v>1</v>
      </c>
      <c r="BF38" s="190">
        <v>0</v>
      </c>
      <c r="BG38" s="191">
        <v>0</v>
      </c>
      <c r="BH38" s="196">
        <v>0</v>
      </c>
      <c r="BI38" s="193">
        <v>0</v>
      </c>
      <c r="BJ38" s="191">
        <v>0</v>
      </c>
      <c r="BK38" s="191">
        <v>1</v>
      </c>
      <c r="BL38" s="191">
        <v>1</v>
      </c>
      <c r="BM38" s="191">
        <v>0</v>
      </c>
      <c r="BN38" s="191">
        <v>1</v>
      </c>
      <c r="BO38" s="194">
        <v>3</v>
      </c>
      <c r="BP38" s="195">
        <v>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1">
        <f>第１表!F2</f>
        <v>6</v>
      </c>
      <c r="I1" s="441"/>
      <c r="J1" s="18">
        <f>第１表!G2</f>
        <v>7</v>
      </c>
      <c r="K1" s="445">
        <f>IF(J1&lt;3,J1+12-2,J1-2)</f>
        <v>5</v>
      </c>
      <c r="L1" s="445"/>
    </row>
    <row r="2" spans="2:24" ht="24" customHeight="1" thickBot="1" x14ac:dyDescent="0.25">
      <c r="B2" s="142" t="s">
        <v>130</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110299</v>
      </c>
      <c r="H6" s="184">
        <v>113604</v>
      </c>
      <c r="I6" s="184">
        <v>65505</v>
      </c>
      <c r="J6" s="184">
        <v>33806</v>
      </c>
      <c r="K6" s="184">
        <v>14409</v>
      </c>
      <c r="L6" s="189">
        <v>337623</v>
      </c>
      <c r="M6" s="188">
        <v>337623</v>
      </c>
      <c r="N6" s="184">
        <v>24</v>
      </c>
      <c r="O6" s="184">
        <v>53</v>
      </c>
      <c r="P6" s="189">
        <v>77</v>
      </c>
      <c r="Q6" s="186">
        <v>0</v>
      </c>
      <c r="R6" s="184">
        <v>6772</v>
      </c>
      <c r="S6" s="184">
        <v>9361</v>
      </c>
      <c r="T6" s="184">
        <v>12367</v>
      </c>
      <c r="U6" s="184">
        <v>6794</v>
      </c>
      <c r="V6" s="184">
        <v>5004</v>
      </c>
      <c r="W6" s="189">
        <v>40298</v>
      </c>
      <c r="X6" s="188">
        <v>40375</v>
      </c>
    </row>
    <row r="7" spans="2:24" ht="21" customHeight="1" x14ac:dyDescent="0.2">
      <c r="B7" s="95" t="s">
        <v>5</v>
      </c>
      <c r="C7" s="191">
        <v>0</v>
      </c>
      <c r="D7" s="191">
        <v>0</v>
      </c>
      <c r="E7" s="196">
        <v>0</v>
      </c>
      <c r="F7" s="193">
        <v>0</v>
      </c>
      <c r="G7" s="191">
        <v>38159</v>
      </c>
      <c r="H7" s="191">
        <v>53423</v>
      </c>
      <c r="I7" s="191">
        <v>30713</v>
      </c>
      <c r="J7" s="191">
        <v>15081</v>
      </c>
      <c r="K7" s="191">
        <v>6729</v>
      </c>
      <c r="L7" s="196">
        <v>144105</v>
      </c>
      <c r="M7" s="195">
        <v>144105</v>
      </c>
      <c r="N7" s="191">
        <v>10</v>
      </c>
      <c r="O7" s="191">
        <v>13</v>
      </c>
      <c r="P7" s="196">
        <v>23</v>
      </c>
      <c r="Q7" s="193">
        <v>0</v>
      </c>
      <c r="R7" s="191">
        <v>3408</v>
      </c>
      <c r="S7" s="191">
        <v>4923</v>
      </c>
      <c r="T7" s="191">
        <v>6312</v>
      </c>
      <c r="U7" s="191">
        <v>3719</v>
      </c>
      <c r="V7" s="191">
        <v>2694</v>
      </c>
      <c r="W7" s="196">
        <v>21056</v>
      </c>
      <c r="X7" s="195">
        <v>21079</v>
      </c>
    </row>
    <row r="8" spans="2:24" ht="21" customHeight="1" x14ac:dyDescent="0.2">
      <c r="B8" s="106" t="s">
        <v>6</v>
      </c>
      <c r="C8" s="191">
        <v>0</v>
      </c>
      <c r="D8" s="191">
        <v>0</v>
      </c>
      <c r="E8" s="196">
        <v>0</v>
      </c>
      <c r="F8" s="193">
        <v>0</v>
      </c>
      <c r="G8" s="191">
        <v>14893</v>
      </c>
      <c r="H8" s="191">
        <v>12381</v>
      </c>
      <c r="I8" s="191">
        <v>7277</v>
      </c>
      <c r="J8" s="191">
        <v>4441</v>
      </c>
      <c r="K8" s="191">
        <v>1848</v>
      </c>
      <c r="L8" s="196">
        <v>40840</v>
      </c>
      <c r="M8" s="195">
        <v>40840</v>
      </c>
      <c r="N8" s="191">
        <v>4</v>
      </c>
      <c r="O8" s="191">
        <v>0</v>
      </c>
      <c r="P8" s="196">
        <v>4</v>
      </c>
      <c r="Q8" s="193">
        <v>0</v>
      </c>
      <c r="R8" s="191">
        <v>1363</v>
      </c>
      <c r="S8" s="191">
        <v>2227</v>
      </c>
      <c r="T8" s="191">
        <v>2923</v>
      </c>
      <c r="U8" s="191">
        <v>1456</v>
      </c>
      <c r="V8" s="191">
        <v>1176</v>
      </c>
      <c r="W8" s="196">
        <v>9145</v>
      </c>
      <c r="X8" s="195">
        <v>9149</v>
      </c>
    </row>
    <row r="9" spans="2:24" ht="21" customHeight="1" x14ac:dyDescent="0.2">
      <c r="B9" s="106" t="s">
        <v>14</v>
      </c>
      <c r="C9" s="191">
        <v>0</v>
      </c>
      <c r="D9" s="191">
        <v>0</v>
      </c>
      <c r="E9" s="196">
        <v>0</v>
      </c>
      <c r="F9" s="193">
        <v>0</v>
      </c>
      <c r="G9" s="191">
        <v>8683</v>
      </c>
      <c r="H9" s="191">
        <v>10356</v>
      </c>
      <c r="I9" s="191">
        <v>5712</v>
      </c>
      <c r="J9" s="191">
        <v>3069</v>
      </c>
      <c r="K9" s="191">
        <v>1141</v>
      </c>
      <c r="L9" s="196">
        <v>28961</v>
      </c>
      <c r="M9" s="195">
        <v>28961</v>
      </c>
      <c r="N9" s="191">
        <v>0</v>
      </c>
      <c r="O9" s="191">
        <v>0</v>
      </c>
      <c r="P9" s="196">
        <v>0</v>
      </c>
      <c r="Q9" s="193">
        <v>0</v>
      </c>
      <c r="R9" s="191">
        <v>128</v>
      </c>
      <c r="S9" s="191">
        <v>193</v>
      </c>
      <c r="T9" s="191">
        <v>458</v>
      </c>
      <c r="U9" s="191">
        <v>138</v>
      </c>
      <c r="V9" s="191">
        <v>211</v>
      </c>
      <c r="W9" s="196">
        <v>1128</v>
      </c>
      <c r="X9" s="195">
        <v>1128</v>
      </c>
    </row>
    <row r="10" spans="2:24" ht="21" customHeight="1" x14ac:dyDescent="0.2">
      <c r="B10" s="106" t="s">
        <v>7</v>
      </c>
      <c r="C10" s="191">
        <v>0</v>
      </c>
      <c r="D10" s="191">
        <v>0</v>
      </c>
      <c r="E10" s="196">
        <v>0</v>
      </c>
      <c r="F10" s="193">
        <v>0</v>
      </c>
      <c r="G10" s="191">
        <v>8821</v>
      </c>
      <c r="H10" s="191">
        <v>5953</v>
      </c>
      <c r="I10" s="191">
        <v>2656</v>
      </c>
      <c r="J10" s="191">
        <v>1125</v>
      </c>
      <c r="K10" s="191">
        <v>549</v>
      </c>
      <c r="L10" s="196">
        <v>19104</v>
      </c>
      <c r="M10" s="195">
        <v>19104</v>
      </c>
      <c r="N10" s="191">
        <v>0</v>
      </c>
      <c r="O10" s="191">
        <v>11</v>
      </c>
      <c r="P10" s="196">
        <v>11</v>
      </c>
      <c r="Q10" s="193">
        <v>0</v>
      </c>
      <c r="R10" s="191">
        <v>716</v>
      </c>
      <c r="S10" s="191">
        <v>846</v>
      </c>
      <c r="T10" s="191">
        <v>916</v>
      </c>
      <c r="U10" s="191">
        <v>416</v>
      </c>
      <c r="V10" s="191">
        <v>265</v>
      </c>
      <c r="W10" s="196">
        <v>3159</v>
      </c>
      <c r="X10" s="195">
        <v>3170</v>
      </c>
    </row>
    <row r="11" spans="2:24" ht="21" customHeight="1" x14ac:dyDescent="0.2">
      <c r="B11" s="106" t="s">
        <v>8</v>
      </c>
      <c r="C11" s="191">
        <v>0</v>
      </c>
      <c r="D11" s="191">
        <v>0</v>
      </c>
      <c r="E11" s="196">
        <v>0</v>
      </c>
      <c r="F11" s="193">
        <v>0</v>
      </c>
      <c r="G11" s="191">
        <v>5489</v>
      </c>
      <c r="H11" s="191">
        <v>5601</v>
      </c>
      <c r="I11" s="191">
        <v>2584</v>
      </c>
      <c r="J11" s="191">
        <v>1342</v>
      </c>
      <c r="K11" s="191">
        <v>785</v>
      </c>
      <c r="L11" s="196">
        <v>15801</v>
      </c>
      <c r="M11" s="195">
        <v>15801</v>
      </c>
      <c r="N11" s="191">
        <v>0</v>
      </c>
      <c r="O11" s="191">
        <v>0</v>
      </c>
      <c r="P11" s="196">
        <v>0</v>
      </c>
      <c r="Q11" s="193">
        <v>0</v>
      </c>
      <c r="R11" s="191">
        <v>48</v>
      </c>
      <c r="S11" s="191">
        <v>64</v>
      </c>
      <c r="T11" s="191">
        <v>63</v>
      </c>
      <c r="U11" s="191">
        <v>120</v>
      </c>
      <c r="V11" s="191">
        <v>77</v>
      </c>
      <c r="W11" s="196">
        <v>372</v>
      </c>
      <c r="X11" s="195">
        <v>372</v>
      </c>
    </row>
    <row r="12" spans="2:24" ht="21" customHeight="1" x14ac:dyDescent="0.2">
      <c r="B12" s="106" t="s">
        <v>9</v>
      </c>
      <c r="C12" s="191">
        <v>0</v>
      </c>
      <c r="D12" s="191">
        <v>0</v>
      </c>
      <c r="E12" s="196">
        <v>0</v>
      </c>
      <c r="F12" s="193">
        <v>0</v>
      </c>
      <c r="G12" s="191">
        <v>3490</v>
      </c>
      <c r="H12" s="191">
        <v>2436</v>
      </c>
      <c r="I12" s="191">
        <v>1610</v>
      </c>
      <c r="J12" s="191">
        <v>1283</v>
      </c>
      <c r="K12" s="191">
        <v>450</v>
      </c>
      <c r="L12" s="196">
        <v>9269</v>
      </c>
      <c r="M12" s="195">
        <v>9269</v>
      </c>
      <c r="N12" s="191">
        <v>0</v>
      </c>
      <c r="O12" s="191">
        <v>0</v>
      </c>
      <c r="P12" s="196">
        <v>0</v>
      </c>
      <c r="Q12" s="193">
        <v>0</v>
      </c>
      <c r="R12" s="191">
        <v>51</v>
      </c>
      <c r="S12" s="191">
        <v>76</v>
      </c>
      <c r="T12" s="191">
        <v>89</v>
      </c>
      <c r="U12" s="191">
        <v>0</v>
      </c>
      <c r="V12" s="191">
        <v>58</v>
      </c>
      <c r="W12" s="196">
        <v>274</v>
      </c>
      <c r="X12" s="195">
        <v>274</v>
      </c>
    </row>
    <row r="13" spans="2:24" ht="21" customHeight="1" x14ac:dyDescent="0.2">
      <c r="B13" s="106" t="s">
        <v>10</v>
      </c>
      <c r="C13" s="191">
        <v>0</v>
      </c>
      <c r="D13" s="191">
        <v>0</v>
      </c>
      <c r="E13" s="196">
        <v>0</v>
      </c>
      <c r="F13" s="193">
        <v>0</v>
      </c>
      <c r="G13" s="191">
        <v>4492</v>
      </c>
      <c r="H13" s="191">
        <v>2227</v>
      </c>
      <c r="I13" s="191">
        <v>1340</v>
      </c>
      <c r="J13" s="191">
        <v>739</v>
      </c>
      <c r="K13" s="191">
        <v>173</v>
      </c>
      <c r="L13" s="196">
        <v>8971</v>
      </c>
      <c r="M13" s="195">
        <v>8971</v>
      </c>
      <c r="N13" s="191">
        <v>0</v>
      </c>
      <c r="O13" s="191">
        <v>5</v>
      </c>
      <c r="P13" s="196">
        <v>5</v>
      </c>
      <c r="Q13" s="193">
        <v>0</v>
      </c>
      <c r="R13" s="191">
        <v>92</v>
      </c>
      <c r="S13" s="191">
        <v>83</v>
      </c>
      <c r="T13" s="191">
        <v>266</v>
      </c>
      <c r="U13" s="191">
        <v>130</v>
      </c>
      <c r="V13" s="191">
        <v>122</v>
      </c>
      <c r="W13" s="196">
        <v>693</v>
      </c>
      <c r="X13" s="195">
        <v>698</v>
      </c>
    </row>
    <row r="14" spans="2:24" ht="21" customHeight="1" x14ac:dyDescent="0.2">
      <c r="B14" s="106" t="s">
        <v>11</v>
      </c>
      <c r="C14" s="191">
        <v>0</v>
      </c>
      <c r="D14" s="191">
        <v>0</v>
      </c>
      <c r="E14" s="196">
        <v>0</v>
      </c>
      <c r="F14" s="193">
        <v>0</v>
      </c>
      <c r="G14" s="191">
        <v>4273</v>
      </c>
      <c r="H14" s="191">
        <v>2495</v>
      </c>
      <c r="I14" s="191">
        <v>1650</v>
      </c>
      <c r="J14" s="191">
        <v>911</v>
      </c>
      <c r="K14" s="191">
        <v>430</v>
      </c>
      <c r="L14" s="196">
        <v>9759</v>
      </c>
      <c r="M14" s="195">
        <v>9759</v>
      </c>
      <c r="N14" s="191">
        <v>0</v>
      </c>
      <c r="O14" s="191">
        <v>0</v>
      </c>
      <c r="P14" s="196">
        <v>0</v>
      </c>
      <c r="Q14" s="193">
        <v>0</v>
      </c>
      <c r="R14" s="191">
        <v>198</v>
      </c>
      <c r="S14" s="191">
        <v>148</v>
      </c>
      <c r="T14" s="191">
        <v>128</v>
      </c>
      <c r="U14" s="191">
        <v>39</v>
      </c>
      <c r="V14" s="191">
        <v>12</v>
      </c>
      <c r="W14" s="196">
        <v>525</v>
      </c>
      <c r="X14" s="195">
        <v>525</v>
      </c>
    </row>
    <row r="15" spans="2:24" ht="21" customHeight="1" x14ac:dyDescent="0.2">
      <c r="B15" s="106" t="s">
        <v>12</v>
      </c>
      <c r="C15" s="191">
        <v>0</v>
      </c>
      <c r="D15" s="191">
        <v>0</v>
      </c>
      <c r="E15" s="196">
        <v>0</v>
      </c>
      <c r="F15" s="193">
        <v>0</v>
      </c>
      <c r="G15" s="191">
        <v>3535</v>
      </c>
      <c r="H15" s="191">
        <v>2320</v>
      </c>
      <c r="I15" s="191">
        <v>1766</v>
      </c>
      <c r="J15" s="191">
        <v>724</v>
      </c>
      <c r="K15" s="191">
        <v>268</v>
      </c>
      <c r="L15" s="196">
        <v>8613</v>
      </c>
      <c r="M15" s="195">
        <v>8613</v>
      </c>
      <c r="N15" s="191">
        <v>0</v>
      </c>
      <c r="O15" s="191">
        <v>0</v>
      </c>
      <c r="P15" s="196">
        <v>0</v>
      </c>
      <c r="Q15" s="193">
        <v>0</v>
      </c>
      <c r="R15" s="191">
        <v>62</v>
      </c>
      <c r="S15" s="191">
        <v>26</v>
      </c>
      <c r="T15" s="191">
        <v>4</v>
      </c>
      <c r="U15" s="191">
        <v>4</v>
      </c>
      <c r="V15" s="191">
        <v>13</v>
      </c>
      <c r="W15" s="196">
        <v>109</v>
      </c>
      <c r="X15" s="195">
        <v>109</v>
      </c>
    </row>
    <row r="16" spans="2:24" ht="21" customHeight="1" x14ac:dyDescent="0.2">
      <c r="B16" s="106" t="s">
        <v>13</v>
      </c>
      <c r="C16" s="191">
        <v>0</v>
      </c>
      <c r="D16" s="191">
        <v>0</v>
      </c>
      <c r="E16" s="196">
        <v>0</v>
      </c>
      <c r="F16" s="193">
        <v>0</v>
      </c>
      <c r="G16" s="191">
        <v>1206</v>
      </c>
      <c r="H16" s="191">
        <v>1387</v>
      </c>
      <c r="I16" s="191">
        <v>708</v>
      </c>
      <c r="J16" s="191">
        <v>340</v>
      </c>
      <c r="K16" s="191">
        <v>129</v>
      </c>
      <c r="L16" s="196">
        <v>3770</v>
      </c>
      <c r="M16" s="195">
        <v>3770</v>
      </c>
      <c r="N16" s="191">
        <v>0</v>
      </c>
      <c r="O16" s="191">
        <v>0</v>
      </c>
      <c r="P16" s="196">
        <v>0</v>
      </c>
      <c r="Q16" s="193">
        <v>0</v>
      </c>
      <c r="R16" s="191">
        <v>13</v>
      </c>
      <c r="S16" s="191">
        <v>45</v>
      </c>
      <c r="T16" s="191">
        <v>118</v>
      </c>
      <c r="U16" s="191">
        <v>33</v>
      </c>
      <c r="V16" s="191">
        <v>71</v>
      </c>
      <c r="W16" s="196">
        <v>280</v>
      </c>
      <c r="X16" s="195">
        <v>280</v>
      </c>
    </row>
    <row r="17" spans="2:24" ht="21" customHeight="1" x14ac:dyDescent="0.2">
      <c r="B17" s="106" t="s">
        <v>15</v>
      </c>
      <c r="C17" s="191">
        <v>0</v>
      </c>
      <c r="D17" s="191">
        <v>0</v>
      </c>
      <c r="E17" s="196">
        <v>0</v>
      </c>
      <c r="F17" s="193">
        <v>0</v>
      </c>
      <c r="G17" s="191">
        <v>1412</v>
      </c>
      <c r="H17" s="191">
        <v>1512</v>
      </c>
      <c r="I17" s="191">
        <v>808</v>
      </c>
      <c r="J17" s="191">
        <v>325</v>
      </c>
      <c r="K17" s="191">
        <v>143</v>
      </c>
      <c r="L17" s="196">
        <v>4200</v>
      </c>
      <c r="M17" s="195">
        <v>4200</v>
      </c>
      <c r="N17" s="191">
        <v>0</v>
      </c>
      <c r="O17" s="191">
        <v>4</v>
      </c>
      <c r="P17" s="196">
        <v>4</v>
      </c>
      <c r="Q17" s="193">
        <v>0</v>
      </c>
      <c r="R17" s="191">
        <v>5</v>
      </c>
      <c r="S17" s="191">
        <v>17</v>
      </c>
      <c r="T17" s="191">
        <v>77</v>
      </c>
      <c r="U17" s="191">
        <v>38</v>
      </c>
      <c r="V17" s="191">
        <v>24</v>
      </c>
      <c r="W17" s="196">
        <v>161</v>
      </c>
      <c r="X17" s="195">
        <v>165</v>
      </c>
    </row>
    <row r="18" spans="2:24" ht="21" customHeight="1" x14ac:dyDescent="0.2">
      <c r="B18" s="106" t="s">
        <v>16</v>
      </c>
      <c r="C18" s="191">
        <v>0</v>
      </c>
      <c r="D18" s="191">
        <v>0</v>
      </c>
      <c r="E18" s="196">
        <v>0</v>
      </c>
      <c r="F18" s="193">
        <v>0</v>
      </c>
      <c r="G18" s="191">
        <v>1452</v>
      </c>
      <c r="H18" s="191">
        <v>1651</v>
      </c>
      <c r="I18" s="191">
        <v>1150</v>
      </c>
      <c r="J18" s="191">
        <v>591</v>
      </c>
      <c r="K18" s="191">
        <v>147</v>
      </c>
      <c r="L18" s="196">
        <v>4991</v>
      </c>
      <c r="M18" s="195">
        <v>4991</v>
      </c>
      <c r="N18" s="191">
        <v>0</v>
      </c>
      <c r="O18" s="191">
        <v>0</v>
      </c>
      <c r="P18" s="196">
        <v>0</v>
      </c>
      <c r="Q18" s="193">
        <v>0</v>
      </c>
      <c r="R18" s="191">
        <v>47</v>
      </c>
      <c r="S18" s="191">
        <v>73</v>
      </c>
      <c r="T18" s="191">
        <v>89</v>
      </c>
      <c r="U18" s="191">
        <v>59</v>
      </c>
      <c r="V18" s="191">
        <v>59</v>
      </c>
      <c r="W18" s="196">
        <v>327</v>
      </c>
      <c r="X18" s="195">
        <v>327</v>
      </c>
    </row>
    <row r="19" spans="2:24" ht="21" customHeight="1" x14ac:dyDescent="0.2">
      <c r="B19" s="106" t="s">
        <v>17</v>
      </c>
      <c r="C19" s="191">
        <v>0</v>
      </c>
      <c r="D19" s="191">
        <v>0</v>
      </c>
      <c r="E19" s="196">
        <v>0</v>
      </c>
      <c r="F19" s="193">
        <v>0</v>
      </c>
      <c r="G19" s="191">
        <v>2215</v>
      </c>
      <c r="H19" s="191">
        <v>2881</v>
      </c>
      <c r="I19" s="191">
        <v>1880</v>
      </c>
      <c r="J19" s="191">
        <v>1308</v>
      </c>
      <c r="K19" s="191">
        <v>502</v>
      </c>
      <c r="L19" s="196">
        <v>8786</v>
      </c>
      <c r="M19" s="195">
        <v>8786</v>
      </c>
      <c r="N19" s="191">
        <v>10</v>
      </c>
      <c r="O19" s="191">
        <v>20</v>
      </c>
      <c r="P19" s="196">
        <v>30</v>
      </c>
      <c r="Q19" s="193">
        <v>0</v>
      </c>
      <c r="R19" s="191">
        <v>172</v>
      </c>
      <c r="S19" s="191">
        <v>187</v>
      </c>
      <c r="T19" s="191">
        <v>143</v>
      </c>
      <c r="U19" s="191">
        <v>107</v>
      </c>
      <c r="V19" s="191">
        <v>44</v>
      </c>
      <c r="W19" s="196">
        <v>653</v>
      </c>
      <c r="X19" s="195">
        <v>683</v>
      </c>
    </row>
    <row r="20" spans="2:24" ht="21" customHeight="1" x14ac:dyDescent="0.2">
      <c r="B20" s="106" t="s">
        <v>18</v>
      </c>
      <c r="C20" s="191">
        <v>0</v>
      </c>
      <c r="D20" s="191">
        <v>0</v>
      </c>
      <c r="E20" s="196">
        <v>0</v>
      </c>
      <c r="F20" s="193">
        <v>0</v>
      </c>
      <c r="G20" s="191">
        <v>2335</v>
      </c>
      <c r="H20" s="191">
        <v>1730</v>
      </c>
      <c r="I20" s="191">
        <v>1012</v>
      </c>
      <c r="J20" s="191">
        <v>466</v>
      </c>
      <c r="K20" s="191">
        <v>183</v>
      </c>
      <c r="L20" s="196">
        <v>5726</v>
      </c>
      <c r="M20" s="195">
        <v>5726</v>
      </c>
      <c r="N20" s="191">
        <v>0</v>
      </c>
      <c r="O20" s="191">
        <v>0</v>
      </c>
      <c r="P20" s="196">
        <v>0</v>
      </c>
      <c r="Q20" s="193">
        <v>0</v>
      </c>
      <c r="R20" s="191">
        <v>98</v>
      </c>
      <c r="S20" s="191">
        <v>82</v>
      </c>
      <c r="T20" s="191">
        <v>259</v>
      </c>
      <c r="U20" s="191">
        <v>209</v>
      </c>
      <c r="V20" s="191">
        <v>51</v>
      </c>
      <c r="W20" s="196">
        <v>699</v>
      </c>
      <c r="X20" s="195">
        <v>699</v>
      </c>
    </row>
    <row r="21" spans="2:24" ht="21" customHeight="1" x14ac:dyDescent="0.2">
      <c r="B21" s="106" t="s">
        <v>19</v>
      </c>
      <c r="C21" s="191">
        <v>0</v>
      </c>
      <c r="D21" s="191">
        <v>0</v>
      </c>
      <c r="E21" s="196">
        <v>0</v>
      </c>
      <c r="F21" s="193">
        <v>0</v>
      </c>
      <c r="G21" s="191">
        <v>1131</v>
      </c>
      <c r="H21" s="191">
        <v>802</v>
      </c>
      <c r="I21" s="191">
        <v>446</v>
      </c>
      <c r="J21" s="191">
        <v>206</v>
      </c>
      <c r="K21" s="191">
        <v>88</v>
      </c>
      <c r="L21" s="196">
        <v>2673</v>
      </c>
      <c r="M21" s="195">
        <v>2673</v>
      </c>
      <c r="N21" s="191">
        <v>0</v>
      </c>
      <c r="O21" s="191">
        <v>0</v>
      </c>
      <c r="P21" s="196">
        <v>0</v>
      </c>
      <c r="Q21" s="193">
        <v>0</v>
      </c>
      <c r="R21" s="191">
        <v>106</v>
      </c>
      <c r="S21" s="191">
        <v>197</v>
      </c>
      <c r="T21" s="191">
        <v>188</v>
      </c>
      <c r="U21" s="191">
        <v>39</v>
      </c>
      <c r="V21" s="191">
        <v>61</v>
      </c>
      <c r="W21" s="196">
        <v>591</v>
      </c>
      <c r="X21" s="195">
        <v>591</v>
      </c>
    </row>
    <row r="22" spans="2:24" ht="21" customHeight="1" x14ac:dyDescent="0.2">
      <c r="B22" s="106" t="s">
        <v>20</v>
      </c>
      <c r="C22" s="191">
        <v>0</v>
      </c>
      <c r="D22" s="191">
        <v>0</v>
      </c>
      <c r="E22" s="196">
        <v>0</v>
      </c>
      <c r="F22" s="193">
        <v>0</v>
      </c>
      <c r="G22" s="191">
        <v>1507</v>
      </c>
      <c r="H22" s="191">
        <v>943</v>
      </c>
      <c r="I22" s="191">
        <v>486</v>
      </c>
      <c r="J22" s="191">
        <v>191</v>
      </c>
      <c r="K22" s="191">
        <v>58</v>
      </c>
      <c r="L22" s="196">
        <v>3185</v>
      </c>
      <c r="M22" s="195">
        <v>3185</v>
      </c>
      <c r="N22" s="191">
        <v>0</v>
      </c>
      <c r="O22" s="191">
        <v>0</v>
      </c>
      <c r="P22" s="196">
        <v>0</v>
      </c>
      <c r="Q22" s="193">
        <v>0</v>
      </c>
      <c r="R22" s="191">
        <v>18</v>
      </c>
      <c r="S22" s="191">
        <v>13</v>
      </c>
      <c r="T22" s="191">
        <v>77</v>
      </c>
      <c r="U22" s="191">
        <v>91</v>
      </c>
      <c r="V22" s="191">
        <v>14</v>
      </c>
      <c r="W22" s="196">
        <v>213</v>
      </c>
      <c r="X22" s="195">
        <v>213</v>
      </c>
    </row>
    <row r="23" spans="2:24" ht="21" customHeight="1" x14ac:dyDescent="0.2">
      <c r="B23" s="106" t="s">
        <v>21</v>
      </c>
      <c r="C23" s="191">
        <v>0</v>
      </c>
      <c r="D23" s="191">
        <v>0</v>
      </c>
      <c r="E23" s="196">
        <v>0</v>
      </c>
      <c r="F23" s="193">
        <v>0</v>
      </c>
      <c r="G23" s="191">
        <v>1686</v>
      </c>
      <c r="H23" s="191">
        <v>1306</v>
      </c>
      <c r="I23" s="191">
        <v>791</v>
      </c>
      <c r="J23" s="191">
        <v>318</v>
      </c>
      <c r="K23" s="191">
        <v>170</v>
      </c>
      <c r="L23" s="196">
        <v>4271</v>
      </c>
      <c r="M23" s="195">
        <v>4271</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1049</v>
      </c>
      <c r="H24" s="191">
        <v>994</v>
      </c>
      <c r="I24" s="191">
        <v>555</v>
      </c>
      <c r="J24" s="191">
        <v>455</v>
      </c>
      <c r="K24" s="191">
        <v>80</v>
      </c>
      <c r="L24" s="196">
        <v>3133</v>
      </c>
      <c r="M24" s="195">
        <v>3133</v>
      </c>
      <c r="N24" s="191">
        <v>0</v>
      </c>
      <c r="O24" s="191">
        <v>0</v>
      </c>
      <c r="P24" s="196">
        <v>0</v>
      </c>
      <c r="Q24" s="193">
        <v>0</v>
      </c>
      <c r="R24" s="191">
        <v>16</v>
      </c>
      <c r="S24" s="191">
        <v>7</v>
      </c>
      <c r="T24" s="191">
        <v>124</v>
      </c>
      <c r="U24" s="191">
        <v>51</v>
      </c>
      <c r="V24" s="191">
        <v>15</v>
      </c>
      <c r="W24" s="196">
        <v>213</v>
      </c>
      <c r="X24" s="195">
        <v>213</v>
      </c>
    </row>
    <row r="25" spans="2:24" ht="21" customHeight="1" x14ac:dyDescent="0.2">
      <c r="B25" s="106" t="s">
        <v>23</v>
      </c>
      <c r="C25" s="191">
        <v>0</v>
      </c>
      <c r="D25" s="191">
        <v>0</v>
      </c>
      <c r="E25" s="196">
        <v>0</v>
      </c>
      <c r="F25" s="193">
        <v>0</v>
      </c>
      <c r="G25" s="191">
        <v>690</v>
      </c>
      <c r="H25" s="191">
        <v>585</v>
      </c>
      <c r="I25" s="191">
        <v>367</v>
      </c>
      <c r="J25" s="191">
        <v>238</v>
      </c>
      <c r="K25" s="191">
        <v>56</v>
      </c>
      <c r="L25" s="196">
        <v>1936</v>
      </c>
      <c r="M25" s="195">
        <v>1936</v>
      </c>
      <c r="N25" s="191">
        <v>0</v>
      </c>
      <c r="O25" s="191">
        <v>0</v>
      </c>
      <c r="P25" s="196">
        <v>0</v>
      </c>
      <c r="Q25" s="193">
        <v>0</v>
      </c>
      <c r="R25" s="191">
        <v>0</v>
      </c>
      <c r="S25" s="191">
        <v>0</v>
      </c>
      <c r="T25" s="191">
        <v>34</v>
      </c>
      <c r="U25" s="191">
        <v>23</v>
      </c>
      <c r="V25" s="191">
        <v>0</v>
      </c>
      <c r="W25" s="196">
        <v>57</v>
      </c>
      <c r="X25" s="195">
        <v>57</v>
      </c>
    </row>
    <row r="26" spans="2:24" ht="21" customHeight="1" x14ac:dyDescent="0.2">
      <c r="B26" s="106" t="s">
        <v>24</v>
      </c>
      <c r="C26" s="191">
        <v>0</v>
      </c>
      <c r="D26" s="191">
        <v>0</v>
      </c>
      <c r="E26" s="196">
        <v>0</v>
      </c>
      <c r="F26" s="193">
        <v>0</v>
      </c>
      <c r="G26" s="191">
        <v>229</v>
      </c>
      <c r="H26" s="191">
        <v>222</v>
      </c>
      <c r="I26" s="191">
        <v>170</v>
      </c>
      <c r="J26" s="191">
        <v>76</v>
      </c>
      <c r="K26" s="191">
        <v>4</v>
      </c>
      <c r="L26" s="196">
        <v>701</v>
      </c>
      <c r="M26" s="195">
        <v>701</v>
      </c>
      <c r="N26" s="191">
        <v>0</v>
      </c>
      <c r="O26" s="191">
        <v>0</v>
      </c>
      <c r="P26" s="196">
        <v>0</v>
      </c>
      <c r="Q26" s="193">
        <v>0</v>
      </c>
      <c r="R26" s="191">
        <v>98</v>
      </c>
      <c r="S26" s="191">
        <v>82</v>
      </c>
      <c r="T26" s="191">
        <v>36</v>
      </c>
      <c r="U26" s="191">
        <v>63</v>
      </c>
      <c r="V26" s="191">
        <v>16</v>
      </c>
      <c r="W26" s="196">
        <v>295</v>
      </c>
      <c r="X26" s="195">
        <v>295</v>
      </c>
    </row>
    <row r="27" spans="2:24" ht="21" customHeight="1" x14ac:dyDescent="0.2">
      <c r="B27" s="106" t="s">
        <v>25</v>
      </c>
      <c r="C27" s="191">
        <v>0</v>
      </c>
      <c r="D27" s="191">
        <v>0</v>
      </c>
      <c r="E27" s="196">
        <v>0</v>
      </c>
      <c r="F27" s="193">
        <v>0</v>
      </c>
      <c r="G27" s="191">
        <v>660</v>
      </c>
      <c r="H27" s="191">
        <v>401</v>
      </c>
      <c r="I27" s="191">
        <v>167</v>
      </c>
      <c r="J27" s="191">
        <v>39</v>
      </c>
      <c r="K27" s="191">
        <v>4</v>
      </c>
      <c r="L27" s="196">
        <v>1271</v>
      </c>
      <c r="M27" s="195">
        <v>1271</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39</v>
      </c>
      <c r="H28" s="191">
        <v>340</v>
      </c>
      <c r="I28" s="191">
        <v>277</v>
      </c>
      <c r="J28" s="191">
        <v>101</v>
      </c>
      <c r="K28" s="191">
        <v>46</v>
      </c>
      <c r="L28" s="196">
        <v>1103</v>
      </c>
      <c r="M28" s="195">
        <v>1103</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307</v>
      </c>
      <c r="H29" s="191">
        <v>121</v>
      </c>
      <c r="I29" s="191">
        <v>78</v>
      </c>
      <c r="J29" s="191">
        <v>16</v>
      </c>
      <c r="K29" s="191">
        <v>0</v>
      </c>
      <c r="L29" s="196">
        <v>522</v>
      </c>
      <c r="M29" s="195">
        <v>522</v>
      </c>
      <c r="N29" s="191">
        <v>0</v>
      </c>
      <c r="O29" s="191">
        <v>0</v>
      </c>
      <c r="P29" s="196">
        <v>0</v>
      </c>
      <c r="Q29" s="193">
        <v>0</v>
      </c>
      <c r="R29" s="191">
        <v>21</v>
      </c>
      <c r="S29" s="191">
        <v>5</v>
      </c>
      <c r="T29" s="191">
        <v>27</v>
      </c>
      <c r="U29" s="191">
        <v>20</v>
      </c>
      <c r="V29" s="191">
        <v>0</v>
      </c>
      <c r="W29" s="196">
        <v>73</v>
      </c>
      <c r="X29" s="195">
        <v>73</v>
      </c>
    </row>
    <row r="30" spans="2:24" ht="21" customHeight="1" x14ac:dyDescent="0.2">
      <c r="B30" s="106" t="s">
        <v>28</v>
      </c>
      <c r="C30" s="191">
        <v>0</v>
      </c>
      <c r="D30" s="191">
        <v>0</v>
      </c>
      <c r="E30" s="196">
        <v>0</v>
      </c>
      <c r="F30" s="193">
        <v>0</v>
      </c>
      <c r="G30" s="191">
        <v>230</v>
      </c>
      <c r="H30" s="191">
        <v>89</v>
      </c>
      <c r="I30" s="191">
        <v>50</v>
      </c>
      <c r="J30" s="191">
        <v>27</v>
      </c>
      <c r="K30" s="191">
        <v>6</v>
      </c>
      <c r="L30" s="196">
        <v>402</v>
      </c>
      <c r="M30" s="195">
        <v>402</v>
      </c>
      <c r="N30" s="191">
        <v>0</v>
      </c>
      <c r="O30" s="191">
        <v>0</v>
      </c>
      <c r="P30" s="196">
        <v>0</v>
      </c>
      <c r="Q30" s="193">
        <v>0</v>
      </c>
      <c r="R30" s="191">
        <v>29</v>
      </c>
      <c r="S30" s="191">
        <v>16</v>
      </c>
      <c r="T30" s="191">
        <v>8</v>
      </c>
      <c r="U30" s="191">
        <v>23</v>
      </c>
      <c r="V30" s="191">
        <v>0</v>
      </c>
      <c r="W30" s="196">
        <v>76</v>
      </c>
      <c r="X30" s="195">
        <v>76</v>
      </c>
    </row>
    <row r="31" spans="2:24" ht="21" customHeight="1" x14ac:dyDescent="0.2">
      <c r="B31" s="106" t="s">
        <v>29</v>
      </c>
      <c r="C31" s="191">
        <v>0</v>
      </c>
      <c r="D31" s="191">
        <v>0</v>
      </c>
      <c r="E31" s="196">
        <v>0</v>
      </c>
      <c r="F31" s="193">
        <v>0</v>
      </c>
      <c r="G31" s="191">
        <v>112</v>
      </c>
      <c r="H31" s="191">
        <v>165</v>
      </c>
      <c r="I31" s="191">
        <v>92</v>
      </c>
      <c r="J31" s="191">
        <v>19</v>
      </c>
      <c r="K31" s="191">
        <v>0</v>
      </c>
      <c r="L31" s="196">
        <v>388</v>
      </c>
      <c r="M31" s="195">
        <v>388</v>
      </c>
      <c r="N31" s="191">
        <v>0</v>
      </c>
      <c r="O31" s="191">
        <v>0</v>
      </c>
      <c r="P31" s="196">
        <v>0</v>
      </c>
      <c r="Q31" s="193">
        <v>0</v>
      </c>
      <c r="R31" s="191">
        <v>18</v>
      </c>
      <c r="S31" s="191">
        <v>9</v>
      </c>
      <c r="T31" s="191">
        <v>5</v>
      </c>
      <c r="U31" s="191">
        <v>0</v>
      </c>
      <c r="V31" s="191">
        <v>0</v>
      </c>
      <c r="W31" s="196">
        <v>32</v>
      </c>
      <c r="X31" s="195">
        <v>32</v>
      </c>
    </row>
    <row r="32" spans="2:24" ht="21" customHeight="1" x14ac:dyDescent="0.2">
      <c r="B32" s="106" t="s">
        <v>30</v>
      </c>
      <c r="C32" s="191">
        <v>0</v>
      </c>
      <c r="D32" s="191">
        <v>0</v>
      </c>
      <c r="E32" s="196">
        <v>0</v>
      </c>
      <c r="F32" s="193">
        <v>0</v>
      </c>
      <c r="G32" s="191">
        <v>238</v>
      </c>
      <c r="H32" s="191">
        <v>119</v>
      </c>
      <c r="I32" s="191">
        <v>67</v>
      </c>
      <c r="J32" s="191">
        <v>48</v>
      </c>
      <c r="K32" s="191">
        <v>9</v>
      </c>
      <c r="L32" s="196">
        <v>481</v>
      </c>
      <c r="M32" s="195">
        <v>481</v>
      </c>
      <c r="N32" s="191">
        <v>0</v>
      </c>
      <c r="O32" s="191">
        <v>0</v>
      </c>
      <c r="P32" s="196">
        <v>0</v>
      </c>
      <c r="Q32" s="193">
        <v>0</v>
      </c>
      <c r="R32" s="191">
        <v>4</v>
      </c>
      <c r="S32" s="191">
        <v>20</v>
      </c>
      <c r="T32" s="191">
        <v>0</v>
      </c>
      <c r="U32" s="191">
        <v>0</v>
      </c>
      <c r="V32" s="191">
        <v>0</v>
      </c>
      <c r="W32" s="196">
        <v>24</v>
      </c>
      <c r="X32" s="195">
        <v>24</v>
      </c>
    </row>
    <row r="33" spans="2:24" ht="21" customHeight="1" x14ac:dyDescent="0.2">
      <c r="B33" s="106" t="s">
        <v>31</v>
      </c>
      <c r="C33" s="191">
        <v>0</v>
      </c>
      <c r="D33" s="191">
        <v>0</v>
      </c>
      <c r="E33" s="196">
        <v>0</v>
      </c>
      <c r="F33" s="193">
        <v>0</v>
      </c>
      <c r="G33" s="191">
        <v>185</v>
      </c>
      <c r="H33" s="191">
        <v>116</v>
      </c>
      <c r="I33" s="191">
        <v>83</v>
      </c>
      <c r="J33" s="191">
        <v>2</v>
      </c>
      <c r="K33" s="191">
        <v>0</v>
      </c>
      <c r="L33" s="196">
        <v>386</v>
      </c>
      <c r="M33" s="195">
        <v>386</v>
      </c>
      <c r="N33" s="191">
        <v>0</v>
      </c>
      <c r="O33" s="191">
        <v>0</v>
      </c>
      <c r="P33" s="196">
        <v>0</v>
      </c>
      <c r="Q33" s="193">
        <v>0</v>
      </c>
      <c r="R33" s="191">
        <v>0</v>
      </c>
      <c r="S33" s="191">
        <v>13</v>
      </c>
      <c r="T33" s="191">
        <v>4</v>
      </c>
      <c r="U33" s="191">
        <v>16</v>
      </c>
      <c r="V33" s="191">
        <v>0</v>
      </c>
      <c r="W33" s="196">
        <v>33</v>
      </c>
      <c r="X33" s="195">
        <v>33</v>
      </c>
    </row>
    <row r="34" spans="2:24" ht="21" customHeight="1" x14ac:dyDescent="0.2">
      <c r="B34" s="106" t="s">
        <v>32</v>
      </c>
      <c r="C34" s="191">
        <v>0</v>
      </c>
      <c r="D34" s="191">
        <v>0</v>
      </c>
      <c r="E34" s="196">
        <v>0</v>
      </c>
      <c r="F34" s="193">
        <v>0</v>
      </c>
      <c r="G34" s="191">
        <v>359</v>
      </c>
      <c r="H34" s="191">
        <v>274</v>
      </c>
      <c r="I34" s="191">
        <v>45</v>
      </c>
      <c r="J34" s="191">
        <v>35</v>
      </c>
      <c r="K34" s="191">
        <v>15</v>
      </c>
      <c r="L34" s="196">
        <v>728</v>
      </c>
      <c r="M34" s="195">
        <v>728</v>
      </c>
      <c r="N34" s="191">
        <v>0</v>
      </c>
      <c r="O34" s="191">
        <v>0</v>
      </c>
      <c r="P34" s="196">
        <v>0</v>
      </c>
      <c r="Q34" s="193">
        <v>0</v>
      </c>
      <c r="R34" s="191">
        <v>57</v>
      </c>
      <c r="S34" s="191">
        <v>9</v>
      </c>
      <c r="T34" s="191">
        <v>19</v>
      </c>
      <c r="U34" s="191">
        <v>0</v>
      </c>
      <c r="V34" s="191">
        <v>12</v>
      </c>
      <c r="W34" s="196">
        <v>97</v>
      </c>
      <c r="X34" s="195">
        <v>97</v>
      </c>
    </row>
    <row r="35" spans="2:24" ht="21" customHeight="1" x14ac:dyDescent="0.2">
      <c r="B35" s="106" t="s">
        <v>33</v>
      </c>
      <c r="C35" s="191">
        <v>0</v>
      </c>
      <c r="D35" s="191">
        <v>0</v>
      </c>
      <c r="E35" s="196">
        <v>0</v>
      </c>
      <c r="F35" s="193">
        <v>0</v>
      </c>
      <c r="G35" s="191">
        <v>191</v>
      </c>
      <c r="H35" s="191">
        <v>138</v>
      </c>
      <c r="I35" s="191">
        <v>51</v>
      </c>
      <c r="J35" s="191">
        <v>50</v>
      </c>
      <c r="K35" s="191">
        <v>9</v>
      </c>
      <c r="L35" s="196">
        <v>439</v>
      </c>
      <c r="M35" s="195">
        <v>439</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82</v>
      </c>
      <c r="H36" s="191">
        <v>32</v>
      </c>
      <c r="I36" s="191">
        <v>42</v>
      </c>
      <c r="J36" s="191">
        <v>12</v>
      </c>
      <c r="K36" s="191">
        <v>0</v>
      </c>
      <c r="L36" s="196">
        <v>168</v>
      </c>
      <c r="M36" s="195">
        <v>168</v>
      </c>
      <c r="N36" s="191">
        <v>0</v>
      </c>
      <c r="O36" s="191">
        <v>0</v>
      </c>
      <c r="P36" s="196">
        <v>0</v>
      </c>
      <c r="Q36" s="193">
        <v>0</v>
      </c>
      <c r="R36" s="191">
        <v>0</v>
      </c>
      <c r="S36" s="191">
        <v>0</v>
      </c>
      <c r="T36" s="191">
        <v>0</v>
      </c>
      <c r="U36" s="191">
        <v>0</v>
      </c>
      <c r="V36" s="191">
        <v>9</v>
      </c>
      <c r="W36" s="196">
        <v>9</v>
      </c>
      <c r="X36" s="195">
        <v>9</v>
      </c>
    </row>
    <row r="37" spans="2:24" ht="21" customHeight="1" x14ac:dyDescent="0.2">
      <c r="B37" s="106" t="s">
        <v>35</v>
      </c>
      <c r="C37" s="191">
        <v>0</v>
      </c>
      <c r="D37" s="191">
        <v>0</v>
      </c>
      <c r="E37" s="196">
        <v>0</v>
      </c>
      <c r="F37" s="193">
        <v>0</v>
      </c>
      <c r="G37" s="191">
        <v>176</v>
      </c>
      <c r="H37" s="191">
        <v>114</v>
      </c>
      <c r="I37" s="191">
        <v>157</v>
      </c>
      <c r="J37" s="191">
        <v>69</v>
      </c>
      <c r="K37" s="191">
        <v>22</v>
      </c>
      <c r="L37" s="196">
        <v>538</v>
      </c>
      <c r="M37" s="195">
        <v>538</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54</v>
      </c>
      <c r="H38" s="191">
        <v>415</v>
      </c>
      <c r="I38" s="191">
        <v>630</v>
      </c>
      <c r="J38" s="191">
        <v>147</v>
      </c>
      <c r="K38" s="191">
        <v>343</v>
      </c>
      <c r="L38" s="196">
        <v>2089</v>
      </c>
      <c r="M38" s="195">
        <v>2089</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19</v>
      </c>
      <c r="H39" s="198">
        <v>75</v>
      </c>
      <c r="I39" s="198">
        <v>85</v>
      </c>
      <c r="J39" s="198">
        <v>12</v>
      </c>
      <c r="K39" s="198">
        <v>22</v>
      </c>
      <c r="L39" s="203">
        <v>313</v>
      </c>
      <c r="M39" s="202">
        <v>313</v>
      </c>
      <c r="N39" s="198">
        <v>0</v>
      </c>
      <c r="O39" s="198">
        <v>0</v>
      </c>
      <c r="P39" s="203">
        <v>0</v>
      </c>
      <c r="Q39" s="200">
        <v>0</v>
      </c>
      <c r="R39" s="198">
        <v>4</v>
      </c>
      <c r="S39" s="198">
        <v>0</v>
      </c>
      <c r="T39" s="198">
        <v>0</v>
      </c>
      <c r="U39" s="198">
        <v>0</v>
      </c>
      <c r="V39" s="198">
        <v>0</v>
      </c>
      <c r="W39" s="203">
        <v>4</v>
      </c>
      <c r="X39" s="202">
        <v>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7</v>
      </c>
      <c r="K1" s="445">
        <f>IF(J1&lt;3,J1+12-2,J1-2)</f>
        <v>5</v>
      </c>
      <c r="L1" s="445"/>
    </row>
    <row r="2" spans="2:24" ht="24" customHeight="1" thickBot="1" x14ac:dyDescent="0.25">
      <c r="B2" s="142" t="s">
        <v>132</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6695</v>
      </c>
      <c r="H6" s="184">
        <v>7116</v>
      </c>
      <c r="I6" s="184">
        <v>3218</v>
      </c>
      <c r="J6" s="184">
        <v>1436</v>
      </c>
      <c r="K6" s="184">
        <v>651</v>
      </c>
      <c r="L6" s="189">
        <v>19116</v>
      </c>
      <c r="M6" s="188">
        <v>19116</v>
      </c>
      <c r="N6" s="184">
        <v>5</v>
      </c>
      <c r="O6" s="184">
        <v>4</v>
      </c>
      <c r="P6" s="189">
        <v>9</v>
      </c>
      <c r="Q6" s="186">
        <v>0</v>
      </c>
      <c r="R6" s="184">
        <v>476</v>
      </c>
      <c r="S6" s="184">
        <v>645</v>
      </c>
      <c r="T6" s="184">
        <v>887</v>
      </c>
      <c r="U6" s="184">
        <v>417</v>
      </c>
      <c r="V6" s="184">
        <v>170</v>
      </c>
      <c r="W6" s="189">
        <v>2595</v>
      </c>
      <c r="X6" s="188">
        <v>2604</v>
      </c>
    </row>
    <row r="7" spans="2:24" ht="21" customHeight="1" x14ac:dyDescent="0.2">
      <c r="B7" s="95" t="s">
        <v>5</v>
      </c>
      <c r="C7" s="191">
        <v>0</v>
      </c>
      <c r="D7" s="191">
        <v>0</v>
      </c>
      <c r="E7" s="196">
        <v>0</v>
      </c>
      <c r="F7" s="193">
        <v>0</v>
      </c>
      <c r="G7" s="191">
        <v>2561</v>
      </c>
      <c r="H7" s="191">
        <v>3455</v>
      </c>
      <c r="I7" s="191">
        <v>1659</v>
      </c>
      <c r="J7" s="191">
        <v>721</v>
      </c>
      <c r="K7" s="191">
        <v>328</v>
      </c>
      <c r="L7" s="196">
        <v>8724</v>
      </c>
      <c r="M7" s="195">
        <v>8724</v>
      </c>
      <c r="N7" s="191">
        <v>0</v>
      </c>
      <c r="O7" s="191">
        <v>0</v>
      </c>
      <c r="P7" s="196">
        <v>0</v>
      </c>
      <c r="Q7" s="193">
        <v>0</v>
      </c>
      <c r="R7" s="191">
        <v>238</v>
      </c>
      <c r="S7" s="191">
        <v>394</v>
      </c>
      <c r="T7" s="191">
        <v>409</v>
      </c>
      <c r="U7" s="191">
        <v>177</v>
      </c>
      <c r="V7" s="191">
        <v>57</v>
      </c>
      <c r="W7" s="196">
        <v>1275</v>
      </c>
      <c r="X7" s="195">
        <v>1275</v>
      </c>
    </row>
    <row r="8" spans="2:24" ht="21" customHeight="1" x14ac:dyDescent="0.2">
      <c r="B8" s="106" t="s">
        <v>6</v>
      </c>
      <c r="C8" s="191">
        <v>0</v>
      </c>
      <c r="D8" s="191">
        <v>0</v>
      </c>
      <c r="E8" s="196">
        <v>0</v>
      </c>
      <c r="F8" s="193">
        <v>0</v>
      </c>
      <c r="G8" s="191">
        <v>771</v>
      </c>
      <c r="H8" s="191">
        <v>697</v>
      </c>
      <c r="I8" s="191">
        <v>344</v>
      </c>
      <c r="J8" s="191">
        <v>145</v>
      </c>
      <c r="K8" s="191">
        <v>97</v>
      </c>
      <c r="L8" s="196">
        <v>2054</v>
      </c>
      <c r="M8" s="195">
        <v>2054</v>
      </c>
      <c r="N8" s="191">
        <v>0</v>
      </c>
      <c r="O8" s="191">
        <v>0</v>
      </c>
      <c r="P8" s="196">
        <v>0</v>
      </c>
      <c r="Q8" s="193">
        <v>0</v>
      </c>
      <c r="R8" s="191">
        <v>121</v>
      </c>
      <c r="S8" s="191">
        <v>145</v>
      </c>
      <c r="T8" s="191">
        <v>199</v>
      </c>
      <c r="U8" s="191">
        <v>96</v>
      </c>
      <c r="V8" s="191">
        <v>48</v>
      </c>
      <c r="W8" s="196">
        <v>609</v>
      </c>
      <c r="X8" s="195">
        <v>609</v>
      </c>
    </row>
    <row r="9" spans="2:24" ht="21" customHeight="1" x14ac:dyDescent="0.2">
      <c r="B9" s="106" t="s">
        <v>14</v>
      </c>
      <c r="C9" s="191">
        <v>0</v>
      </c>
      <c r="D9" s="191">
        <v>0</v>
      </c>
      <c r="E9" s="196">
        <v>0</v>
      </c>
      <c r="F9" s="193">
        <v>0</v>
      </c>
      <c r="G9" s="191">
        <v>596</v>
      </c>
      <c r="H9" s="191">
        <v>646</v>
      </c>
      <c r="I9" s="191">
        <v>360</v>
      </c>
      <c r="J9" s="191">
        <v>115</v>
      </c>
      <c r="K9" s="191">
        <v>36</v>
      </c>
      <c r="L9" s="196">
        <v>1753</v>
      </c>
      <c r="M9" s="195">
        <v>1753</v>
      </c>
      <c r="N9" s="191">
        <v>0</v>
      </c>
      <c r="O9" s="191">
        <v>0</v>
      </c>
      <c r="P9" s="196">
        <v>0</v>
      </c>
      <c r="Q9" s="193">
        <v>0</v>
      </c>
      <c r="R9" s="191">
        <v>16</v>
      </c>
      <c r="S9" s="191">
        <v>28</v>
      </c>
      <c r="T9" s="191">
        <v>9</v>
      </c>
      <c r="U9" s="191">
        <v>0</v>
      </c>
      <c r="V9" s="191">
        <v>0</v>
      </c>
      <c r="W9" s="196">
        <v>53</v>
      </c>
      <c r="X9" s="195">
        <v>53</v>
      </c>
    </row>
    <row r="10" spans="2:24" ht="21" customHeight="1" x14ac:dyDescent="0.2">
      <c r="B10" s="106" t="s">
        <v>7</v>
      </c>
      <c r="C10" s="191">
        <v>0</v>
      </c>
      <c r="D10" s="191">
        <v>0</v>
      </c>
      <c r="E10" s="196">
        <v>0</v>
      </c>
      <c r="F10" s="193">
        <v>0</v>
      </c>
      <c r="G10" s="191">
        <v>510</v>
      </c>
      <c r="H10" s="191">
        <v>464</v>
      </c>
      <c r="I10" s="191">
        <v>168</v>
      </c>
      <c r="J10" s="191">
        <v>46</v>
      </c>
      <c r="K10" s="191">
        <v>18</v>
      </c>
      <c r="L10" s="196">
        <v>1206</v>
      </c>
      <c r="M10" s="195">
        <v>1206</v>
      </c>
      <c r="N10" s="191">
        <v>0</v>
      </c>
      <c r="O10" s="191">
        <v>0</v>
      </c>
      <c r="P10" s="196">
        <v>0</v>
      </c>
      <c r="Q10" s="193">
        <v>0</v>
      </c>
      <c r="R10" s="191">
        <v>27</v>
      </c>
      <c r="S10" s="191">
        <v>40</v>
      </c>
      <c r="T10" s="191">
        <v>42</v>
      </c>
      <c r="U10" s="191">
        <v>49</v>
      </c>
      <c r="V10" s="191">
        <v>41</v>
      </c>
      <c r="W10" s="196">
        <v>199</v>
      </c>
      <c r="X10" s="195">
        <v>199</v>
      </c>
    </row>
    <row r="11" spans="2:24" ht="21" customHeight="1" x14ac:dyDescent="0.2">
      <c r="B11" s="106" t="s">
        <v>8</v>
      </c>
      <c r="C11" s="191">
        <v>0</v>
      </c>
      <c r="D11" s="191">
        <v>0</v>
      </c>
      <c r="E11" s="196">
        <v>0</v>
      </c>
      <c r="F11" s="193">
        <v>0</v>
      </c>
      <c r="G11" s="191">
        <v>183</v>
      </c>
      <c r="H11" s="191">
        <v>347</v>
      </c>
      <c r="I11" s="191">
        <v>87</v>
      </c>
      <c r="J11" s="191">
        <v>42</v>
      </c>
      <c r="K11" s="191">
        <v>14</v>
      </c>
      <c r="L11" s="196">
        <v>673</v>
      </c>
      <c r="M11" s="195">
        <v>673</v>
      </c>
      <c r="N11" s="191">
        <v>0</v>
      </c>
      <c r="O11" s="191">
        <v>0</v>
      </c>
      <c r="P11" s="196">
        <v>0</v>
      </c>
      <c r="Q11" s="193">
        <v>0</v>
      </c>
      <c r="R11" s="191">
        <v>0</v>
      </c>
      <c r="S11" s="191">
        <v>0</v>
      </c>
      <c r="T11" s="191">
        <v>0</v>
      </c>
      <c r="U11" s="191">
        <v>8</v>
      </c>
      <c r="V11" s="191">
        <v>0</v>
      </c>
      <c r="W11" s="196">
        <v>8</v>
      </c>
      <c r="X11" s="195">
        <v>8</v>
      </c>
    </row>
    <row r="12" spans="2:24" ht="21" customHeight="1" x14ac:dyDescent="0.2">
      <c r="B12" s="106" t="s">
        <v>9</v>
      </c>
      <c r="C12" s="191">
        <v>0</v>
      </c>
      <c r="D12" s="191">
        <v>0</v>
      </c>
      <c r="E12" s="196">
        <v>0</v>
      </c>
      <c r="F12" s="193">
        <v>0</v>
      </c>
      <c r="G12" s="191">
        <v>299</v>
      </c>
      <c r="H12" s="191">
        <v>162</v>
      </c>
      <c r="I12" s="191">
        <v>137</v>
      </c>
      <c r="J12" s="191">
        <v>62</v>
      </c>
      <c r="K12" s="191">
        <v>23</v>
      </c>
      <c r="L12" s="196">
        <v>683</v>
      </c>
      <c r="M12" s="195">
        <v>683</v>
      </c>
      <c r="N12" s="191">
        <v>0</v>
      </c>
      <c r="O12" s="191">
        <v>0</v>
      </c>
      <c r="P12" s="196">
        <v>0</v>
      </c>
      <c r="Q12" s="193">
        <v>0</v>
      </c>
      <c r="R12" s="191">
        <v>0</v>
      </c>
      <c r="S12" s="191">
        <v>0</v>
      </c>
      <c r="T12" s="191">
        <v>0</v>
      </c>
      <c r="U12" s="191">
        <v>0</v>
      </c>
      <c r="V12" s="191">
        <v>13</v>
      </c>
      <c r="W12" s="196">
        <v>13</v>
      </c>
      <c r="X12" s="195">
        <v>13</v>
      </c>
    </row>
    <row r="13" spans="2:24" ht="21" customHeight="1" x14ac:dyDescent="0.2">
      <c r="B13" s="106" t="s">
        <v>10</v>
      </c>
      <c r="C13" s="191">
        <v>0</v>
      </c>
      <c r="D13" s="191">
        <v>0</v>
      </c>
      <c r="E13" s="196">
        <v>0</v>
      </c>
      <c r="F13" s="193">
        <v>0</v>
      </c>
      <c r="G13" s="191">
        <v>293</v>
      </c>
      <c r="H13" s="191">
        <v>116</v>
      </c>
      <c r="I13" s="191">
        <v>47</v>
      </c>
      <c r="J13" s="191">
        <v>90</v>
      </c>
      <c r="K13" s="191">
        <v>27</v>
      </c>
      <c r="L13" s="196">
        <v>573</v>
      </c>
      <c r="M13" s="195">
        <v>573</v>
      </c>
      <c r="N13" s="191">
        <v>0</v>
      </c>
      <c r="O13" s="191">
        <v>0</v>
      </c>
      <c r="P13" s="196">
        <v>0</v>
      </c>
      <c r="Q13" s="193">
        <v>0</v>
      </c>
      <c r="R13" s="191">
        <v>40</v>
      </c>
      <c r="S13" s="191">
        <v>0</v>
      </c>
      <c r="T13" s="191">
        <v>9</v>
      </c>
      <c r="U13" s="191">
        <v>0</v>
      </c>
      <c r="V13" s="191">
        <v>0</v>
      </c>
      <c r="W13" s="196">
        <v>49</v>
      </c>
      <c r="X13" s="195">
        <v>49</v>
      </c>
    </row>
    <row r="14" spans="2:24" ht="21" customHeight="1" x14ac:dyDescent="0.2">
      <c r="B14" s="106" t="s">
        <v>11</v>
      </c>
      <c r="C14" s="191">
        <v>0</v>
      </c>
      <c r="D14" s="191">
        <v>0</v>
      </c>
      <c r="E14" s="196">
        <v>0</v>
      </c>
      <c r="F14" s="193">
        <v>0</v>
      </c>
      <c r="G14" s="191">
        <v>145</v>
      </c>
      <c r="H14" s="191">
        <v>36</v>
      </c>
      <c r="I14" s="191">
        <v>37</v>
      </c>
      <c r="J14" s="191">
        <v>36</v>
      </c>
      <c r="K14" s="191">
        <v>14</v>
      </c>
      <c r="L14" s="196">
        <v>268</v>
      </c>
      <c r="M14" s="195">
        <v>268</v>
      </c>
      <c r="N14" s="191">
        <v>0</v>
      </c>
      <c r="O14" s="191">
        <v>0</v>
      </c>
      <c r="P14" s="196">
        <v>0</v>
      </c>
      <c r="Q14" s="193">
        <v>0</v>
      </c>
      <c r="R14" s="191">
        <v>18</v>
      </c>
      <c r="S14" s="191">
        <v>6</v>
      </c>
      <c r="T14" s="191">
        <v>29</v>
      </c>
      <c r="U14" s="191">
        <v>0</v>
      </c>
      <c r="V14" s="191">
        <v>0</v>
      </c>
      <c r="W14" s="196">
        <v>53</v>
      </c>
      <c r="X14" s="195">
        <v>53</v>
      </c>
    </row>
    <row r="15" spans="2:24" ht="21" customHeight="1" x14ac:dyDescent="0.2">
      <c r="B15" s="106" t="s">
        <v>12</v>
      </c>
      <c r="C15" s="191">
        <v>0</v>
      </c>
      <c r="D15" s="191">
        <v>0</v>
      </c>
      <c r="E15" s="196">
        <v>0</v>
      </c>
      <c r="F15" s="193">
        <v>0</v>
      </c>
      <c r="G15" s="191">
        <v>174</v>
      </c>
      <c r="H15" s="191">
        <v>210</v>
      </c>
      <c r="I15" s="191">
        <v>49</v>
      </c>
      <c r="J15" s="191">
        <v>22</v>
      </c>
      <c r="K15" s="191">
        <v>24</v>
      </c>
      <c r="L15" s="196">
        <v>479</v>
      </c>
      <c r="M15" s="195">
        <v>479</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36</v>
      </c>
      <c r="H16" s="191">
        <v>118</v>
      </c>
      <c r="I16" s="191">
        <v>26</v>
      </c>
      <c r="J16" s="191">
        <v>34</v>
      </c>
      <c r="K16" s="191">
        <v>0</v>
      </c>
      <c r="L16" s="196">
        <v>314</v>
      </c>
      <c r="M16" s="195">
        <v>314</v>
      </c>
      <c r="N16" s="191">
        <v>0</v>
      </c>
      <c r="O16" s="191">
        <v>0</v>
      </c>
      <c r="P16" s="196">
        <v>0</v>
      </c>
      <c r="Q16" s="193">
        <v>0</v>
      </c>
      <c r="R16" s="191">
        <v>0</v>
      </c>
      <c r="S16" s="191">
        <v>0</v>
      </c>
      <c r="T16" s="191">
        <v>33</v>
      </c>
      <c r="U16" s="191">
        <v>0</v>
      </c>
      <c r="V16" s="191">
        <v>11</v>
      </c>
      <c r="W16" s="196">
        <v>44</v>
      </c>
      <c r="X16" s="195">
        <v>44</v>
      </c>
    </row>
    <row r="17" spans="2:24" ht="21" customHeight="1" x14ac:dyDescent="0.2">
      <c r="B17" s="106" t="s">
        <v>15</v>
      </c>
      <c r="C17" s="191">
        <v>0</v>
      </c>
      <c r="D17" s="191">
        <v>0</v>
      </c>
      <c r="E17" s="196">
        <v>0</v>
      </c>
      <c r="F17" s="193">
        <v>0</v>
      </c>
      <c r="G17" s="191">
        <v>66</v>
      </c>
      <c r="H17" s="191">
        <v>54</v>
      </c>
      <c r="I17" s="191">
        <v>6</v>
      </c>
      <c r="J17" s="191">
        <v>21</v>
      </c>
      <c r="K17" s="191">
        <v>0</v>
      </c>
      <c r="L17" s="196">
        <v>147</v>
      </c>
      <c r="M17" s="195">
        <v>147</v>
      </c>
      <c r="N17" s="191">
        <v>0</v>
      </c>
      <c r="O17" s="191">
        <v>4</v>
      </c>
      <c r="P17" s="196">
        <v>4</v>
      </c>
      <c r="Q17" s="193">
        <v>0</v>
      </c>
      <c r="R17" s="191">
        <v>0</v>
      </c>
      <c r="S17" s="191">
        <v>0</v>
      </c>
      <c r="T17" s="191">
        <v>0</v>
      </c>
      <c r="U17" s="191">
        <v>11</v>
      </c>
      <c r="V17" s="191">
        <v>0</v>
      </c>
      <c r="W17" s="196">
        <v>11</v>
      </c>
      <c r="X17" s="195">
        <v>15</v>
      </c>
    </row>
    <row r="18" spans="2:24" ht="21" customHeight="1" x14ac:dyDescent="0.2">
      <c r="B18" s="106" t="s">
        <v>16</v>
      </c>
      <c r="C18" s="191">
        <v>0</v>
      </c>
      <c r="D18" s="191">
        <v>0</v>
      </c>
      <c r="E18" s="196">
        <v>0</v>
      </c>
      <c r="F18" s="193">
        <v>0</v>
      </c>
      <c r="G18" s="191">
        <v>45</v>
      </c>
      <c r="H18" s="191">
        <v>83</v>
      </c>
      <c r="I18" s="191">
        <v>58</v>
      </c>
      <c r="J18" s="191">
        <v>17</v>
      </c>
      <c r="K18" s="191">
        <v>10</v>
      </c>
      <c r="L18" s="196">
        <v>213</v>
      </c>
      <c r="M18" s="195">
        <v>213</v>
      </c>
      <c r="N18" s="191">
        <v>0</v>
      </c>
      <c r="O18" s="191">
        <v>0</v>
      </c>
      <c r="P18" s="196">
        <v>0</v>
      </c>
      <c r="Q18" s="193">
        <v>0</v>
      </c>
      <c r="R18" s="191">
        <v>0</v>
      </c>
      <c r="S18" s="191">
        <v>0</v>
      </c>
      <c r="T18" s="191">
        <v>34</v>
      </c>
      <c r="U18" s="191">
        <v>17</v>
      </c>
      <c r="V18" s="191">
        <v>0</v>
      </c>
      <c r="W18" s="196">
        <v>51</v>
      </c>
      <c r="X18" s="195">
        <v>51</v>
      </c>
    </row>
    <row r="19" spans="2:24" ht="21" customHeight="1" x14ac:dyDescent="0.2">
      <c r="B19" s="106" t="s">
        <v>17</v>
      </c>
      <c r="C19" s="191">
        <v>0</v>
      </c>
      <c r="D19" s="191">
        <v>0</v>
      </c>
      <c r="E19" s="196">
        <v>0</v>
      </c>
      <c r="F19" s="193">
        <v>0</v>
      </c>
      <c r="G19" s="191">
        <v>186</v>
      </c>
      <c r="H19" s="191">
        <v>179</v>
      </c>
      <c r="I19" s="191">
        <v>69</v>
      </c>
      <c r="J19" s="191">
        <v>29</v>
      </c>
      <c r="K19" s="191">
        <v>0</v>
      </c>
      <c r="L19" s="196">
        <v>463</v>
      </c>
      <c r="M19" s="195">
        <v>463</v>
      </c>
      <c r="N19" s="191">
        <v>5</v>
      </c>
      <c r="O19" s="191">
        <v>0</v>
      </c>
      <c r="P19" s="196">
        <v>5</v>
      </c>
      <c r="Q19" s="193">
        <v>0</v>
      </c>
      <c r="R19" s="191">
        <v>4</v>
      </c>
      <c r="S19" s="191">
        <v>15</v>
      </c>
      <c r="T19" s="191">
        <v>5</v>
      </c>
      <c r="U19" s="191">
        <v>0</v>
      </c>
      <c r="V19" s="191">
        <v>0</v>
      </c>
      <c r="W19" s="196">
        <v>24</v>
      </c>
      <c r="X19" s="195">
        <v>29</v>
      </c>
    </row>
    <row r="20" spans="2:24" ht="21" customHeight="1" x14ac:dyDescent="0.2">
      <c r="B20" s="106" t="s">
        <v>18</v>
      </c>
      <c r="C20" s="191">
        <v>0</v>
      </c>
      <c r="D20" s="191">
        <v>0</v>
      </c>
      <c r="E20" s="196">
        <v>0</v>
      </c>
      <c r="F20" s="193">
        <v>0</v>
      </c>
      <c r="G20" s="191">
        <v>134</v>
      </c>
      <c r="H20" s="191">
        <v>160</v>
      </c>
      <c r="I20" s="191">
        <v>38</v>
      </c>
      <c r="J20" s="191">
        <v>0</v>
      </c>
      <c r="K20" s="191">
        <v>10</v>
      </c>
      <c r="L20" s="196">
        <v>342</v>
      </c>
      <c r="M20" s="195">
        <v>342</v>
      </c>
      <c r="N20" s="191">
        <v>0</v>
      </c>
      <c r="O20" s="191">
        <v>0</v>
      </c>
      <c r="P20" s="196">
        <v>0</v>
      </c>
      <c r="Q20" s="193">
        <v>0</v>
      </c>
      <c r="R20" s="191">
        <v>0</v>
      </c>
      <c r="S20" s="191">
        <v>4</v>
      </c>
      <c r="T20" s="191">
        <v>57</v>
      </c>
      <c r="U20" s="191">
        <v>23</v>
      </c>
      <c r="V20" s="191">
        <v>0</v>
      </c>
      <c r="W20" s="196">
        <v>84</v>
      </c>
      <c r="X20" s="195">
        <v>84</v>
      </c>
    </row>
    <row r="21" spans="2:24" ht="21" customHeight="1" x14ac:dyDescent="0.2">
      <c r="B21" s="106" t="s">
        <v>19</v>
      </c>
      <c r="C21" s="191">
        <v>0</v>
      </c>
      <c r="D21" s="191">
        <v>0</v>
      </c>
      <c r="E21" s="196">
        <v>0</v>
      </c>
      <c r="F21" s="193">
        <v>0</v>
      </c>
      <c r="G21" s="191">
        <v>85</v>
      </c>
      <c r="H21" s="191">
        <v>40</v>
      </c>
      <c r="I21" s="191">
        <v>6</v>
      </c>
      <c r="J21" s="191">
        <v>0</v>
      </c>
      <c r="K21" s="191">
        <v>0</v>
      </c>
      <c r="L21" s="196">
        <v>131</v>
      </c>
      <c r="M21" s="195">
        <v>131</v>
      </c>
      <c r="N21" s="191">
        <v>0</v>
      </c>
      <c r="O21" s="191">
        <v>0</v>
      </c>
      <c r="P21" s="196">
        <v>0</v>
      </c>
      <c r="Q21" s="193">
        <v>0</v>
      </c>
      <c r="R21" s="191">
        <v>12</v>
      </c>
      <c r="S21" s="191">
        <v>13</v>
      </c>
      <c r="T21" s="191">
        <v>20</v>
      </c>
      <c r="U21" s="191">
        <v>0</v>
      </c>
      <c r="V21" s="191">
        <v>0</v>
      </c>
      <c r="W21" s="196">
        <v>45</v>
      </c>
      <c r="X21" s="195">
        <v>45</v>
      </c>
    </row>
    <row r="22" spans="2:24" ht="21" customHeight="1" x14ac:dyDescent="0.2">
      <c r="B22" s="106" t="s">
        <v>20</v>
      </c>
      <c r="C22" s="191">
        <v>0</v>
      </c>
      <c r="D22" s="191">
        <v>0</v>
      </c>
      <c r="E22" s="196">
        <v>0</v>
      </c>
      <c r="F22" s="193">
        <v>0</v>
      </c>
      <c r="G22" s="191">
        <v>102</v>
      </c>
      <c r="H22" s="191">
        <v>130</v>
      </c>
      <c r="I22" s="191">
        <v>37</v>
      </c>
      <c r="J22" s="191">
        <v>12</v>
      </c>
      <c r="K22" s="191">
        <v>20</v>
      </c>
      <c r="L22" s="196">
        <v>301</v>
      </c>
      <c r="M22" s="195">
        <v>301</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37</v>
      </c>
      <c r="H23" s="191">
        <v>51</v>
      </c>
      <c r="I23" s="191">
        <v>35</v>
      </c>
      <c r="J23" s="191">
        <v>11</v>
      </c>
      <c r="K23" s="191">
        <v>0</v>
      </c>
      <c r="L23" s="196">
        <v>234</v>
      </c>
      <c r="M23" s="195">
        <v>234</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48</v>
      </c>
      <c r="H24" s="191">
        <v>25</v>
      </c>
      <c r="I24" s="191">
        <v>5</v>
      </c>
      <c r="J24" s="191">
        <v>9</v>
      </c>
      <c r="K24" s="191">
        <v>26</v>
      </c>
      <c r="L24" s="196">
        <v>113</v>
      </c>
      <c r="M24" s="195">
        <v>113</v>
      </c>
      <c r="N24" s="191">
        <v>0</v>
      </c>
      <c r="O24" s="191">
        <v>0</v>
      </c>
      <c r="P24" s="196">
        <v>0</v>
      </c>
      <c r="Q24" s="193">
        <v>0</v>
      </c>
      <c r="R24" s="191">
        <v>0</v>
      </c>
      <c r="S24" s="191">
        <v>0</v>
      </c>
      <c r="T24" s="191">
        <v>14</v>
      </c>
      <c r="U24" s="191">
        <v>0</v>
      </c>
      <c r="V24" s="191">
        <v>0</v>
      </c>
      <c r="W24" s="196">
        <v>14</v>
      </c>
      <c r="X24" s="195">
        <v>14</v>
      </c>
    </row>
    <row r="25" spans="2:24" ht="21" customHeight="1" x14ac:dyDescent="0.2">
      <c r="B25" s="106" t="s">
        <v>23</v>
      </c>
      <c r="C25" s="191">
        <v>0</v>
      </c>
      <c r="D25" s="191">
        <v>0</v>
      </c>
      <c r="E25" s="196">
        <v>0</v>
      </c>
      <c r="F25" s="193">
        <v>0</v>
      </c>
      <c r="G25" s="191">
        <v>39</v>
      </c>
      <c r="H25" s="191">
        <v>16</v>
      </c>
      <c r="I25" s="191">
        <v>5</v>
      </c>
      <c r="J25" s="191">
        <v>0</v>
      </c>
      <c r="K25" s="191">
        <v>0</v>
      </c>
      <c r="L25" s="196">
        <v>60</v>
      </c>
      <c r="M25" s="195">
        <v>60</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9</v>
      </c>
      <c r="H26" s="191">
        <v>20</v>
      </c>
      <c r="I26" s="191">
        <v>17</v>
      </c>
      <c r="J26" s="191">
        <v>0</v>
      </c>
      <c r="K26" s="191">
        <v>0</v>
      </c>
      <c r="L26" s="196">
        <v>46</v>
      </c>
      <c r="M26" s="195">
        <v>46</v>
      </c>
      <c r="N26" s="191">
        <v>0</v>
      </c>
      <c r="O26" s="191">
        <v>0</v>
      </c>
      <c r="P26" s="196">
        <v>0</v>
      </c>
      <c r="Q26" s="193">
        <v>0</v>
      </c>
      <c r="R26" s="191">
        <v>0</v>
      </c>
      <c r="S26" s="191">
        <v>0</v>
      </c>
      <c r="T26" s="191">
        <v>27</v>
      </c>
      <c r="U26" s="191">
        <v>0</v>
      </c>
      <c r="V26" s="191">
        <v>0</v>
      </c>
      <c r="W26" s="196">
        <v>27</v>
      </c>
      <c r="X26" s="195">
        <v>27</v>
      </c>
    </row>
    <row r="27" spans="2:24" ht="21" customHeight="1" x14ac:dyDescent="0.2">
      <c r="B27" s="106" t="s">
        <v>25</v>
      </c>
      <c r="C27" s="191">
        <v>0</v>
      </c>
      <c r="D27" s="191">
        <v>0</v>
      </c>
      <c r="E27" s="196">
        <v>0</v>
      </c>
      <c r="F27" s="193">
        <v>0</v>
      </c>
      <c r="G27" s="191">
        <v>35</v>
      </c>
      <c r="H27" s="191">
        <v>19</v>
      </c>
      <c r="I27" s="191">
        <v>5</v>
      </c>
      <c r="J27" s="191">
        <v>6</v>
      </c>
      <c r="K27" s="191">
        <v>0</v>
      </c>
      <c r="L27" s="196">
        <v>65</v>
      </c>
      <c r="M27" s="195">
        <v>65</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1</v>
      </c>
      <c r="H28" s="191">
        <v>14</v>
      </c>
      <c r="I28" s="191">
        <v>23</v>
      </c>
      <c r="J28" s="191">
        <v>9</v>
      </c>
      <c r="K28" s="191">
        <v>0</v>
      </c>
      <c r="L28" s="196">
        <v>77</v>
      </c>
      <c r="M28" s="195">
        <v>77</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2</v>
      </c>
      <c r="I29" s="191">
        <v>0</v>
      </c>
      <c r="J29" s="191">
        <v>0</v>
      </c>
      <c r="K29" s="191">
        <v>0</v>
      </c>
      <c r="L29" s="196">
        <v>2</v>
      </c>
      <c r="M29" s="195">
        <v>2</v>
      </c>
      <c r="N29" s="191">
        <v>0</v>
      </c>
      <c r="O29" s="191">
        <v>0</v>
      </c>
      <c r="P29" s="196">
        <v>0</v>
      </c>
      <c r="Q29" s="193">
        <v>0</v>
      </c>
      <c r="R29" s="191">
        <v>0</v>
      </c>
      <c r="S29" s="191">
        <v>0</v>
      </c>
      <c r="T29" s="191">
        <v>0</v>
      </c>
      <c r="U29" s="191">
        <v>20</v>
      </c>
      <c r="V29" s="191">
        <v>0</v>
      </c>
      <c r="W29" s="196">
        <v>20</v>
      </c>
      <c r="X29" s="195">
        <v>20</v>
      </c>
    </row>
    <row r="30" spans="2:24" ht="21" customHeight="1" x14ac:dyDescent="0.2">
      <c r="B30" s="106" t="s">
        <v>28</v>
      </c>
      <c r="C30" s="191">
        <v>0</v>
      </c>
      <c r="D30" s="191">
        <v>0</v>
      </c>
      <c r="E30" s="196">
        <v>0</v>
      </c>
      <c r="F30" s="193">
        <v>0</v>
      </c>
      <c r="G30" s="191">
        <v>32</v>
      </c>
      <c r="H30" s="191">
        <v>0</v>
      </c>
      <c r="I30" s="191">
        <v>0</v>
      </c>
      <c r="J30" s="191">
        <v>0</v>
      </c>
      <c r="K30" s="191">
        <v>0</v>
      </c>
      <c r="L30" s="196">
        <v>32</v>
      </c>
      <c r="M30" s="195">
        <v>32</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6</v>
      </c>
      <c r="I31" s="191">
        <v>0</v>
      </c>
      <c r="J31" s="191">
        <v>0</v>
      </c>
      <c r="K31" s="191">
        <v>0</v>
      </c>
      <c r="L31" s="196">
        <v>16</v>
      </c>
      <c r="M31" s="195">
        <v>16</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10</v>
      </c>
      <c r="H32" s="191">
        <v>0</v>
      </c>
      <c r="I32" s="191">
        <v>0</v>
      </c>
      <c r="J32" s="191">
        <v>0</v>
      </c>
      <c r="K32" s="191">
        <v>0</v>
      </c>
      <c r="L32" s="196">
        <v>10</v>
      </c>
      <c r="M32" s="195">
        <v>10</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3</v>
      </c>
      <c r="I33" s="191">
        <v>0</v>
      </c>
      <c r="J33" s="191">
        <v>0</v>
      </c>
      <c r="K33" s="191">
        <v>0</v>
      </c>
      <c r="L33" s="196">
        <v>3</v>
      </c>
      <c r="M33" s="195">
        <v>3</v>
      </c>
      <c r="N33" s="191">
        <v>0</v>
      </c>
      <c r="O33" s="191">
        <v>0</v>
      </c>
      <c r="P33" s="196">
        <v>0</v>
      </c>
      <c r="Q33" s="193">
        <v>0</v>
      </c>
      <c r="R33" s="191">
        <v>0</v>
      </c>
      <c r="S33" s="191">
        <v>0</v>
      </c>
      <c r="T33" s="191">
        <v>0</v>
      </c>
      <c r="U33" s="191">
        <v>16</v>
      </c>
      <c r="V33" s="191">
        <v>0</v>
      </c>
      <c r="W33" s="196">
        <v>16</v>
      </c>
      <c r="X33" s="195">
        <v>16</v>
      </c>
    </row>
    <row r="34" spans="2:24" ht="21" customHeight="1" x14ac:dyDescent="0.2">
      <c r="B34" s="106" t="s">
        <v>32</v>
      </c>
      <c r="C34" s="191">
        <v>0</v>
      </c>
      <c r="D34" s="191">
        <v>0</v>
      </c>
      <c r="E34" s="196">
        <v>0</v>
      </c>
      <c r="F34" s="193">
        <v>0</v>
      </c>
      <c r="G34" s="191">
        <v>24</v>
      </c>
      <c r="H34" s="191">
        <v>24</v>
      </c>
      <c r="I34" s="191">
        <v>0</v>
      </c>
      <c r="J34" s="191">
        <v>0</v>
      </c>
      <c r="K34" s="191">
        <v>4</v>
      </c>
      <c r="L34" s="196">
        <v>52</v>
      </c>
      <c r="M34" s="195">
        <v>52</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12</v>
      </c>
      <c r="H35" s="191">
        <v>0</v>
      </c>
      <c r="I35" s="191">
        <v>0</v>
      </c>
      <c r="J35" s="191">
        <v>0</v>
      </c>
      <c r="K35" s="191">
        <v>0</v>
      </c>
      <c r="L35" s="196">
        <v>12</v>
      </c>
      <c r="M35" s="195">
        <v>12</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3</v>
      </c>
      <c r="H36" s="191">
        <v>19</v>
      </c>
      <c r="I36" s="191">
        <v>0</v>
      </c>
      <c r="J36" s="191">
        <v>0</v>
      </c>
      <c r="K36" s="191">
        <v>0</v>
      </c>
      <c r="L36" s="196">
        <v>32</v>
      </c>
      <c r="M36" s="195">
        <v>32</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9</v>
      </c>
      <c r="H38" s="191">
        <v>10</v>
      </c>
      <c r="I38" s="191">
        <v>0</v>
      </c>
      <c r="J38" s="191">
        <v>9</v>
      </c>
      <c r="K38" s="191">
        <v>0</v>
      </c>
      <c r="L38" s="196">
        <v>38</v>
      </c>
      <c r="M38" s="195">
        <v>38</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7</v>
      </c>
      <c r="K1" s="445">
        <f>IF(J1&lt;3,J1+12-2,J1-2)</f>
        <v>5</v>
      </c>
      <c r="L1" s="445"/>
    </row>
    <row r="2" spans="2:24" ht="24" customHeight="1" thickBot="1" x14ac:dyDescent="0.25">
      <c r="B2" s="142" t="s">
        <v>152</v>
      </c>
    </row>
    <row r="3" spans="2:24" ht="21" customHeight="1" x14ac:dyDescent="0.2">
      <c r="B3" s="471"/>
      <c r="C3" s="472" t="s">
        <v>139</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6039</v>
      </c>
      <c r="H6" s="184">
        <v>5635</v>
      </c>
      <c r="I6" s="184">
        <v>2959</v>
      </c>
      <c r="J6" s="184">
        <v>1217</v>
      </c>
      <c r="K6" s="184">
        <v>495</v>
      </c>
      <c r="L6" s="189">
        <v>16345</v>
      </c>
      <c r="M6" s="188">
        <v>16345</v>
      </c>
      <c r="N6" s="184">
        <v>4</v>
      </c>
      <c r="O6" s="184">
        <v>0</v>
      </c>
      <c r="P6" s="189">
        <v>4</v>
      </c>
      <c r="Q6" s="186">
        <v>0</v>
      </c>
      <c r="R6" s="184">
        <v>385</v>
      </c>
      <c r="S6" s="184">
        <v>533</v>
      </c>
      <c r="T6" s="184">
        <v>801</v>
      </c>
      <c r="U6" s="184">
        <v>190</v>
      </c>
      <c r="V6" s="184">
        <v>298</v>
      </c>
      <c r="W6" s="189">
        <v>2207</v>
      </c>
      <c r="X6" s="188">
        <v>2211</v>
      </c>
    </row>
    <row r="7" spans="2:24" ht="21" customHeight="1" x14ac:dyDescent="0.2">
      <c r="B7" s="95" t="s">
        <v>5</v>
      </c>
      <c r="C7" s="191">
        <v>0</v>
      </c>
      <c r="D7" s="191">
        <v>0</v>
      </c>
      <c r="E7" s="196">
        <v>0</v>
      </c>
      <c r="F7" s="193">
        <v>0</v>
      </c>
      <c r="G7" s="191">
        <v>2204</v>
      </c>
      <c r="H7" s="191">
        <v>2918</v>
      </c>
      <c r="I7" s="191">
        <v>1507</v>
      </c>
      <c r="J7" s="191">
        <v>541</v>
      </c>
      <c r="K7" s="191">
        <v>166</v>
      </c>
      <c r="L7" s="196">
        <v>7336</v>
      </c>
      <c r="M7" s="195">
        <v>7336</v>
      </c>
      <c r="N7" s="191">
        <v>4</v>
      </c>
      <c r="O7" s="191">
        <v>0</v>
      </c>
      <c r="P7" s="196">
        <v>4</v>
      </c>
      <c r="Q7" s="193">
        <v>0</v>
      </c>
      <c r="R7" s="191">
        <v>219</v>
      </c>
      <c r="S7" s="191">
        <v>259</v>
      </c>
      <c r="T7" s="191">
        <v>425</v>
      </c>
      <c r="U7" s="191">
        <v>97</v>
      </c>
      <c r="V7" s="191">
        <v>205</v>
      </c>
      <c r="W7" s="196">
        <v>1205</v>
      </c>
      <c r="X7" s="195">
        <v>1209</v>
      </c>
    </row>
    <row r="8" spans="2:24" ht="21" customHeight="1" x14ac:dyDescent="0.2">
      <c r="B8" s="106" t="s">
        <v>6</v>
      </c>
      <c r="C8" s="191">
        <v>0</v>
      </c>
      <c r="D8" s="191">
        <v>0</v>
      </c>
      <c r="E8" s="196">
        <v>0</v>
      </c>
      <c r="F8" s="193">
        <v>0</v>
      </c>
      <c r="G8" s="191">
        <v>1001</v>
      </c>
      <c r="H8" s="191">
        <v>719</v>
      </c>
      <c r="I8" s="191">
        <v>322</v>
      </c>
      <c r="J8" s="191">
        <v>147</v>
      </c>
      <c r="K8" s="191">
        <v>91</v>
      </c>
      <c r="L8" s="196">
        <v>2280</v>
      </c>
      <c r="M8" s="195">
        <v>2280</v>
      </c>
      <c r="N8" s="191">
        <v>0</v>
      </c>
      <c r="O8" s="191">
        <v>0</v>
      </c>
      <c r="P8" s="196">
        <v>0</v>
      </c>
      <c r="Q8" s="193">
        <v>0</v>
      </c>
      <c r="R8" s="191">
        <v>92</v>
      </c>
      <c r="S8" s="191">
        <v>177</v>
      </c>
      <c r="T8" s="191">
        <v>245</v>
      </c>
      <c r="U8" s="191">
        <v>6</v>
      </c>
      <c r="V8" s="191">
        <v>77</v>
      </c>
      <c r="W8" s="196">
        <v>597</v>
      </c>
      <c r="X8" s="195">
        <v>597</v>
      </c>
    </row>
    <row r="9" spans="2:24" ht="21" customHeight="1" x14ac:dyDescent="0.2">
      <c r="B9" s="106" t="s">
        <v>14</v>
      </c>
      <c r="C9" s="191">
        <v>0</v>
      </c>
      <c r="D9" s="191">
        <v>0</v>
      </c>
      <c r="E9" s="196">
        <v>0</v>
      </c>
      <c r="F9" s="193">
        <v>0</v>
      </c>
      <c r="G9" s="191">
        <v>378</v>
      </c>
      <c r="H9" s="191">
        <v>472</v>
      </c>
      <c r="I9" s="191">
        <v>199</v>
      </c>
      <c r="J9" s="191">
        <v>95</v>
      </c>
      <c r="K9" s="191">
        <v>36</v>
      </c>
      <c r="L9" s="196">
        <v>1180</v>
      </c>
      <c r="M9" s="195">
        <v>1180</v>
      </c>
      <c r="N9" s="191">
        <v>0</v>
      </c>
      <c r="O9" s="191">
        <v>0</v>
      </c>
      <c r="P9" s="196">
        <v>0</v>
      </c>
      <c r="Q9" s="193">
        <v>0</v>
      </c>
      <c r="R9" s="191">
        <v>0</v>
      </c>
      <c r="S9" s="191">
        <v>11</v>
      </c>
      <c r="T9" s="191">
        <v>11</v>
      </c>
      <c r="U9" s="191">
        <v>1</v>
      </c>
      <c r="V9" s="191">
        <v>0</v>
      </c>
      <c r="W9" s="196">
        <v>23</v>
      </c>
      <c r="X9" s="195">
        <v>23</v>
      </c>
    </row>
    <row r="10" spans="2:24" ht="21" customHeight="1" x14ac:dyDescent="0.2">
      <c r="B10" s="106" t="s">
        <v>7</v>
      </c>
      <c r="C10" s="191">
        <v>0</v>
      </c>
      <c r="D10" s="191">
        <v>0</v>
      </c>
      <c r="E10" s="196">
        <v>0</v>
      </c>
      <c r="F10" s="193">
        <v>0</v>
      </c>
      <c r="G10" s="191">
        <v>244</v>
      </c>
      <c r="H10" s="191">
        <v>219</v>
      </c>
      <c r="I10" s="191">
        <v>80</v>
      </c>
      <c r="J10" s="191">
        <v>38</v>
      </c>
      <c r="K10" s="191">
        <v>13</v>
      </c>
      <c r="L10" s="196">
        <v>594</v>
      </c>
      <c r="M10" s="195">
        <v>594</v>
      </c>
      <c r="N10" s="191">
        <v>0</v>
      </c>
      <c r="O10" s="191">
        <v>0</v>
      </c>
      <c r="P10" s="196">
        <v>0</v>
      </c>
      <c r="Q10" s="193">
        <v>0</v>
      </c>
      <c r="R10" s="191">
        <v>7</v>
      </c>
      <c r="S10" s="191">
        <v>36</v>
      </c>
      <c r="T10" s="191">
        <v>42</v>
      </c>
      <c r="U10" s="191">
        <v>31</v>
      </c>
      <c r="V10" s="191">
        <v>0</v>
      </c>
      <c r="W10" s="196">
        <v>116</v>
      </c>
      <c r="X10" s="195">
        <v>116</v>
      </c>
    </row>
    <row r="11" spans="2:24" ht="21" customHeight="1" x14ac:dyDescent="0.2">
      <c r="B11" s="106" t="s">
        <v>8</v>
      </c>
      <c r="C11" s="191">
        <v>0</v>
      </c>
      <c r="D11" s="191">
        <v>0</v>
      </c>
      <c r="E11" s="196">
        <v>0</v>
      </c>
      <c r="F11" s="193">
        <v>0</v>
      </c>
      <c r="G11" s="191">
        <v>297</v>
      </c>
      <c r="H11" s="191">
        <v>171</v>
      </c>
      <c r="I11" s="191">
        <v>49</v>
      </c>
      <c r="J11" s="191">
        <v>29</v>
      </c>
      <c r="K11" s="191">
        <v>5</v>
      </c>
      <c r="L11" s="196">
        <v>551</v>
      </c>
      <c r="M11" s="195">
        <v>551</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275</v>
      </c>
      <c r="H12" s="191">
        <v>171</v>
      </c>
      <c r="I12" s="191">
        <v>219</v>
      </c>
      <c r="J12" s="191">
        <v>89</v>
      </c>
      <c r="K12" s="191">
        <v>39</v>
      </c>
      <c r="L12" s="196">
        <v>793</v>
      </c>
      <c r="M12" s="195">
        <v>793</v>
      </c>
      <c r="N12" s="191">
        <v>0</v>
      </c>
      <c r="O12" s="191">
        <v>0</v>
      </c>
      <c r="P12" s="196">
        <v>0</v>
      </c>
      <c r="Q12" s="193">
        <v>0</v>
      </c>
      <c r="R12" s="191">
        <v>0</v>
      </c>
      <c r="S12" s="191">
        <v>6</v>
      </c>
      <c r="T12" s="191">
        <v>0</v>
      </c>
      <c r="U12" s="191">
        <v>0</v>
      </c>
      <c r="V12" s="191">
        <v>0</v>
      </c>
      <c r="W12" s="196">
        <v>6</v>
      </c>
      <c r="X12" s="195">
        <v>6</v>
      </c>
    </row>
    <row r="13" spans="2:24" ht="21" customHeight="1" x14ac:dyDescent="0.2">
      <c r="B13" s="106" t="s">
        <v>10</v>
      </c>
      <c r="C13" s="191">
        <v>0</v>
      </c>
      <c r="D13" s="191">
        <v>0</v>
      </c>
      <c r="E13" s="196">
        <v>0</v>
      </c>
      <c r="F13" s="193">
        <v>0</v>
      </c>
      <c r="G13" s="191">
        <v>262</v>
      </c>
      <c r="H13" s="191">
        <v>91</v>
      </c>
      <c r="I13" s="191">
        <v>60</v>
      </c>
      <c r="J13" s="191">
        <v>33</v>
      </c>
      <c r="K13" s="191">
        <v>0</v>
      </c>
      <c r="L13" s="196">
        <v>446</v>
      </c>
      <c r="M13" s="195">
        <v>446</v>
      </c>
      <c r="N13" s="191">
        <v>0</v>
      </c>
      <c r="O13" s="191">
        <v>0</v>
      </c>
      <c r="P13" s="196">
        <v>0</v>
      </c>
      <c r="Q13" s="193">
        <v>0</v>
      </c>
      <c r="R13" s="191">
        <v>12</v>
      </c>
      <c r="S13" s="191">
        <v>0</v>
      </c>
      <c r="T13" s="191">
        <v>16</v>
      </c>
      <c r="U13" s="191">
        <v>28</v>
      </c>
      <c r="V13" s="191">
        <v>0</v>
      </c>
      <c r="W13" s="196">
        <v>56</v>
      </c>
      <c r="X13" s="195">
        <v>56</v>
      </c>
    </row>
    <row r="14" spans="2:24" ht="21" customHeight="1" x14ac:dyDescent="0.2">
      <c r="B14" s="106" t="s">
        <v>11</v>
      </c>
      <c r="C14" s="191">
        <v>0</v>
      </c>
      <c r="D14" s="191">
        <v>0</v>
      </c>
      <c r="E14" s="196">
        <v>0</v>
      </c>
      <c r="F14" s="193">
        <v>0</v>
      </c>
      <c r="G14" s="191">
        <v>229</v>
      </c>
      <c r="H14" s="191">
        <v>57</v>
      </c>
      <c r="I14" s="191">
        <v>18</v>
      </c>
      <c r="J14" s="191">
        <v>35</v>
      </c>
      <c r="K14" s="191">
        <v>26</v>
      </c>
      <c r="L14" s="196">
        <v>365</v>
      </c>
      <c r="M14" s="195">
        <v>365</v>
      </c>
      <c r="N14" s="191">
        <v>0</v>
      </c>
      <c r="O14" s="191">
        <v>0</v>
      </c>
      <c r="P14" s="196">
        <v>0</v>
      </c>
      <c r="Q14" s="193">
        <v>0</v>
      </c>
      <c r="R14" s="191">
        <v>26</v>
      </c>
      <c r="S14" s="191">
        <v>0</v>
      </c>
      <c r="T14" s="191">
        <v>0</v>
      </c>
      <c r="U14" s="191">
        <v>0</v>
      </c>
      <c r="V14" s="191">
        <v>0</v>
      </c>
      <c r="W14" s="196">
        <v>26</v>
      </c>
      <c r="X14" s="195">
        <v>26</v>
      </c>
    </row>
    <row r="15" spans="2:24" ht="21" customHeight="1" x14ac:dyDescent="0.2">
      <c r="B15" s="106" t="s">
        <v>12</v>
      </c>
      <c r="C15" s="191">
        <v>0</v>
      </c>
      <c r="D15" s="191">
        <v>0</v>
      </c>
      <c r="E15" s="196">
        <v>0</v>
      </c>
      <c r="F15" s="193">
        <v>0</v>
      </c>
      <c r="G15" s="191">
        <v>126</v>
      </c>
      <c r="H15" s="191">
        <v>87</v>
      </c>
      <c r="I15" s="191">
        <v>47</v>
      </c>
      <c r="J15" s="191">
        <v>48</v>
      </c>
      <c r="K15" s="191">
        <v>52</v>
      </c>
      <c r="L15" s="196">
        <v>360</v>
      </c>
      <c r="M15" s="195">
        <v>360</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83</v>
      </c>
      <c r="H16" s="191">
        <v>112</v>
      </c>
      <c r="I16" s="191">
        <v>117</v>
      </c>
      <c r="J16" s="191">
        <v>24</v>
      </c>
      <c r="K16" s="191">
        <v>24</v>
      </c>
      <c r="L16" s="196">
        <v>360</v>
      </c>
      <c r="M16" s="195">
        <v>360</v>
      </c>
      <c r="N16" s="191">
        <v>0</v>
      </c>
      <c r="O16" s="191">
        <v>0</v>
      </c>
      <c r="P16" s="196">
        <v>0</v>
      </c>
      <c r="Q16" s="193">
        <v>0</v>
      </c>
      <c r="R16" s="191">
        <v>0</v>
      </c>
      <c r="S16" s="191">
        <v>10</v>
      </c>
      <c r="T16" s="191">
        <v>0</v>
      </c>
      <c r="U16" s="191">
        <v>0</v>
      </c>
      <c r="V16" s="191">
        <v>0</v>
      </c>
      <c r="W16" s="196">
        <v>10</v>
      </c>
      <c r="X16" s="195">
        <v>10</v>
      </c>
    </row>
    <row r="17" spans="2:24" ht="21" customHeight="1" x14ac:dyDescent="0.2">
      <c r="B17" s="106" t="s">
        <v>15</v>
      </c>
      <c r="C17" s="191">
        <v>0</v>
      </c>
      <c r="D17" s="191">
        <v>0</v>
      </c>
      <c r="E17" s="196">
        <v>0</v>
      </c>
      <c r="F17" s="193">
        <v>0</v>
      </c>
      <c r="G17" s="191">
        <v>67</v>
      </c>
      <c r="H17" s="191">
        <v>72</v>
      </c>
      <c r="I17" s="191">
        <v>7</v>
      </c>
      <c r="J17" s="191">
        <v>11</v>
      </c>
      <c r="K17" s="191">
        <v>18</v>
      </c>
      <c r="L17" s="196">
        <v>175</v>
      </c>
      <c r="M17" s="195">
        <v>175</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69</v>
      </c>
      <c r="H18" s="191">
        <v>70</v>
      </c>
      <c r="I18" s="191">
        <v>68</v>
      </c>
      <c r="J18" s="191">
        <v>5</v>
      </c>
      <c r="K18" s="191">
        <v>0</v>
      </c>
      <c r="L18" s="196">
        <v>212</v>
      </c>
      <c r="M18" s="195">
        <v>212</v>
      </c>
      <c r="N18" s="191">
        <v>0</v>
      </c>
      <c r="O18" s="191">
        <v>0</v>
      </c>
      <c r="P18" s="196">
        <v>0</v>
      </c>
      <c r="Q18" s="193">
        <v>0</v>
      </c>
      <c r="R18" s="191">
        <v>4</v>
      </c>
      <c r="S18" s="191">
        <v>14</v>
      </c>
      <c r="T18" s="191">
        <v>9</v>
      </c>
      <c r="U18" s="191">
        <v>0</v>
      </c>
      <c r="V18" s="191">
        <v>0</v>
      </c>
      <c r="W18" s="196">
        <v>27</v>
      </c>
      <c r="X18" s="195">
        <v>27</v>
      </c>
    </row>
    <row r="19" spans="2:24" ht="21" customHeight="1" x14ac:dyDescent="0.2">
      <c r="B19" s="106" t="s">
        <v>17</v>
      </c>
      <c r="C19" s="191">
        <v>0</v>
      </c>
      <c r="D19" s="191">
        <v>0</v>
      </c>
      <c r="E19" s="196">
        <v>0</v>
      </c>
      <c r="F19" s="193">
        <v>0</v>
      </c>
      <c r="G19" s="191">
        <v>187</v>
      </c>
      <c r="H19" s="191">
        <v>160</v>
      </c>
      <c r="I19" s="191">
        <v>111</v>
      </c>
      <c r="J19" s="191">
        <v>19</v>
      </c>
      <c r="K19" s="191">
        <v>9</v>
      </c>
      <c r="L19" s="196">
        <v>486</v>
      </c>
      <c r="M19" s="195">
        <v>486</v>
      </c>
      <c r="N19" s="191">
        <v>0</v>
      </c>
      <c r="O19" s="191">
        <v>0</v>
      </c>
      <c r="P19" s="196">
        <v>0</v>
      </c>
      <c r="Q19" s="193">
        <v>0</v>
      </c>
      <c r="R19" s="191">
        <v>5</v>
      </c>
      <c r="S19" s="191">
        <v>0</v>
      </c>
      <c r="T19" s="191">
        <v>0</v>
      </c>
      <c r="U19" s="191">
        <v>0</v>
      </c>
      <c r="V19" s="191">
        <v>0</v>
      </c>
      <c r="W19" s="196">
        <v>5</v>
      </c>
      <c r="X19" s="195">
        <v>5</v>
      </c>
    </row>
    <row r="20" spans="2:24" ht="21" customHeight="1" x14ac:dyDescent="0.2">
      <c r="B20" s="106" t="s">
        <v>18</v>
      </c>
      <c r="C20" s="191">
        <v>0</v>
      </c>
      <c r="D20" s="191">
        <v>0</v>
      </c>
      <c r="E20" s="196">
        <v>0</v>
      </c>
      <c r="F20" s="193">
        <v>0</v>
      </c>
      <c r="G20" s="191">
        <v>158</v>
      </c>
      <c r="H20" s="191">
        <v>39</v>
      </c>
      <c r="I20" s="191">
        <v>54</v>
      </c>
      <c r="J20" s="191">
        <v>22</v>
      </c>
      <c r="K20" s="191">
        <v>0</v>
      </c>
      <c r="L20" s="196">
        <v>273</v>
      </c>
      <c r="M20" s="195">
        <v>273</v>
      </c>
      <c r="N20" s="191">
        <v>0</v>
      </c>
      <c r="O20" s="191">
        <v>0</v>
      </c>
      <c r="P20" s="196">
        <v>0</v>
      </c>
      <c r="Q20" s="193">
        <v>0</v>
      </c>
      <c r="R20" s="191">
        <v>0</v>
      </c>
      <c r="S20" s="191">
        <v>0</v>
      </c>
      <c r="T20" s="191">
        <v>13</v>
      </c>
      <c r="U20" s="191">
        <v>27</v>
      </c>
      <c r="V20" s="191">
        <v>0</v>
      </c>
      <c r="W20" s="196">
        <v>40</v>
      </c>
      <c r="X20" s="195">
        <v>40</v>
      </c>
    </row>
    <row r="21" spans="2:24" ht="21" customHeight="1" x14ac:dyDescent="0.2">
      <c r="B21" s="106" t="s">
        <v>19</v>
      </c>
      <c r="C21" s="191">
        <v>0</v>
      </c>
      <c r="D21" s="191">
        <v>0</v>
      </c>
      <c r="E21" s="196">
        <v>0</v>
      </c>
      <c r="F21" s="193">
        <v>0</v>
      </c>
      <c r="G21" s="191">
        <v>65</v>
      </c>
      <c r="H21" s="191">
        <v>57</v>
      </c>
      <c r="I21" s="191">
        <v>5</v>
      </c>
      <c r="J21" s="191">
        <v>17</v>
      </c>
      <c r="K21" s="191">
        <v>0</v>
      </c>
      <c r="L21" s="196">
        <v>144</v>
      </c>
      <c r="M21" s="195">
        <v>144</v>
      </c>
      <c r="N21" s="191">
        <v>0</v>
      </c>
      <c r="O21" s="191">
        <v>0</v>
      </c>
      <c r="P21" s="196">
        <v>0</v>
      </c>
      <c r="Q21" s="193">
        <v>0</v>
      </c>
      <c r="R21" s="191">
        <v>7</v>
      </c>
      <c r="S21" s="191">
        <v>10</v>
      </c>
      <c r="T21" s="191">
        <v>3</v>
      </c>
      <c r="U21" s="191">
        <v>0</v>
      </c>
      <c r="V21" s="191">
        <v>0</v>
      </c>
      <c r="W21" s="196">
        <v>20</v>
      </c>
      <c r="X21" s="195">
        <v>20</v>
      </c>
    </row>
    <row r="22" spans="2:24" ht="21" customHeight="1" x14ac:dyDescent="0.2">
      <c r="B22" s="106" t="s">
        <v>20</v>
      </c>
      <c r="C22" s="191">
        <v>0</v>
      </c>
      <c r="D22" s="191">
        <v>0</v>
      </c>
      <c r="E22" s="196">
        <v>0</v>
      </c>
      <c r="F22" s="193">
        <v>0</v>
      </c>
      <c r="G22" s="191">
        <v>73</v>
      </c>
      <c r="H22" s="191">
        <v>54</v>
      </c>
      <c r="I22" s="191">
        <v>12</v>
      </c>
      <c r="J22" s="191">
        <v>0</v>
      </c>
      <c r="K22" s="191">
        <v>0</v>
      </c>
      <c r="L22" s="196">
        <v>139</v>
      </c>
      <c r="M22" s="195">
        <v>139</v>
      </c>
      <c r="N22" s="191">
        <v>0</v>
      </c>
      <c r="O22" s="191">
        <v>0</v>
      </c>
      <c r="P22" s="196">
        <v>0</v>
      </c>
      <c r="Q22" s="193">
        <v>0</v>
      </c>
      <c r="R22" s="191">
        <v>0</v>
      </c>
      <c r="S22" s="191">
        <v>0</v>
      </c>
      <c r="T22" s="191">
        <v>9</v>
      </c>
      <c r="U22" s="191">
        <v>0</v>
      </c>
      <c r="V22" s="191">
        <v>0</v>
      </c>
      <c r="W22" s="196">
        <v>9</v>
      </c>
      <c r="X22" s="195">
        <v>9</v>
      </c>
    </row>
    <row r="23" spans="2:24" ht="21" customHeight="1" x14ac:dyDescent="0.2">
      <c r="B23" s="106" t="s">
        <v>21</v>
      </c>
      <c r="C23" s="191">
        <v>0</v>
      </c>
      <c r="D23" s="191">
        <v>0</v>
      </c>
      <c r="E23" s="196">
        <v>0</v>
      </c>
      <c r="F23" s="193">
        <v>0</v>
      </c>
      <c r="G23" s="191">
        <v>88</v>
      </c>
      <c r="H23" s="191">
        <v>23</v>
      </c>
      <c r="I23" s="191">
        <v>11</v>
      </c>
      <c r="J23" s="191">
        <v>12</v>
      </c>
      <c r="K23" s="191">
        <v>0</v>
      </c>
      <c r="L23" s="196">
        <v>134</v>
      </c>
      <c r="M23" s="195">
        <v>134</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62</v>
      </c>
      <c r="H24" s="191">
        <v>50</v>
      </c>
      <c r="I24" s="191">
        <v>0</v>
      </c>
      <c r="J24" s="191">
        <v>8</v>
      </c>
      <c r="K24" s="191">
        <v>0</v>
      </c>
      <c r="L24" s="196">
        <v>120</v>
      </c>
      <c r="M24" s="195">
        <v>120</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11</v>
      </c>
      <c r="H25" s="191">
        <v>25</v>
      </c>
      <c r="I25" s="191">
        <v>22</v>
      </c>
      <c r="J25" s="191">
        <v>0</v>
      </c>
      <c r="K25" s="191">
        <v>0</v>
      </c>
      <c r="L25" s="196">
        <v>58</v>
      </c>
      <c r="M25" s="195">
        <v>58</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4</v>
      </c>
      <c r="I26" s="191">
        <v>0</v>
      </c>
      <c r="J26" s="191">
        <v>17</v>
      </c>
      <c r="K26" s="191">
        <v>0</v>
      </c>
      <c r="L26" s="196">
        <v>21</v>
      </c>
      <c r="M26" s="195">
        <v>21</v>
      </c>
      <c r="N26" s="191">
        <v>0</v>
      </c>
      <c r="O26" s="191">
        <v>0</v>
      </c>
      <c r="P26" s="196">
        <v>0</v>
      </c>
      <c r="Q26" s="193">
        <v>0</v>
      </c>
      <c r="R26" s="191">
        <v>0</v>
      </c>
      <c r="S26" s="191">
        <v>0</v>
      </c>
      <c r="T26" s="191">
        <v>0</v>
      </c>
      <c r="U26" s="191">
        <v>0</v>
      </c>
      <c r="V26" s="191">
        <v>16</v>
      </c>
      <c r="W26" s="196">
        <v>16</v>
      </c>
      <c r="X26" s="195">
        <v>16</v>
      </c>
    </row>
    <row r="27" spans="2:24" ht="21" customHeight="1" x14ac:dyDescent="0.2">
      <c r="B27" s="106" t="s">
        <v>25</v>
      </c>
      <c r="C27" s="191">
        <v>0</v>
      </c>
      <c r="D27" s="191">
        <v>0</v>
      </c>
      <c r="E27" s="196">
        <v>0</v>
      </c>
      <c r="F27" s="193">
        <v>0</v>
      </c>
      <c r="G27" s="191">
        <v>26</v>
      </c>
      <c r="H27" s="191">
        <v>12</v>
      </c>
      <c r="I27" s="191">
        <v>3</v>
      </c>
      <c r="J27" s="191">
        <v>0</v>
      </c>
      <c r="K27" s="191">
        <v>0</v>
      </c>
      <c r="L27" s="196">
        <v>41</v>
      </c>
      <c r="M27" s="195">
        <v>41</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7</v>
      </c>
      <c r="H28" s="191">
        <v>17</v>
      </c>
      <c r="I28" s="191">
        <v>17</v>
      </c>
      <c r="J28" s="191">
        <v>0</v>
      </c>
      <c r="K28" s="191">
        <v>0</v>
      </c>
      <c r="L28" s="196">
        <v>41</v>
      </c>
      <c r="M28" s="195">
        <v>41</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9</v>
      </c>
      <c r="H29" s="191">
        <v>14</v>
      </c>
      <c r="I29" s="191">
        <v>5</v>
      </c>
      <c r="J29" s="191">
        <v>0</v>
      </c>
      <c r="K29" s="191">
        <v>0</v>
      </c>
      <c r="L29" s="196">
        <v>48</v>
      </c>
      <c r="M29" s="195">
        <v>48</v>
      </c>
      <c r="N29" s="191">
        <v>0</v>
      </c>
      <c r="O29" s="191">
        <v>0</v>
      </c>
      <c r="P29" s="196">
        <v>0</v>
      </c>
      <c r="Q29" s="193">
        <v>0</v>
      </c>
      <c r="R29" s="191">
        <v>0</v>
      </c>
      <c r="S29" s="191">
        <v>5</v>
      </c>
      <c r="T29" s="191">
        <v>9</v>
      </c>
      <c r="U29" s="191">
        <v>0</v>
      </c>
      <c r="V29" s="191">
        <v>0</v>
      </c>
      <c r="W29" s="196">
        <v>14</v>
      </c>
      <c r="X29" s="195">
        <v>14</v>
      </c>
    </row>
    <row r="30" spans="2:24" ht="21" customHeight="1" x14ac:dyDescent="0.2">
      <c r="B30" s="106" t="s">
        <v>28</v>
      </c>
      <c r="C30" s="191">
        <v>0</v>
      </c>
      <c r="D30" s="191">
        <v>0</v>
      </c>
      <c r="E30" s="196">
        <v>0</v>
      </c>
      <c r="F30" s="193">
        <v>0</v>
      </c>
      <c r="G30" s="191">
        <v>47</v>
      </c>
      <c r="H30" s="191">
        <v>7</v>
      </c>
      <c r="I30" s="191">
        <v>0</v>
      </c>
      <c r="J30" s="191">
        <v>0</v>
      </c>
      <c r="K30" s="191">
        <v>0</v>
      </c>
      <c r="L30" s="196">
        <v>54</v>
      </c>
      <c r="M30" s="195">
        <v>54</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8</v>
      </c>
      <c r="H31" s="191">
        <v>0</v>
      </c>
      <c r="I31" s="191">
        <v>10</v>
      </c>
      <c r="J31" s="191">
        <v>1</v>
      </c>
      <c r="K31" s="191">
        <v>0</v>
      </c>
      <c r="L31" s="196">
        <v>19</v>
      </c>
      <c r="M31" s="195">
        <v>19</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15</v>
      </c>
      <c r="K32" s="191">
        <v>0</v>
      </c>
      <c r="L32" s="196">
        <v>15</v>
      </c>
      <c r="M32" s="195">
        <v>15</v>
      </c>
      <c r="N32" s="191">
        <v>0</v>
      </c>
      <c r="O32" s="191">
        <v>0</v>
      </c>
      <c r="P32" s="196">
        <v>0</v>
      </c>
      <c r="Q32" s="193">
        <v>0</v>
      </c>
      <c r="R32" s="191">
        <v>0</v>
      </c>
      <c r="S32" s="191">
        <v>5</v>
      </c>
      <c r="T32" s="191">
        <v>0</v>
      </c>
      <c r="U32" s="191">
        <v>0</v>
      </c>
      <c r="V32" s="191">
        <v>0</v>
      </c>
      <c r="W32" s="196">
        <v>5</v>
      </c>
      <c r="X32" s="195">
        <v>5</v>
      </c>
    </row>
    <row r="33" spans="2:24" ht="21" customHeight="1" x14ac:dyDescent="0.2">
      <c r="B33" s="106" t="s">
        <v>31</v>
      </c>
      <c r="C33" s="191">
        <v>0</v>
      </c>
      <c r="D33" s="191">
        <v>0</v>
      </c>
      <c r="E33" s="196">
        <v>0</v>
      </c>
      <c r="F33" s="193">
        <v>0</v>
      </c>
      <c r="G33" s="191">
        <v>9</v>
      </c>
      <c r="H33" s="191">
        <v>5</v>
      </c>
      <c r="I33" s="191">
        <v>16</v>
      </c>
      <c r="J33" s="191">
        <v>0</v>
      </c>
      <c r="K33" s="191">
        <v>0</v>
      </c>
      <c r="L33" s="196">
        <v>30</v>
      </c>
      <c r="M33" s="195">
        <v>30</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18</v>
      </c>
      <c r="H34" s="191">
        <v>6</v>
      </c>
      <c r="I34" s="191">
        <v>0</v>
      </c>
      <c r="J34" s="191">
        <v>0</v>
      </c>
      <c r="K34" s="191">
        <v>0</v>
      </c>
      <c r="L34" s="196">
        <v>24</v>
      </c>
      <c r="M34" s="195">
        <v>24</v>
      </c>
      <c r="N34" s="191">
        <v>0</v>
      </c>
      <c r="O34" s="191">
        <v>0</v>
      </c>
      <c r="P34" s="196">
        <v>0</v>
      </c>
      <c r="Q34" s="193">
        <v>0</v>
      </c>
      <c r="R34" s="191">
        <v>13</v>
      </c>
      <c r="S34" s="191">
        <v>0</v>
      </c>
      <c r="T34" s="191">
        <v>19</v>
      </c>
      <c r="U34" s="191">
        <v>0</v>
      </c>
      <c r="V34" s="191">
        <v>0</v>
      </c>
      <c r="W34" s="196">
        <v>32</v>
      </c>
      <c r="X34" s="195">
        <v>32</v>
      </c>
    </row>
    <row r="35" spans="2:24" ht="21" customHeight="1" x14ac:dyDescent="0.2">
      <c r="B35" s="106" t="s">
        <v>33</v>
      </c>
      <c r="C35" s="191">
        <v>0</v>
      </c>
      <c r="D35" s="191">
        <v>0</v>
      </c>
      <c r="E35" s="196">
        <v>0</v>
      </c>
      <c r="F35" s="193">
        <v>0</v>
      </c>
      <c r="G35" s="191">
        <v>0</v>
      </c>
      <c r="H35" s="191">
        <v>0</v>
      </c>
      <c r="I35" s="191">
        <v>0</v>
      </c>
      <c r="J35" s="191">
        <v>11</v>
      </c>
      <c r="K35" s="191">
        <v>0</v>
      </c>
      <c r="L35" s="196">
        <v>11</v>
      </c>
      <c r="M35" s="195">
        <v>11</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3</v>
      </c>
      <c r="H36" s="191">
        <v>0</v>
      </c>
      <c r="I36" s="191">
        <v>0</v>
      </c>
      <c r="J36" s="191">
        <v>0</v>
      </c>
      <c r="K36" s="191">
        <v>0</v>
      </c>
      <c r="L36" s="196">
        <v>3</v>
      </c>
      <c r="M36" s="195">
        <v>3</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4</v>
      </c>
      <c r="H37" s="191">
        <v>0</v>
      </c>
      <c r="I37" s="191">
        <v>0</v>
      </c>
      <c r="J37" s="191">
        <v>0</v>
      </c>
      <c r="K37" s="191">
        <v>0</v>
      </c>
      <c r="L37" s="196">
        <v>4</v>
      </c>
      <c r="M37" s="195">
        <v>4</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9</v>
      </c>
      <c r="H38" s="191">
        <v>3</v>
      </c>
      <c r="I38" s="191">
        <v>0</v>
      </c>
      <c r="J38" s="191">
        <v>0</v>
      </c>
      <c r="K38" s="191">
        <v>0</v>
      </c>
      <c r="L38" s="196">
        <v>12</v>
      </c>
      <c r="M38" s="195">
        <v>1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6</v>
      </c>
      <c r="L39" s="203">
        <v>16</v>
      </c>
      <c r="M39" s="202">
        <v>16</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1">
        <f>第１表!F2</f>
        <v>6</v>
      </c>
      <c r="G1" s="441"/>
      <c r="H1" s="18">
        <f>第１表!G2</f>
        <v>7</v>
      </c>
      <c r="I1" s="445">
        <f>IF(H1&lt;3,H1-2+12,H1-2)</f>
        <v>5</v>
      </c>
      <c r="J1" s="445"/>
    </row>
    <row r="2" spans="2:133" ht="24" customHeight="1" thickBot="1" x14ac:dyDescent="0.25"/>
    <row r="3" spans="2:133" ht="21" customHeight="1" thickBot="1" x14ac:dyDescent="0.25">
      <c r="B3" s="522"/>
      <c r="C3" s="519" t="s">
        <v>57</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1"/>
      <c r="AG3" s="519" t="s">
        <v>58</v>
      </c>
      <c r="AH3" s="525"/>
      <c r="AI3" s="525"/>
      <c r="AJ3" s="525"/>
      <c r="AK3" s="525"/>
      <c r="AL3" s="525"/>
      <c r="AM3" s="525"/>
      <c r="AN3" s="525"/>
      <c r="AO3" s="525"/>
      <c r="AP3" s="525"/>
      <c r="AQ3" s="525"/>
      <c r="AR3" s="525"/>
      <c r="AS3" s="525"/>
      <c r="AT3" s="525"/>
      <c r="AU3" s="525"/>
      <c r="AV3" s="525"/>
      <c r="AW3" s="525"/>
      <c r="AX3" s="525"/>
      <c r="AY3" s="525"/>
      <c r="AZ3" s="525"/>
      <c r="BA3" s="525"/>
      <c r="BB3" s="525"/>
      <c r="BC3" s="525"/>
      <c r="BD3" s="525"/>
      <c r="BE3" s="525"/>
      <c r="BF3" s="525"/>
      <c r="BG3" s="525"/>
      <c r="BH3" s="525"/>
      <c r="BI3" s="525"/>
      <c r="BJ3" s="526"/>
      <c r="BK3" s="519" t="s">
        <v>59</v>
      </c>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1"/>
      <c r="CO3" s="519" t="s">
        <v>148</v>
      </c>
      <c r="CP3" s="520"/>
      <c r="CQ3" s="520"/>
      <c r="CR3" s="520"/>
      <c r="CS3" s="520"/>
      <c r="CT3" s="520"/>
      <c r="CU3" s="520"/>
      <c r="CV3" s="520"/>
      <c r="CW3" s="520"/>
      <c r="CX3" s="520"/>
      <c r="CY3" s="520"/>
      <c r="CZ3" s="520"/>
      <c r="DA3" s="520"/>
      <c r="DB3" s="520"/>
      <c r="DC3" s="520"/>
      <c r="DD3" s="520"/>
      <c r="DE3" s="520"/>
      <c r="DF3" s="520"/>
      <c r="DG3" s="520"/>
      <c r="DH3" s="520"/>
      <c r="DI3" s="520"/>
      <c r="DJ3" s="520"/>
      <c r="DK3" s="520"/>
      <c r="DL3" s="520"/>
      <c r="DM3" s="520"/>
      <c r="DN3" s="520"/>
      <c r="DO3" s="520"/>
      <c r="DP3" s="520"/>
      <c r="DQ3" s="520"/>
      <c r="DR3" s="521"/>
      <c r="DS3" s="427" t="s">
        <v>60</v>
      </c>
      <c r="DT3" s="428"/>
      <c r="DU3" s="428"/>
      <c r="DV3" s="428"/>
      <c r="DW3" s="428"/>
      <c r="DX3" s="428"/>
      <c r="DY3" s="428"/>
      <c r="DZ3" s="428"/>
      <c r="EA3" s="428"/>
      <c r="EB3" s="429"/>
    </row>
    <row r="4" spans="2:133" ht="21" customHeight="1" thickBot="1" x14ac:dyDescent="0.25">
      <c r="B4" s="523"/>
      <c r="C4" s="433"/>
      <c r="D4" s="434"/>
      <c r="E4" s="434"/>
      <c r="F4" s="434"/>
      <c r="G4" s="434"/>
      <c r="H4" s="434"/>
      <c r="I4" s="434"/>
      <c r="J4" s="434"/>
      <c r="K4" s="434"/>
      <c r="L4" s="434"/>
      <c r="M4" s="436" t="s">
        <v>39</v>
      </c>
      <c r="N4" s="437"/>
      <c r="O4" s="437"/>
      <c r="P4" s="437"/>
      <c r="Q4" s="437"/>
      <c r="R4" s="437"/>
      <c r="S4" s="437"/>
      <c r="T4" s="437"/>
      <c r="U4" s="437"/>
      <c r="V4" s="438"/>
      <c r="W4" s="436" t="s">
        <v>40</v>
      </c>
      <c r="X4" s="437"/>
      <c r="Y4" s="437"/>
      <c r="Z4" s="437"/>
      <c r="AA4" s="437"/>
      <c r="AB4" s="437"/>
      <c r="AC4" s="437"/>
      <c r="AD4" s="437"/>
      <c r="AE4" s="437"/>
      <c r="AF4" s="438"/>
      <c r="AG4" s="433"/>
      <c r="AH4" s="434"/>
      <c r="AI4" s="434"/>
      <c r="AJ4" s="434"/>
      <c r="AK4" s="434"/>
      <c r="AL4" s="434"/>
      <c r="AM4" s="434"/>
      <c r="AN4" s="434"/>
      <c r="AO4" s="434"/>
      <c r="AP4" s="434"/>
      <c r="AQ4" s="436" t="s">
        <v>39</v>
      </c>
      <c r="AR4" s="437"/>
      <c r="AS4" s="437"/>
      <c r="AT4" s="437"/>
      <c r="AU4" s="437"/>
      <c r="AV4" s="437"/>
      <c r="AW4" s="437"/>
      <c r="AX4" s="437"/>
      <c r="AY4" s="437"/>
      <c r="AZ4" s="438"/>
      <c r="BA4" s="436" t="s">
        <v>40</v>
      </c>
      <c r="BB4" s="437"/>
      <c r="BC4" s="437"/>
      <c r="BD4" s="437"/>
      <c r="BE4" s="437"/>
      <c r="BF4" s="437"/>
      <c r="BG4" s="437"/>
      <c r="BH4" s="437"/>
      <c r="BI4" s="437"/>
      <c r="BJ4" s="438"/>
      <c r="BK4" s="433"/>
      <c r="BL4" s="434"/>
      <c r="BM4" s="434"/>
      <c r="BN4" s="434"/>
      <c r="BO4" s="434"/>
      <c r="BP4" s="434"/>
      <c r="BQ4" s="434"/>
      <c r="BR4" s="434"/>
      <c r="BS4" s="434"/>
      <c r="BT4" s="434"/>
      <c r="BU4" s="436" t="s">
        <v>39</v>
      </c>
      <c r="BV4" s="437"/>
      <c r="BW4" s="437"/>
      <c r="BX4" s="437"/>
      <c r="BY4" s="437"/>
      <c r="BZ4" s="437"/>
      <c r="CA4" s="437"/>
      <c r="CB4" s="437"/>
      <c r="CC4" s="437"/>
      <c r="CD4" s="438"/>
      <c r="CE4" s="436" t="s">
        <v>40</v>
      </c>
      <c r="CF4" s="437"/>
      <c r="CG4" s="437"/>
      <c r="CH4" s="437"/>
      <c r="CI4" s="437"/>
      <c r="CJ4" s="437"/>
      <c r="CK4" s="437"/>
      <c r="CL4" s="437"/>
      <c r="CM4" s="437"/>
      <c r="CN4" s="438"/>
      <c r="CO4" s="433"/>
      <c r="CP4" s="434"/>
      <c r="CQ4" s="434"/>
      <c r="CR4" s="434"/>
      <c r="CS4" s="434"/>
      <c r="CT4" s="434"/>
      <c r="CU4" s="434"/>
      <c r="CV4" s="434"/>
      <c r="CW4" s="434"/>
      <c r="CX4" s="434"/>
      <c r="CY4" s="436" t="s">
        <v>39</v>
      </c>
      <c r="CZ4" s="437"/>
      <c r="DA4" s="437"/>
      <c r="DB4" s="437"/>
      <c r="DC4" s="437"/>
      <c r="DD4" s="437"/>
      <c r="DE4" s="437"/>
      <c r="DF4" s="437"/>
      <c r="DG4" s="437"/>
      <c r="DH4" s="438"/>
      <c r="DI4" s="436" t="s">
        <v>40</v>
      </c>
      <c r="DJ4" s="437"/>
      <c r="DK4" s="437"/>
      <c r="DL4" s="437"/>
      <c r="DM4" s="437"/>
      <c r="DN4" s="437"/>
      <c r="DO4" s="437"/>
      <c r="DP4" s="437"/>
      <c r="DQ4" s="437"/>
      <c r="DR4" s="438"/>
      <c r="DS4" s="433"/>
      <c r="DT4" s="434"/>
      <c r="DU4" s="434"/>
      <c r="DV4" s="434"/>
      <c r="DW4" s="434"/>
      <c r="DX4" s="434"/>
      <c r="DY4" s="434"/>
      <c r="DZ4" s="434"/>
      <c r="EA4" s="434"/>
      <c r="EB4" s="435"/>
    </row>
    <row r="5" spans="2:133" ht="21" customHeight="1" x14ac:dyDescent="0.2">
      <c r="B5" s="524"/>
      <c r="C5" s="502" t="s">
        <v>61</v>
      </c>
      <c r="D5" s="503"/>
      <c r="E5" s="504"/>
      <c r="F5" s="505" t="s">
        <v>62</v>
      </c>
      <c r="G5" s="506"/>
      <c r="H5" s="506"/>
      <c r="I5" s="506"/>
      <c r="J5" s="506"/>
      <c r="K5" s="507"/>
      <c r="L5" s="516" t="s">
        <v>52</v>
      </c>
      <c r="M5" s="518" t="s">
        <v>61</v>
      </c>
      <c r="N5" s="512"/>
      <c r="O5" s="513"/>
      <c r="P5" s="514" t="s">
        <v>62</v>
      </c>
      <c r="Q5" s="434"/>
      <c r="R5" s="434"/>
      <c r="S5" s="434"/>
      <c r="T5" s="434"/>
      <c r="U5" s="515"/>
      <c r="V5" s="510" t="s">
        <v>52</v>
      </c>
      <c r="W5" s="511" t="s">
        <v>61</v>
      </c>
      <c r="X5" s="512"/>
      <c r="Y5" s="513"/>
      <c r="Z5" s="514" t="s">
        <v>62</v>
      </c>
      <c r="AA5" s="434"/>
      <c r="AB5" s="434"/>
      <c r="AC5" s="434"/>
      <c r="AD5" s="434"/>
      <c r="AE5" s="515"/>
      <c r="AF5" s="510" t="s">
        <v>52</v>
      </c>
      <c r="AG5" s="502" t="s">
        <v>61</v>
      </c>
      <c r="AH5" s="503"/>
      <c r="AI5" s="504"/>
      <c r="AJ5" s="505" t="s">
        <v>62</v>
      </c>
      <c r="AK5" s="506"/>
      <c r="AL5" s="506"/>
      <c r="AM5" s="506"/>
      <c r="AN5" s="506"/>
      <c r="AO5" s="507"/>
      <c r="AP5" s="508" t="s">
        <v>52</v>
      </c>
      <c r="AQ5" s="518" t="s">
        <v>61</v>
      </c>
      <c r="AR5" s="512"/>
      <c r="AS5" s="513"/>
      <c r="AT5" s="514" t="s">
        <v>62</v>
      </c>
      <c r="AU5" s="434"/>
      <c r="AV5" s="434"/>
      <c r="AW5" s="434"/>
      <c r="AX5" s="434"/>
      <c r="AY5" s="515"/>
      <c r="AZ5" s="527" t="s">
        <v>52</v>
      </c>
      <c r="BA5" s="518" t="s">
        <v>61</v>
      </c>
      <c r="BB5" s="512"/>
      <c r="BC5" s="513"/>
      <c r="BD5" s="514" t="s">
        <v>62</v>
      </c>
      <c r="BE5" s="434"/>
      <c r="BF5" s="434"/>
      <c r="BG5" s="434"/>
      <c r="BH5" s="434"/>
      <c r="BI5" s="515"/>
      <c r="BJ5" s="510" t="s">
        <v>52</v>
      </c>
      <c r="BK5" s="502" t="s">
        <v>61</v>
      </c>
      <c r="BL5" s="503"/>
      <c r="BM5" s="504"/>
      <c r="BN5" s="505" t="s">
        <v>62</v>
      </c>
      <c r="BO5" s="506"/>
      <c r="BP5" s="506"/>
      <c r="BQ5" s="506"/>
      <c r="BR5" s="506"/>
      <c r="BS5" s="507"/>
      <c r="BT5" s="516" t="s">
        <v>52</v>
      </c>
      <c r="BU5" s="518" t="s">
        <v>61</v>
      </c>
      <c r="BV5" s="512"/>
      <c r="BW5" s="513"/>
      <c r="BX5" s="514" t="s">
        <v>62</v>
      </c>
      <c r="BY5" s="434"/>
      <c r="BZ5" s="434"/>
      <c r="CA5" s="434"/>
      <c r="CB5" s="434"/>
      <c r="CC5" s="515"/>
      <c r="CD5" s="510" t="s">
        <v>52</v>
      </c>
      <c r="CE5" s="511" t="s">
        <v>61</v>
      </c>
      <c r="CF5" s="512"/>
      <c r="CG5" s="513"/>
      <c r="CH5" s="514" t="s">
        <v>62</v>
      </c>
      <c r="CI5" s="434"/>
      <c r="CJ5" s="434"/>
      <c r="CK5" s="434"/>
      <c r="CL5" s="434"/>
      <c r="CM5" s="515"/>
      <c r="CN5" s="510" t="s">
        <v>52</v>
      </c>
      <c r="CO5" s="502" t="s">
        <v>61</v>
      </c>
      <c r="CP5" s="503"/>
      <c r="CQ5" s="504"/>
      <c r="CR5" s="505" t="s">
        <v>62</v>
      </c>
      <c r="CS5" s="506"/>
      <c r="CT5" s="506"/>
      <c r="CU5" s="506"/>
      <c r="CV5" s="506"/>
      <c r="CW5" s="507"/>
      <c r="CX5" s="516" t="s">
        <v>52</v>
      </c>
      <c r="CY5" s="518" t="s">
        <v>61</v>
      </c>
      <c r="CZ5" s="512"/>
      <c r="DA5" s="513"/>
      <c r="DB5" s="514" t="s">
        <v>62</v>
      </c>
      <c r="DC5" s="434"/>
      <c r="DD5" s="434"/>
      <c r="DE5" s="434"/>
      <c r="DF5" s="434"/>
      <c r="DG5" s="515"/>
      <c r="DH5" s="510" t="s">
        <v>52</v>
      </c>
      <c r="DI5" s="511" t="s">
        <v>61</v>
      </c>
      <c r="DJ5" s="512"/>
      <c r="DK5" s="513"/>
      <c r="DL5" s="514" t="s">
        <v>62</v>
      </c>
      <c r="DM5" s="434"/>
      <c r="DN5" s="434"/>
      <c r="DO5" s="434"/>
      <c r="DP5" s="434"/>
      <c r="DQ5" s="515"/>
      <c r="DR5" s="510" t="s">
        <v>52</v>
      </c>
      <c r="DS5" s="502" t="s">
        <v>61</v>
      </c>
      <c r="DT5" s="503"/>
      <c r="DU5" s="504"/>
      <c r="DV5" s="505" t="s">
        <v>62</v>
      </c>
      <c r="DW5" s="506"/>
      <c r="DX5" s="506"/>
      <c r="DY5" s="506"/>
      <c r="DZ5" s="506"/>
      <c r="EA5" s="507"/>
      <c r="EB5" s="508"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17"/>
      <c r="M6" s="229" t="s">
        <v>43</v>
      </c>
      <c r="N6" s="230" t="s">
        <v>44</v>
      </c>
      <c r="O6" s="234" t="s">
        <v>45</v>
      </c>
      <c r="P6" s="231" t="s">
        <v>47</v>
      </c>
      <c r="Q6" s="232" t="s">
        <v>48</v>
      </c>
      <c r="R6" s="232" t="s">
        <v>49</v>
      </c>
      <c r="S6" s="233" t="s">
        <v>50</v>
      </c>
      <c r="T6" s="230" t="s">
        <v>51</v>
      </c>
      <c r="U6" s="234" t="s">
        <v>45</v>
      </c>
      <c r="V6" s="509"/>
      <c r="W6" s="235" t="s">
        <v>43</v>
      </c>
      <c r="X6" s="230" t="s">
        <v>44</v>
      </c>
      <c r="Y6" s="234" t="s">
        <v>45</v>
      </c>
      <c r="Z6" s="235" t="s">
        <v>47</v>
      </c>
      <c r="AA6" s="232" t="s">
        <v>48</v>
      </c>
      <c r="AB6" s="232" t="s">
        <v>49</v>
      </c>
      <c r="AC6" s="233" t="s">
        <v>50</v>
      </c>
      <c r="AD6" s="230" t="s">
        <v>51</v>
      </c>
      <c r="AE6" s="234" t="s">
        <v>45</v>
      </c>
      <c r="AF6" s="509"/>
      <c r="AG6" s="229" t="s">
        <v>43</v>
      </c>
      <c r="AH6" s="230" t="s">
        <v>44</v>
      </c>
      <c r="AI6" s="234" t="s">
        <v>45</v>
      </c>
      <c r="AJ6" s="235" t="s">
        <v>47</v>
      </c>
      <c r="AK6" s="232" t="s">
        <v>48</v>
      </c>
      <c r="AL6" s="232" t="s">
        <v>49</v>
      </c>
      <c r="AM6" s="233" t="s">
        <v>50</v>
      </c>
      <c r="AN6" s="230" t="s">
        <v>51</v>
      </c>
      <c r="AO6" s="234" t="s">
        <v>45</v>
      </c>
      <c r="AP6" s="509"/>
      <c r="AQ6" s="229" t="s">
        <v>43</v>
      </c>
      <c r="AR6" s="230" t="s">
        <v>44</v>
      </c>
      <c r="AS6" s="234" t="s">
        <v>45</v>
      </c>
      <c r="AT6" s="231" t="s">
        <v>47</v>
      </c>
      <c r="AU6" s="232" t="s">
        <v>48</v>
      </c>
      <c r="AV6" s="232" t="s">
        <v>49</v>
      </c>
      <c r="AW6" s="233" t="s">
        <v>50</v>
      </c>
      <c r="AX6" s="230" t="s">
        <v>51</v>
      </c>
      <c r="AY6" s="234" t="s">
        <v>45</v>
      </c>
      <c r="AZ6" s="517"/>
      <c r="BA6" s="229" t="s">
        <v>43</v>
      </c>
      <c r="BB6" s="230" t="s">
        <v>44</v>
      </c>
      <c r="BC6" s="230" t="s">
        <v>45</v>
      </c>
      <c r="BD6" s="231" t="s">
        <v>47</v>
      </c>
      <c r="BE6" s="232" t="s">
        <v>48</v>
      </c>
      <c r="BF6" s="232" t="s">
        <v>49</v>
      </c>
      <c r="BG6" s="233" t="s">
        <v>50</v>
      </c>
      <c r="BH6" s="230" t="s">
        <v>51</v>
      </c>
      <c r="BI6" s="234" t="s">
        <v>45</v>
      </c>
      <c r="BJ6" s="509"/>
      <c r="BK6" s="229" t="s">
        <v>43</v>
      </c>
      <c r="BL6" s="230" t="s">
        <v>44</v>
      </c>
      <c r="BM6" s="230" t="s">
        <v>45</v>
      </c>
      <c r="BN6" s="231" t="s">
        <v>47</v>
      </c>
      <c r="BO6" s="232" t="s">
        <v>48</v>
      </c>
      <c r="BP6" s="232" t="s">
        <v>49</v>
      </c>
      <c r="BQ6" s="233" t="s">
        <v>50</v>
      </c>
      <c r="BR6" s="230" t="s">
        <v>51</v>
      </c>
      <c r="BS6" s="234" t="s">
        <v>45</v>
      </c>
      <c r="BT6" s="517"/>
      <c r="BU6" s="229" t="s">
        <v>43</v>
      </c>
      <c r="BV6" s="230" t="s">
        <v>44</v>
      </c>
      <c r="BW6" s="230" t="s">
        <v>45</v>
      </c>
      <c r="BX6" s="231" t="s">
        <v>47</v>
      </c>
      <c r="BY6" s="232" t="s">
        <v>48</v>
      </c>
      <c r="BZ6" s="232" t="s">
        <v>49</v>
      </c>
      <c r="CA6" s="233" t="s">
        <v>50</v>
      </c>
      <c r="CB6" s="230" t="s">
        <v>51</v>
      </c>
      <c r="CC6" s="234" t="s">
        <v>45</v>
      </c>
      <c r="CD6" s="509"/>
      <c r="CE6" s="235" t="s">
        <v>43</v>
      </c>
      <c r="CF6" s="230" t="s">
        <v>44</v>
      </c>
      <c r="CG6" s="230" t="s">
        <v>45</v>
      </c>
      <c r="CH6" s="231" t="s">
        <v>47</v>
      </c>
      <c r="CI6" s="232" t="s">
        <v>48</v>
      </c>
      <c r="CJ6" s="232" t="s">
        <v>49</v>
      </c>
      <c r="CK6" s="233" t="s">
        <v>50</v>
      </c>
      <c r="CL6" s="230" t="s">
        <v>51</v>
      </c>
      <c r="CM6" s="234" t="s">
        <v>45</v>
      </c>
      <c r="CN6" s="509"/>
      <c r="CO6" s="229" t="s">
        <v>43</v>
      </c>
      <c r="CP6" s="230" t="s">
        <v>44</v>
      </c>
      <c r="CQ6" s="230" t="s">
        <v>45</v>
      </c>
      <c r="CR6" s="231" t="s">
        <v>47</v>
      </c>
      <c r="CS6" s="232" t="s">
        <v>48</v>
      </c>
      <c r="CT6" s="232" t="s">
        <v>49</v>
      </c>
      <c r="CU6" s="233" t="s">
        <v>50</v>
      </c>
      <c r="CV6" s="230" t="s">
        <v>51</v>
      </c>
      <c r="CW6" s="234" t="s">
        <v>45</v>
      </c>
      <c r="CX6" s="517"/>
      <c r="CY6" s="229" t="s">
        <v>43</v>
      </c>
      <c r="CZ6" s="230" t="s">
        <v>44</v>
      </c>
      <c r="DA6" s="230" t="s">
        <v>45</v>
      </c>
      <c r="DB6" s="231" t="s">
        <v>47</v>
      </c>
      <c r="DC6" s="232" t="s">
        <v>48</v>
      </c>
      <c r="DD6" s="232" t="s">
        <v>49</v>
      </c>
      <c r="DE6" s="233" t="s">
        <v>50</v>
      </c>
      <c r="DF6" s="230" t="s">
        <v>51</v>
      </c>
      <c r="DG6" s="234" t="s">
        <v>45</v>
      </c>
      <c r="DH6" s="509"/>
      <c r="DI6" s="235" t="s">
        <v>43</v>
      </c>
      <c r="DJ6" s="230" t="s">
        <v>44</v>
      </c>
      <c r="DK6" s="230" t="s">
        <v>45</v>
      </c>
      <c r="DL6" s="231" t="s">
        <v>47</v>
      </c>
      <c r="DM6" s="232" t="s">
        <v>48</v>
      </c>
      <c r="DN6" s="232" t="s">
        <v>49</v>
      </c>
      <c r="DO6" s="233" t="s">
        <v>50</v>
      </c>
      <c r="DP6" s="230" t="s">
        <v>51</v>
      </c>
      <c r="DQ6" s="234" t="s">
        <v>45</v>
      </c>
      <c r="DR6" s="509"/>
      <c r="DS6" s="229" t="s">
        <v>43</v>
      </c>
      <c r="DT6" s="230" t="s">
        <v>44</v>
      </c>
      <c r="DU6" s="230" t="s">
        <v>45</v>
      </c>
      <c r="DV6" s="231" t="s">
        <v>47</v>
      </c>
      <c r="DW6" s="232" t="s">
        <v>48</v>
      </c>
      <c r="DX6" s="232" t="s">
        <v>49</v>
      </c>
      <c r="DY6" s="233" t="s">
        <v>50</v>
      </c>
      <c r="DZ6" s="230" t="s">
        <v>51</v>
      </c>
      <c r="EA6" s="234" t="s">
        <v>45</v>
      </c>
      <c r="EB6" s="509"/>
    </row>
    <row r="7" spans="2:133" ht="21" customHeight="1" x14ac:dyDescent="0.2">
      <c r="B7" s="84" t="s">
        <v>4</v>
      </c>
      <c r="C7" s="211">
        <v>0</v>
      </c>
      <c r="D7" s="213">
        <v>0</v>
      </c>
      <c r="E7" s="213">
        <v>0</v>
      </c>
      <c r="F7" s="214">
        <v>484</v>
      </c>
      <c r="G7" s="212">
        <v>1714</v>
      </c>
      <c r="H7" s="212">
        <v>10350</v>
      </c>
      <c r="I7" s="212">
        <v>15158</v>
      </c>
      <c r="J7" s="213">
        <v>10025</v>
      </c>
      <c r="K7" s="236">
        <v>37731</v>
      </c>
      <c r="L7" s="237">
        <v>37731</v>
      </c>
      <c r="M7" s="211">
        <v>0</v>
      </c>
      <c r="N7" s="213">
        <v>0</v>
      </c>
      <c r="O7" s="236">
        <v>0</v>
      </c>
      <c r="P7" s="214">
        <v>479</v>
      </c>
      <c r="Q7" s="212">
        <v>1700</v>
      </c>
      <c r="R7" s="212">
        <v>10280</v>
      </c>
      <c r="S7" s="212">
        <v>15017</v>
      </c>
      <c r="T7" s="213">
        <v>9883</v>
      </c>
      <c r="U7" s="236">
        <v>37359</v>
      </c>
      <c r="V7" s="238">
        <v>37359</v>
      </c>
      <c r="W7" s="216">
        <v>0</v>
      </c>
      <c r="X7" s="213">
        <v>0</v>
      </c>
      <c r="Y7" s="236">
        <v>0</v>
      </c>
      <c r="Z7" s="216">
        <v>5</v>
      </c>
      <c r="AA7" s="212">
        <v>14</v>
      </c>
      <c r="AB7" s="212">
        <v>70</v>
      </c>
      <c r="AC7" s="212">
        <v>141</v>
      </c>
      <c r="AD7" s="213">
        <v>142</v>
      </c>
      <c r="AE7" s="236">
        <v>372</v>
      </c>
      <c r="AF7" s="215">
        <v>372</v>
      </c>
      <c r="AG7" s="216">
        <v>0</v>
      </c>
      <c r="AH7" s="213">
        <v>0</v>
      </c>
      <c r="AI7" s="236">
        <v>0</v>
      </c>
      <c r="AJ7" s="216">
        <v>1634</v>
      </c>
      <c r="AK7" s="212">
        <v>3351</v>
      </c>
      <c r="AL7" s="212">
        <v>4842</v>
      </c>
      <c r="AM7" s="212">
        <v>5860</v>
      </c>
      <c r="AN7" s="213">
        <v>2978</v>
      </c>
      <c r="AO7" s="236">
        <v>18665</v>
      </c>
      <c r="AP7" s="215">
        <v>18665</v>
      </c>
      <c r="AQ7" s="216">
        <v>0</v>
      </c>
      <c r="AR7" s="213">
        <v>0</v>
      </c>
      <c r="AS7" s="236">
        <v>0</v>
      </c>
      <c r="AT7" s="214">
        <v>1614</v>
      </c>
      <c r="AU7" s="212">
        <v>3311</v>
      </c>
      <c r="AV7" s="212">
        <v>4767</v>
      </c>
      <c r="AW7" s="212">
        <v>5749</v>
      </c>
      <c r="AX7" s="213">
        <v>2906</v>
      </c>
      <c r="AY7" s="236">
        <v>18347</v>
      </c>
      <c r="AZ7" s="237">
        <v>18347</v>
      </c>
      <c r="BA7" s="211">
        <v>0</v>
      </c>
      <c r="BB7" s="213">
        <v>0</v>
      </c>
      <c r="BC7" s="213">
        <v>0</v>
      </c>
      <c r="BD7" s="214">
        <v>20</v>
      </c>
      <c r="BE7" s="212">
        <v>40</v>
      </c>
      <c r="BF7" s="212">
        <v>75</v>
      </c>
      <c r="BG7" s="212">
        <v>111</v>
      </c>
      <c r="BH7" s="213">
        <v>72</v>
      </c>
      <c r="BI7" s="236">
        <v>318</v>
      </c>
      <c r="BJ7" s="238">
        <v>318</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5</v>
      </c>
      <c r="CS7" s="212">
        <v>23</v>
      </c>
      <c r="CT7" s="212">
        <v>71</v>
      </c>
      <c r="CU7" s="212">
        <v>400</v>
      </c>
      <c r="CV7" s="213">
        <v>504</v>
      </c>
      <c r="CW7" s="236">
        <v>1013</v>
      </c>
      <c r="CX7" s="237">
        <v>1013</v>
      </c>
      <c r="CY7" s="211">
        <v>0</v>
      </c>
      <c r="CZ7" s="213">
        <v>0</v>
      </c>
      <c r="DA7" s="213">
        <v>0</v>
      </c>
      <c r="DB7" s="214">
        <v>13</v>
      </c>
      <c r="DC7" s="212">
        <v>23</v>
      </c>
      <c r="DD7" s="212">
        <v>70</v>
      </c>
      <c r="DE7" s="212">
        <v>394</v>
      </c>
      <c r="DF7" s="213">
        <v>492</v>
      </c>
      <c r="DG7" s="236">
        <v>992</v>
      </c>
      <c r="DH7" s="238">
        <v>992</v>
      </c>
      <c r="DI7" s="216">
        <v>0</v>
      </c>
      <c r="DJ7" s="213">
        <v>0</v>
      </c>
      <c r="DK7" s="213">
        <v>0</v>
      </c>
      <c r="DL7" s="214">
        <v>2</v>
      </c>
      <c r="DM7" s="212">
        <v>0</v>
      </c>
      <c r="DN7" s="212">
        <v>1</v>
      </c>
      <c r="DO7" s="212">
        <v>6</v>
      </c>
      <c r="DP7" s="213">
        <v>12</v>
      </c>
      <c r="DQ7" s="236">
        <v>21</v>
      </c>
      <c r="DR7" s="238">
        <v>21</v>
      </c>
      <c r="DS7" s="216">
        <v>0</v>
      </c>
      <c r="DT7" s="213">
        <v>0</v>
      </c>
      <c r="DU7" s="213">
        <v>0</v>
      </c>
      <c r="DV7" s="214">
        <v>2131</v>
      </c>
      <c r="DW7" s="212">
        <v>5088</v>
      </c>
      <c r="DX7" s="212">
        <v>15247</v>
      </c>
      <c r="DY7" s="212">
        <v>21375</v>
      </c>
      <c r="DZ7" s="213">
        <v>13482</v>
      </c>
      <c r="EA7" s="236">
        <v>57323</v>
      </c>
      <c r="EB7" s="238">
        <v>57323</v>
      </c>
      <c r="EC7" s="239"/>
    </row>
    <row r="8" spans="2:133" ht="21" customHeight="1" x14ac:dyDescent="0.2">
      <c r="B8" s="95" t="s">
        <v>5</v>
      </c>
      <c r="C8" s="217">
        <v>0</v>
      </c>
      <c r="D8" s="219">
        <v>0</v>
      </c>
      <c r="E8" s="219">
        <v>0</v>
      </c>
      <c r="F8" s="220">
        <v>275</v>
      </c>
      <c r="G8" s="218">
        <v>1167</v>
      </c>
      <c r="H8" s="218">
        <v>4593</v>
      </c>
      <c r="I8" s="218">
        <v>6367</v>
      </c>
      <c r="J8" s="219">
        <v>4215</v>
      </c>
      <c r="K8" s="240">
        <v>16617</v>
      </c>
      <c r="L8" s="241">
        <v>16617</v>
      </c>
      <c r="M8" s="217">
        <v>0</v>
      </c>
      <c r="N8" s="219">
        <v>0</v>
      </c>
      <c r="O8" s="240">
        <v>0</v>
      </c>
      <c r="P8" s="220">
        <v>274</v>
      </c>
      <c r="Q8" s="218">
        <v>1158</v>
      </c>
      <c r="R8" s="218">
        <v>4556</v>
      </c>
      <c r="S8" s="218">
        <v>6311</v>
      </c>
      <c r="T8" s="219">
        <v>4136</v>
      </c>
      <c r="U8" s="240">
        <v>16435</v>
      </c>
      <c r="V8" s="242">
        <v>16435</v>
      </c>
      <c r="W8" s="222">
        <v>0</v>
      </c>
      <c r="X8" s="219">
        <v>0</v>
      </c>
      <c r="Y8" s="240">
        <v>0</v>
      </c>
      <c r="Z8" s="222">
        <v>1</v>
      </c>
      <c r="AA8" s="218">
        <v>9</v>
      </c>
      <c r="AB8" s="218">
        <v>37</v>
      </c>
      <c r="AC8" s="218">
        <v>56</v>
      </c>
      <c r="AD8" s="219">
        <v>79</v>
      </c>
      <c r="AE8" s="240">
        <v>182</v>
      </c>
      <c r="AF8" s="221">
        <v>182</v>
      </c>
      <c r="AG8" s="222">
        <v>0</v>
      </c>
      <c r="AH8" s="219">
        <v>0</v>
      </c>
      <c r="AI8" s="240">
        <v>0</v>
      </c>
      <c r="AJ8" s="222">
        <v>630</v>
      </c>
      <c r="AK8" s="218">
        <v>1521</v>
      </c>
      <c r="AL8" s="218">
        <v>2138</v>
      </c>
      <c r="AM8" s="218">
        <v>2713</v>
      </c>
      <c r="AN8" s="219">
        <v>1410</v>
      </c>
      <c r="AO8" s="240">
        <v>8412</v>
      </c>
      <c r="AP8" s="221">
        <v>8412</v>
      </c>
      <c r="AQ8" s="222">
        <v>0</v>
      </c>
      <c r="AR8" s="219">
        <v>0</v>
      </c>
      <c r="AS8" s="240">
        <v>0</v>
      </c>
      <c r="AT8" s="220">
        <v>625</v>
      </c>
      <c r="AU8" s="218">
        <v>1500</v>
      </c>
      <c r="AV8" s="218">
        <v>2116</v>
      </c>
      <c r="AW8" s="218">
        <v>2671</v>
      </c>
      <c r="AX8" s="219">
        <v>1383</v>
      </c>
      <c r="AY8" s="240">
        <v>8295</v>
      </c>
      <c r="AZ8" s="241">
        <v>8295</v>
      </c>
      <c r="BA8" s="217">
        <v>0</v>
      </c>
      <c r="BB8" s="219">
        <v>0</v>
      </c>
      <c r="BC8" s="219">
        <v>0</v>
      </c>
      <c r="BD8" s="220">
        <v>5</v>
      </c>
      <c r="BE8" s="218">
        <v>21</v>
      </c>
      <c r="BF8" s="218">
        <v>22</v>
      </c>
      <c r="BG8" s="218">
        <v>42</v>
      </c>
      <c r="BH8" s="219">
        <v>27</v>
      </c>
      <c r="BI8" s="240">
        <v>117</v>
      </c>
      <c r="BJ8" s="242">
        <v>117</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3</v>
      </c>
      <c r="CT8" s="218">
        <v>13</v>
      </c>
      <c r="CU8" s="218">
        <v>114</v>
      </c>
      <c r="CV8" s="219">
        <v>126</v>
      </c>
      <c r="CW8" s="240">
        <v>258</v>
      </c>
      <c r="CX8" s="241">
        <v>258</v>
      </c>
      <c r="CY8" s="217">
        <v>0</v>
      </c>
      <c r="CZ8" s="219">
        <v>0</v>
      </c>
      <c r="DA8" s="219">
        <v>0</v>
      </c>
      <c r="DB8" s="220">
        <v>2</v>
      </c>
      <c r="DC8" s="218">
        <v>3</v>
      </c>
      <c r="DD8" s="218">
        <v>13</v>
      </c>
      <c r="DE8" s="218">
        <v>112</v>
      </c>
      <c r="DF8" s="219">
        <v>126</v>
      </c>
      <c r="DG8" s="240">
        <v>256</v>
      </c>
      <c r="DH8" s="242">
        <v>256</v>
      </c>
      <c r="DI8" s="222">
        <v>0</v>
      </c>
      <c r="DJ8" s="219">
        <v>0</v>
      </c>
      <c r="DK8" s="219">
        <v>0</v>
      </c>
      <c r="DL8" s="220">
        <v>0</v>
      </c>
      <c r="DM8" s="218">
        <v>0</v>
      </c>
      <c r="DN8" s="218">
        <v>0</v>
      </c>
      <c r="DO8" s="218">
        <v>2</v>
      </c>
      <c r="DP8" s="219">
        <v>0</v>
      </c>
      <c r="DQ8" s="240">
        <v>2</v>
      </c>
      <c r="DR8" s="242">
        <v>2</v>
      </c>
      <c r="DS8" s="222">
        <v>0</v>
      </c>
      <c r="DT8" s="219">
        <v>0</v>
      </c>
      <c r="DU8" s="219">
        <v>0</v>
      </c>
      <c r="DV8" s="220">
        <v>907</v>
      </c>
      <c r="DW8" s="218">
        <v>2691</v>
      </c>
      <c r="DX8" s="218">
        <v>6744</v>
      </c>
      <c r="DY8" s="218">
        <v>9194</v>
      </c>
      <c r="DZ8" s="219">
        <v>5751</v>
      </c>
      <c r="EA8" s="240">
        <v>25287</v>
      </c>
      <c r="EB8" s="242">
        <v>25287</v>
      </c>
      <c r="EC8" s="239"/>
    </row>
    <row r="9" spans="2:133" ht="21" customHeight="1" x14ac:dyDescent="0.2">
      <c r="B9" s="106" t="s">
        <v>6</v>
      </c>
      <c r="C9" s="217">
        <v>0</v>
      </c>
      <c r="D9" s="219">
        <v>0</v>
      </c>
      <c r="E9" s="219">
        <v>0</v>
      </c>
      <c r="F9" s="220">
        <v>97</v>
      </c>
      <c r="G9" s="218">
        <v>185</v>
      </c>
      <c r="H9" s="218">
        <v>1297</v>
      </c>
      <c r="I9" s="218">
        <v>1867</v>
      </c>
      <c r="J9" s="219">
        <v>1290</v>
      </c>
      <c r="K9" s="240">
        <v>4736</v>
      </c>
      <c r="L9" s="241">
        <v>4736</v>
      </c>
      <c r="M9" s="217">
        <v>0</v>
      </c>
      <c r="N9" s="219">
        <v>0</v>
      </c>
      <c r="O9" s="240">
        <v>0</v>
      </c>
      <c r="P9" s="220">
        <v>97</v>
      </c>
      <c r="Q9" s="218">
        <v>184</v>
      </c>
      <c r="R9" s="218">
        <v>1286</v>
      </c>
      <c r="S9" s="218">
        <v>1848</v>
      </c>
      <c r="T9" s="219">
        <v>1274</v>
      </c>
      <c r="U9" s="240">
        <v>4689</v>
      </c>
      <c r="V9" s="242">
        <v>4689</v>
      </c>
      <c r="W9" s="222">
        <v>0</v>
      </c>
      <c r="X9" s="219">
        <v>0</v>
      </c>
      <c r="Y9" s="240">
        <v>0</v>
      </c>
      <c r="Z9" s="222">
        <v>0</v>
      </c>
      <c r="AA9" s="218">
        <v>1</v>
      </c>
      <c r="AB9" s="218">
        <v>11</v>
      </c>
      <c r="AC9" s="218">
        <v>19</v>
      </c>
      <c r="AD9" s="219">
        <v>16</v>
      </c>
      <c r="AE9" s="240">
        <v>47</v>
      </c>
      <c r="AF9" s="221">
        <v>47</v>
      </c>
      <c r="AG9" s="222">
        <v>0</v>
      </c>
      <c r="AH9" s="219">
        <v>0</v>
      </c>
      <c r="AI9" s="240">
        <v>0</v>
      </c>
      <c r="AJ9" s="222">
        <v>204</v>
      </c>
      <c r="AK9" s="218">
        <v>341</v>
      </c>
      <c r="AL9" s="218">
        <v>526</v>
      </c>
      <c r="AM9" s="218">
        <v>663</v>
      </c>
      <c r="AN9" s="219">
        <v>350</v>
      </c>
      <c r="AO9" s="240">
        <v>2084</v>
      </c>
      <c r="AP9" s="221">
        <v>2084</v>
      </c>
      <c r="AQ9" s="222">
        <v>0</v>
      </c>
      <c r="AR9" s="219">
        <v>0</v>
      </c>
      <c r="AS9" s="240">
        <v>0</v>
      </c>
      <c r="AT9" s="220">
        <v>200</v>
      </c>
      <c r="AU9" s="218">
        <v>336</v>
      </c>
      <c r="AV9" s="218">
        <v>508</v>
      </c>
      <c r="AW9" s="218">
        <v>643</v>
      </c>
      <c r="AX9" s="219">
        <v>336</v>
      </c>
      <c r="AY9" s="240">
        <v>2023</v>
      </c>
      <c r="AZ9" s="241">
        <v>2023</v>
      </c>
      <c r="BA9" s="217">
        <v>0</v>
      </c>
      <c r="BB9" s="219">
        <v>0</v>
      </c>
      <c r="BC9" s="219">
        <v>0</v>
      </c>
      <c r="BD9" s="220">
        <v>4</v>
      </c>
      <c r="BE9" s="218">
        <v>5</v>
      </c>
      <c r="BF9" s="218">
        <v>18</v>
      </c>
      <c r="BG9" s="218">
        <v>20</v>
      </c>
      <c r="BH9" s="219">
        <v>14</v>
      </c>
      <c r="BI9" s="240">
        <v>61</v>
      </c>
      <c r="BJ9" s="242">
        <v>61</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2</v>
      </c>
      <c r="CU9" s="218">
        <v>39</v>
      </c>
      <c r="CV9" s="219">
        <v>59</v>
      </c>
      <c r="CW9" s="240">
        <v>101</v>
      </c>
      <c r="CX9" s="241">
        <v>101</v>
      </c>
      <c r="CY9" s="217">
        <v>0</v>
      </c>
      <c r="CZ9" s="219">
        <v>0</v>
      </c>
      <c r="DA9" s="219">
        <v>0</v>
      </c>
      <c r="DB9" s="220">
        <v>0</v>
      </c>
      <c r="DC9" s="218">
        <v>1</v>
      </c>
      <c r="DD9" s="218">
        <v>2</v>
      </c>
      <c r="DE9" s="218">
        <v>38</v>
      </c>
      <c r="DF9" s="219">
        <v>57</v>
      </c>
      <c r="DG9" s="240">
        <v>98</v>
      </c>
      <c r="DH9" s="242">
        <v>98</v>
      </c>
      <c r="DI9" s="222">
        <v>0</v>
      </c>
      <c r="DJ9" s="219">
        <v>0</v>
      </c>
      <c r="DK9" s="219">
        <v>0</v>
      </c>
      <c r="DL9" s="220">
        <v>0</v>
      </c>
      <c r="DM9" s="218">
        <v>0</v>
      </c>
      <c r="DN9" s="218">
        <v>0</v>
      </c>
      <c r="DO9" s="218">
        <v>1</v>
      </c>
      <c r="DP9" s="219">
        <v>2</v>
      </c>
      <c r="DQ9" s="240">
        <v>3</v>
      </c>
      <c r="DR9" s="242">
        <v>3</v>
      </c>
      <c r="DS9" s="222">
        <v>0</v>
      </c>
      <c r="DT9" s="219">
        <v>0</v>
      </c>
      <c r="DU9" s="219">
        <v>0</v>
      </c>
      <c r="DV9" s="220">
        <v>301</v>
      </c>
      <c r="DW9" s="218">
        <v>527</v>
      </c>
      <c r="DX9" s="218">
        <v>1825</v>
      </c>
      <c r="DY9" s="218">
        <v>2569</v>
      </c>
      <c r="DZ9" s="219">
        <v>1699</v>
      </c>
      <c r="EA9" s="240">
        <v>6921</v>
      </c>
      <c r="EB9" s="242">
        <v>6921</v>
      </c>
      <c r="EC9" s="239"/>
    </row>
    <row r="10" spans="2:133" ht="21" customHeight="1" x14ac:dyDescent="0.2">
      <c r="B10" s="106" t="s">
        <v>14</v>
      </c>
      <c r="C10" s="217">
        <v>0</v>
      </c>
      <c r="D10" s="219">
        <v>0</v>
      </c>
      <c r="E10" s="219">
        <v>0</v>
      </c>
      <c r="F10" s="220">
        <v>7</v>
      </c>
      <c r="G10" s="218">
        <v>40</v>
      </c>
      <c r="H10" s="218">
        <v>818</v>
      </c>
      <c r="I10" s="218">
        <v>1245</v>
      </c>
      <c r="J10" s="219">
        <v>814</v>
      </c>
      <c r="K10" s="240">
        <v>2924</v>
      </c>
      <c r="L10" s="241">
        <v>2924</v>
      </c>
      <c r="M10" s="217">
        <v>0</v>
      </c>
      <c r="N10" s="219">
        <v>0</v>
      </c>
      <c r="O10" s="240">
        <v>0</v>
      </c>
      <c r="P10" s="220">
        <v>7</v>
      </c>
      <c r="Q10" s="218">
        <v>40</v>
      </c>
      <c r="R10" s="218">
        <v>814</v>
      </c>
      <c r="S10" s="218">
        <v>1233</v>
      </c>
      <c r="T10" s="219">
        <v>808</v>
      </c>
      <c r="U10" s="240">
        <v>2902</v>
      </c>
      <c r="V10" s="242">
        <v>2902</v>
      </c>
      <c r="W10" s="222">
        <v>0</v>
      </c>
      <c r="X10" s="219">
        <v>0</v>
      </c>
      <c r="Y10" s="240">
        <v>0</v>
      </c>
      <c r="Z10" s="222">
        <v>0</v>
      </c>
      <c r="AA10" s="218">
        <v>0</v>
      </c>
      <c r="AB10" s="218">
        <v>4</v>
      </c>
      <c r="AC10" s="218">
        <v>12</v>
      </c>
      <c r="AD10" s="219">
        <v>6</v>
      </c>
      <c r="AE10" s="240">
        <v>22</v>
      </c>
      <c r="AF10" s="221">
        <v>22</v>
      </c>
      <c r="AG10" s="222">
        <v>0</v>
      </c>
      <c r="AH10" s="219">
        <v>0</v>
      </c>
      <c r="AI10" s="240">
        <v>0</v>
      </c>
      <c r="AJ10" s="222">
        <v>63</v>
      </c>
      <c r="AK10" s="218">
        <v>196</v>
      </c>
      <c r="AL10" s="218">
        <v>305</v>
      </c>
      <c r="AM10" s="218">
        <v>389</v>
      </c>
      <c r="AN10" s="219">
        <v>197</v>
      </c>
      <c r="AO10" s="240">
        <v>1150</v>
      </c>
      <c r="AP10" s="221">
        <v>1150</v>
      </c>
      <c r="AQ10" s="222">
        <v>0</v>
      </c>
      <c r="AR10" s="219">
        <v>0</v>
      </c>
      <c r="AS10" s="240">
        <v>0</v>
      </c>
      <c r="AT10" s="220">
        <v>63</v>
      </c>
      <c r="AU10" s="218">
        <v>193</v>
      </c>
      <c r="AV10" s="218">
        <v>297</v>
      </c>
      <c r="AW10" s="218">
        <v>380</v>
      </c>
      <c r="AX10" s="219">
        <v>189</v>
      </c>
      <c r="AY10" s="240">
        <v>1122</v>
      </c>
      <c r="AZ10" s="241">
        <v>1122</v>
      </c>
      <c r="BA10" s="217">
        <v>0</v>
      </c>
      <c r="BB10" s="219">
        <v>0</v>
      </c>
      <c r="BC10" s="219">
        <v>0</v>
      </c>
      <c r="BD10" s="220">
        <v>0</v>
      </c>
      <c r="BE10" s="218">
        <v>3</v>
      </c>
      <c r="BF10" s="218">
        <v>8</v>
      </c>
      <c r="BG10" s="218">
        <v>9</v>
      </c>
      <c r="BH10" s="219">
        <v>8</v>
      </c>
      <c r="BI10" s="240">
        <v>28</v>
      </c>
      <c r="BJ10" s="242">
        <v>28</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0</v>
      </c>
      <c r="CS10" s="218">
        <v>0</v>
      </c>
      <c r="CT10" s="218">
        <v>12</v>
      </c>
      <c r="CU10" s="218">
        <v>103</v>
      </c>
      <c r="CV10" s="219">
        <v>102</v>
      </c>
      <c r="CW10" s="240">
        <v>217</v>
      </c>
      <c r="CX10" s="241">
        <v>217</v>
      </c>
      <c r="CY10" s="217">
        <v>0</v>
      </c>
      <c r="CZ10" s="219">
        <v>0</v>
      </c>
      <c r="DA10" s="219">
        <v>0</v>
      </c>
      <c r="DB10" s="220">
        <v>0</v>
      </c>
      <c r="DC10" s="218">
        <v>0</v>
      </c>
      <c r="DD10" s="218">
        <v>11</v>
      </c>
      <c r="DE10" s="218">
        <v>103</v>
      </c>
      <c r="DF10" s="219">
        <v>98</v>
      </c>
      <c r="DG10" s="240">
        <v>212</v>
      </c>
      <c r="DH10" s="242">
        <v>212</v>
      </c>
      <c r="DI10" s="222">
        <v>0</v>
      </c>
      <c r="DJ10" s="219">
        <v>0</v>
      </c>
      <c r="DK10" s="219">
        <v>0</v>
      </c>
      <c r="DL10" s="220">
        <v>0</v>
      </c>
      <c r="DM10" s="218">
        <v>0</v>
      </c>
      <c r="DN10" s="218">
        <v>1</v>
      </c>
      <c r="DO10" s="218">
        <v>0</v>
      </c>
      <c r="DP10" s="219">
        <v>4</v>
      </c>
      <c r="DQ10" s="240">
        <v>5</v>
      </c>
      <c r="DR10" s="242">
        <v>5</v>
      </c>
      <c r="DS10" s="222">
        <v>0</v>
      </c>
      <c r="DT10" s="219">
        <v>0</v>
      </c>
      <c r="DU10" s="219">
        <v>0</v>
      </c>
      <c r="DV10" s="220">
        <v>70</v>
      </c>
      <c r="DW10" s="218">
        <v>236</v>
      </c>
      <c r="DX10" s="218">
        <v>1132</v>
      </c>
      <c r="DY10" s="218">
        <v>1731</v>
      </c>
      <c r="DZ10" s="219">
        <v>1110</v>
      </c>
      <c r="EA10" s="240">
        <v>4279</v>
      </c>
      <c r="EB10" s="242">
        <v>4279</v>
      </c>
      <c r="EC10" s="239"/>
    </row>
    <row r="11" spans="2:133" ht="21" customHeight="1" x14ac:dyDescent="0.2">
      <c r="B11" s="106" t="s">
        <v>7</v>
      </c>
      <c r="C11" s="217">
        <v>0</v>
      </c>
      <c r="D11" s="219">
        <v>0</v>
      </c>
      <c r="E11" s="219">
        <v>0</v>
      </c>
      <c r="F11" s="220">
        <v>26</v>
      </c>
      <c r="G11" s="218">
        <v>39</v>
      </c>
      <c r="H11" s="218">
        <v>617</v>
      </c>
      <c r="I11" s="218">
        <v>927</v>
      </c>
      <c r="J11" s="219">
        <v>547</v>
      </c>
      <c r="K11" s="240">
        <v>2156</v>
      </c>
      <c r="L11" s="241">
        <v>2156</v>
      </c>
      <c r="M11" s="217">
        <v>0</v>
      </c>
      <c r="N11" s="219">
        <v>0</v>
      </c>
      <c r="O11" s="240">
        <v>0</v>
      </c>
      <c r="P11" s="220">
        <v>25</v>
      </c>
      <c r="Q11" s="218">
        <v>38</v>
      </c>
      <c r="R11" s="218">
        <v>613</v>
      </c>
      <c r="S11" s="218">
        <v>912</v>
      </c>
      <c r="T11" s="219">
        <v>541</v>
      </c>
      <c r="U11" s="240">
        <v>2129</v>
      </c>
      <c r="V11" s="242">
        <v>2129</v>
      </c>
      <c r="W11" s="222">
        <v>0</v>
      </c>
      <c r="X11" s="219">
        <v>0</v>
      </c>
      <c r="Y11" s="240">
        <v>0</v>
      </c>
      <c r="Z11" s="222">
        <v>1</v>
      </c>
      <c r="AA11" s="218">
        <v>1</v>
      </c>
      <c r="AB11" s="218">
        <v>4</v>
      </c>
      <c r="AC11" s="218">
        <v>15</v>
      </c>
      <c r="AD11" s="219">
        <v>6</v>
      </c>
      <c r="AE11" s="240">
        <v>27</v>
      </c>
      <c r="AF11" s="221">
        <v>27</v>
      </c>
      <c r="AG11" s="222">
        <v>0</v>
      </c>
      <c r="AH11" s="219">
        <v>0</v>
      </c>
      <c r="AI11" s="240">
        <v>0</v>
      </c>
      <c r="AJ11" s="222">
        <v>158</v>
      </c>
      <c r="AK11" s="218">
        <v>199</v>
      </c>
      <c r="AL11" s="218">
        <v>276</v>
      </c>
      <c r="AM11" s="218">
        <v>309</v>
      </c>
      <c r="AN11" s="219">
        <v>112</v>
      </c>
      <c r="AO11" s="240">
        <v>1054</v>
      </c>
      <c r="AP11" s="221">
        <v>1054</v>
      </c>
      <c r="AQ11" s="222">
        <v>0</v>
      </c>
      <c r="AR11" s="219">
        <v>0</v>
      </c>
      <c r="AS11" s="240">
        <v>0</v>
      </c>
      <c r="AT11" s="220">
        <v>158</v>
      </c>
      <c r="AU11" s="218">
        <v>197</v>
      </c>
      <c r="AV11" s="218">
        <v>269</v>
      </c>
      <c r="AW11" s="218">
        <v>300</v>
      </c>
      <c r="AX11" s="219">
        <v>110</v>
      </c>
      <c r="AY11" s="240">
        <v>1034</v>
      </c>
      <c r="AZ11" s="241">
        <v>1034</v>
      </c>
      <c r="BA11" s="217">
        <v>0</v>
      </c>
      <c r="BB11" s="219">
        <v>0</v>
      </c>
      <c r="BC11" s="219">
        <v>0</v>
      </c>
      <c r="BD11" s="220">
        <v>0</v>
      </c>
      <c r="BE11" s="218">
        <v>2</v>
      </c>
      <c r="BF11" s="218">
        <v>7</v>
      </c>
      <c r="BG11" s="218">
        <v>9</v>
      </c>
      <c r="BH11" s="219">
        <v>2</v>
      </c>
      <c r="BI11" s="240">
        <v>20</v>
      </c>
      <c r="BJ11" s="242">
        <v>20</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2</v>
      </c>
      <c r="CU11" s="218">
        <v>2</v>
      </c>
      <c r="CV11" s="219">
        <v>3</v>
      </c>
      <c r="CW11" s="240">
        <v>7</v>
      </c>
      <c r="CX11" s="241">
        <v>7</v>
      </c>
      <c r="CY11" s="217">
        <v>0</v>
      </c>
      <c r="CZ11" s="219">
        <v>0</v>
      </c>
      <c r="DA11" s="219">
        <v>0</v>
      </c>
      <c r="DB11" s="220">
        <v>0</v>
      </c>
      <c r="DC11" s="218">
        <v>0</v>
      </c>
      <c r="DD11" s="218">
        <v>2</v>
      </c>
      <c r="DE11" s="218">
        <v>2</v>
      </c>
      <c r="DF11" s="219">
        <v>3</v>
      </c>
      <c r="DG11" s="240">
        <v>7</v>
      </c>
      <c r="DH11" s="242">
        <v>7</v>
      </c>
      <c r="DI11" s="222">
        <v>0</v>
      </c>
      <c r="DJ11" s="219">
        <v>0</v>
      </c>
      <c r="DK11" s="219">
        <v>0</v>
      </c>
      <c r="DL11" s="220">
        <v>0</v>
      </c>
      <c r="DM11" s="218">
        <v>0</v>
      </c>
      <c r="DN11" s="218">
        <v>0</v>
      </c>
      <c r="DO11" s="218">
        <v>0</v>
      </c>
      <c r="DP11" s="219">
        <v>0</v>
      </c>
      <c r="DQ11" s="240">
        <v>0</v>
      </c>
      <c r="DR11" s="242">
        <v>0</v>
      </c>
      <c r="DS11" s="222">
        <v>0</v>
      </c>
      <c r="DT11" s="219">
        <v>0</v>
      </c>
      <c r="DU11" s="219">
        <v>0</v>
      </c>
      <c r="DV11" s="220">
        <v>184</v>
      </c>
      <c r="DW11" s="218">
        <v>238</v>
      </c>
      <c r="DX11" s="218">
        <v>892</v>
      </c>
      <c r="DY11" s="218">
        <v>1226</v>
      </c>
      <c r="DZ11" s="219">
        <v>662</v>
      </c>
      <c r="EA11" s="240">
        <v>3202</v>
      </c>
      <c r="EB11" s="242">
        <v>3202</v>
      </c>
      <c r="EC11" s="239"/>
    </row>
    <row r="12" spans="2:133" ht="21" customHeight="1" x14ac:dyDescent="0.2">
      <c r="B12" s="106" t="s">
        <v>8</v>
      </c>
      <c r="C12" s="217">
        <v>0</v>
      </c>
      <c r="D12" s="219">
        <v>0</v>
      </c>
      <c r="E12" s="219">
        <v>0</v>
      </c>
      <c r="F12" s="220">
        <v>13</v>
      </c>
      <c r="G12" s="218">
        <v>61</v>
      </c>
      <c r="H12" s="218">
        <v>405</v>
      </c>
      <c r="I12" s="218">
        <v>424</v>
      </c>
      <c r="J12" s="219">
        <v>246</v>
      </c>
      <c r="K12" s="240">
        <v>1149</v>
      </c>
      <c r="L12" s="241">
        <v>1149</v>
      </c>
      <c r="M12" s="217">
        <v>0</v>
      </c>
      <c r="N12" s="219">
        <v>0</v>
      </c>
      <c r="O12" s="240">
        <v>0</v>
      </c>
      <c r="P12" s="220">
        <v>13</v>
      </c>
      <c r="Q12" s="218">
        <v>60</v>
      </c>
      <c r="R12" s="218">
        <v>404</v>
      </c>
      <c r="S12" s="218">
        <v>420</v>
      </c>
      <c r="T12" s="219">
        <v>244</v>
      </c>
      <c r="U12" s="240">
        <v>1141</v>
      </c>
      <c r="V12" s="242">
        <v>1141</v>
      </c>
      <c r="W12" s="222">
        <v>0</v>
      </c>
      <c r="X12" s="219">
        <v>0</v>
      </c>
      <c r="Y12" s="240">
        <v>0</v>
      </c>
      <c r="Z12" s="222">
        <v>0</v>
      </c>
      <c r="AA12" s="218">
        <v>1</v>
      </c>
      <c r="AB12" s="218">
        <v>1</v>
      </c>
      <c r="AC12" s="218">
        <v>4</v>
      </c>
      <c r="AD12" s="219">
        <v>2</v>
      </c>
      <c r="AE12" s="240">
        <v>8</v>
      </c>
      <c r="AF12" s="221">
        <v>8</v>
      </c>
      <c r="AG12" s="222">
        <v>0</v>
      </c>
      <c r="AH12" s="219">
        <v>0</v>
      </c>
      <c r="AI12" s="240">
        <v>0</v>
      </c>
      <c r="AJ12" s="222">
        <v>46</v>
      </c>
      <c r="AK12" s="218">
        <v>86</v>
      </c>
      <c r="AL12" s="218">
        <v>144</v>
      </c>
      <c r="AM12" s="218">
        <v>141</v>
      </c>
      <c r="AN12" s="219">
        <v>82</v>
      </c>
      <c r="AO12" s="240">
        <v>499</v>
      </c>
      <c r="AP12" s="221">
        <v>499</v>
      </c>
      <c r="AQ12" s="222">
        <v>0</v>
      </c>
      <c r="AR12" s="219">
        <v>0</v>
      </c>
      <c r="AS12" s="240">
        <v>0</v>
      </c>
      <c r="AT12" s="220">
        <v>46</v>
      </c>
      <c r="AU12" s="218">
        <v>86</v>
      </c>
      <c r="AV12" s="218">
        <v>144</v>
      </c>
      <c r="AW12" s="218">
        <v>140</v>
      </c>
      <c r="AX12" s="219">
        <v>80</v>
      </c>
      <c r="AY12" s="240">
        <v>496</v>
      </c>
      <c r="AZ12" s="241">
        <v>496</v>
      </c>
      <c r="BA12" s="217">
        <v>0</v>
      </c>
      <c r="BB12" s="219">
        <v>0</v>
      </c>
      <c r="BC12" s="219">
        <v>0</v>
      </c>
      <c r="BD12" s="220">
        <v>0</v>
      </c>
      <c r="BE12" s="218">
        <v>0</v>
      </c>
      <c r="BF12" s="218">
        <v>0</v>
      </c>
      <c r="BG12" s="218">
        <v>1</v>
      </c>
      <c r="BH12" s="219">
        <v>2</v>
      </c>
      <c r="BI12" s="240">
        <v>3</v>
      </c>
      <c r="BJ12" s="242">
        <v>3</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2</v>
      </c>
      <c r="CU12" s="218">
        <v>9</v>
      </c>
      <c r="CV12" s="219">
        <v>9</v>
      </c>
      <c r="CW12" s="240">
        <v>21</v>
      </c>
      <c r="CX12" s="241">
        <v>21</v>
      </c>
      <c r="CY12" s="217">
        <v>0</v>
      </c>
      <c r="CZ12" s="219">
        <v>0</v>
      </c>
      <c r="DA12" s="219">
        <v>0</v>
      </c>
      <c r="DB12" s="220">
        <v>1</v>
      </c>
      <c r="DC12" s="218">
        <v>0</v>
      </c>
      <c r="DD12" s="218">
        <v>2</v>
      </c>
      <c r="DE12" s="218">
        <v>9</v>
      </c>
      <c r="DF12" s="219">
        <v>8</v>
      </c>
      <c r="DG12" s="240">
        <v>20</v>
      </c>
      <c r="DH12" s="242">
        <v>20</v>
      </c>
      <c r="DI12" s="222">
        <v>0</v>
      </c>
      <c r="DJ12" s="219">
        <v>0</v>
      </c>
      <c r="DK12" s="219">
        <v>0</v>
      </c>
      <c r="DL12" s="220">
        <v>0</v>
      </c>
      <c r="DM12" s="218">
        <v>0</v>
      </c>
      <c r="DN12" s="218">
        <v>0</v>
      </c>
      <c r="DO12" s="218">
        <v>0</v>
      </c>
      <c r="DP12" s="219">
        <v>1</v>
      </c>
      <c r="DQ12" s="240">
        <v>1</v>
      </c>
      <c r="DR12" s="242">
        <v>1</v>
      </c>
      <c r="DS12" s="222">
        <v>0</v>
      </c>
      <c r="DT12" s="219">
        <v>0</v>
      </c>
      <c r="DU12" s="219">
        <v>0</v>
      </c>
      <c r="DV12" s="220">
        <v>60</v>
      </c>
      <c r="DW12" s="218">
        <v>147</v>
      </c>
      <c r="DX12" s="218">
        <v>551</v>
      </c>
      <c r="DY12" s="218">
        <v>574</v>
      </c>
      <c r="DZ12" s="219">
        <v>337</v>
      </c>
      <c r="EA12" s="240">
        <v>1669</v>
      </c>
      <c r="EB12" s="242">
        <v>1669</v>
      </c>
      <c r="EC12" s="239"/>
    </row>
    <row r="13" spans="2:133" ht="21" customHeight="1" x14ac:dyDescent="0.2">
      <c r="B13" s="106" t="s">
        <v>9</v>
      </c>
      <c r="C13" s="217">
        <v>0</v>
      </c>
      <c r="D13" s="219">
        <v>0</v>
      </c>
      <c r="E13" s="219">
        <v>0</v>
      </c>
      <c r="F13" s="220">
        <v>2</v>
      </c>
      <c r="G13" s="218">
        <v>5</v>
      </c>
      <c r="H13" s="218">
        <v>204</v>
      </c>
      <c r="I13" s="218">
        <v>345</v>
      </c>
      <c r="J13" s="219">
        <v>280</v>
      </c>
      <c r="K13" s="240">
        <v>836</v>
      </c>
      <c r="L13" s="241">
        <v>836</v>
      </c>
      <c r="M13" s="217">
        <v>0</v>
      </c>
      <c r="N13" s="219">
        <v>0</v>
      </c>
      <c r="O13" s="240">
        <v>0</v>
      </c>
      <c r="P13" s="220">
        <v>2</v>
      </c>
      <c r="Q13" s="218">
        <v>5</v>
      </c>
      <c r="R13" s="218">
        <v>203</v>
      </c>
      <c r="S13" s="218">
        <v>341</v>
      </c>
      <c r="T13" s="219">
        <v>278</v>
      </c>
      <c r="U13" s="240">
        <v>829</v>
      </c>
      <c r="V13" s="242">
        <v>829</v>
      </c>
      <c r="W13" s="222">
        <v>0</v>
      </c>
      <c r="X13" s="219">
        <v>0</v>
      </c>
      <c r="Y13" s="240">
        <v>0</v>
      </c>
      <c r="Z13" s="222">
        <v>0</v>
      </c>
      <c r="AA13" s="218">
        <v>0</v>
      </c>
      <c r="AB13" s="218">
        <v>1</v>
      </c>
      <c r="AC13" s="218">
        <v>4</v>
      </c>
      <c r="AD13" s="219">
        <v>2</v>
      </c>
      <c r="AE13" s="240">
        <v>7</v>
      </c>
      <c r="AF13" s="221">
        <v>7</v>
      </c>
      <c r="AG13" s="222">
        <v>0</v>
      </c>
      <c r="AH13" s="219">
        <v>0</v>
      </c>
      <c r="AI13" s="240">
        <v>0</v>
      </c>
      <c r="AJ13" s="222">
        <v>35</v>
      </c>
      <c r="AK13" s="218">
        <v>57</v>
      </c>
      <c r="AL13" s="218">
        <v>118</v>
      </c>
      <c r="AM13" s="218">
        <v>102</v>
      </c>
      <c r="AN13" s="219">
        <v>81</v>
      </c>
      <c r="AO13" s="240">
        <v>393</v>
      </c>
      <c r="AP13" s="221">
        <v>393</v>
      </c>
      <c r="AQ13" s="222">
        <v>0</v>
      </c>
      <c r="AR13" s="219">
        <v>0</v>
      </c>
      <c r="AS13" s="240">
        <v>0</v>
      </c>
      <c r="AT13" s="220">
        <v>35</v>
      </c>
      <c r="AU13" s="218">
        <v>57</v>
      </c>
      <c r="AV13" s="218">
        <v>115</v>
      </c>
      <c r="AW13" s="218">
        <v>100</v>
      </c>
      <c r="AX13" s="219">
        <v>81</v>
      </c>
      <c r="AY13" s="240">
        <v>388</v>
      </c>
      <c r="AZ13" s="241">
        <v>388</v>
      </c>
      <c r="BA13" s="217">
        <v>0</v>
      </c>
      <c r="BB13" s="219">
        <v>0</v>
      </c>
      <c r="BC13" s="219">
        <v>0</v>
      </c>
      <c r="BD13" s="220">
        <v>0</v>
      </c>
      <c r="BE13" s="218">
        <v>0</v>
      </c>
      <c r="BF13" s="218">
        <v>3</v>
      </c>
      <c r="BG13" s="218">
        <v>2</v>
      </c>
      <c r="BH13" s="219">
        <v>0</v>
      </c>
      <c r="BI13" s="240">
        <v>5</v>
      </c>
      <c r="BJ13" s="242">
        <v>5</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5</v>
      </c>
      <c r="CV13" s="219">
        <v>9</v>
      </c>
      <c r="CW13" s="240">
        <v>14</v>
      </c>
      <c r="CX13" s="241">
        <v>14</v>
      </c>
      <c r="CY13" s="217">
        <v>0</v>
      </c>
      <c r="CZ13" s="219">
        <v>0</v>
      </c>
      <c r="DA13" s="219">
        <v>0</v>
      </c>
      <c r="DB13" s="220">
        <v>0</v>
      </c>
      <c r="DC13" s="218">
        <v>0</v>
      </c>
      <c r="DD13" s="218">
        <v>0</v>
      </c>
      <c r="DE13" s="218">
        <v>5</v>
      </c>
      <c r="DF13" s="219">
        <v>9</v>
      </c>
      <c r="DG13" s="240">
        <v>14</v>
      </c>
      <c r="DH13" s="242">
        <v>14</v>
      </c>
      <c r="DI13" s="222">
        <v>0</v>
      </c>
      <c r="DJ13" s="219">
        <v>0</v>
      </c>
      <c r="DK13" s="219">
        <v>0</v>
      </c>
      <c r="DL13" s="220">
        <v>0</v>
      </c>
      <c r="DM13" s="218">
        <v>0</v>
      </c>
      <c r="DN13" s="218">
        <v>0</v>
      </c>
      <c r="DO13" s="218">
        <v>0</v>
      </c>
      <c r="DP13" s="219">
        <v>0</v>
      </c>
      <c r="DQ13" s="240">
        <v>0</v>
      </c>
      <c r="DR13" s="242">
        <v>0</v>
      </c>
      <c r="DS13" s="222">
        <v>0</v>
      </c>
      <c r="DT13" s="219">
        <v>0</v>
      </c>
      <c r="DU13" s="219">
        <v>0</v>
      </c>
      <c r="DV13" s="220">
        <v>37</v>
      </c>
      <c r="DW13" s="218">
        <v>62</v>
      </c>
      <c r="DX13" s="218">
        <v>320</v>
      </c>
      <c r="DY13" s="218">
        <v>450</v>
      </c>
      <c r="DZ13" s="219">
        <v>366</v>
      </c>
      <c r="EA13" s="240">
        <v>1235</v>
      </c>
      <c r="EB13" s="242">
        <v>1235</v>
      </c>
      <c r="EC13" s="239"/>
    </row>
    <row r="14" spans="2:133" ht="21" customHeight="1" x14ac:dyDescent="0.2">
      <c r="B14" s="106" t="s">
        <v>10</v>
      </c>
      <c r="C14" s="217">
        <v>0</v>
      </c>
      <c r="D14" s="219">
        <v>0</v>
      </c>
      <c r="E14" s="219">
        <v>0</v>
      </c>
      <c r="F14" s="220">
        <v>15</v>
      </c>
      <c r="G14" s="218">
        <v>51</v>
      </c>
      <c r="H14" s="218">
        <v>331</v>
      </c>
      <c r="I14" s="218">
        <v>605</v>
      </c>
      <c r="J14" s="219">
        <v>442</v>
      </c>
      <c r="K14" s="240">
        <v>1444</v>
      </c>
      <c r="L14" s="241">
        <v>1444</v>
      </c>
      <c r="M14" s="217">
        <v>0</v>
      </c>
      <c r="N14" s="219">
        <v>0</v>
      </c>
      <c r="O14" s="240">
        <v>0</v>
      </c>
      <c r="P14" s="220">
        <v>15</v>
      </c>
      <c r="Q14" s="218">
        <v>50</v>
      </c>
      <c r="R14" s="218">
        <v>327</v>
      </c>
      <c r="S14" s="218">
        <v>599</v>
      </c>
      <c r="T14" s="219">
        <v>437</v>
      </c>
      <c r="U14" s="240">
        <v>1428</v>
      </c>
      <c r="V14" s="242">
        <v>1428</v>
      </c>
      <c r="W14" s="222">
        <v>0</v>
      </c>
      <c r="X14" s="219">
        <v>0</v>
      </c>
      <c r="Y14" s="240">
        <v>0</v>
      </c>
      <c r="Z14" s="222">
        <v>0</v>
      </c>
      <c r="AA14" s="218">
        <v>1</v>
      </c>
      <c r="AB14" s="218">
        <v>4</v>
      </c>
      <c r="AC14" s="218">
        <v>6</v>
      </c>
      <c r="AD14" s="219">
        <v>5</v>
      </c>
      <c r="AE14" s="240">
        <v>16</v>
      </c>
      <c r="AF14" s="221">
        <v>16</v>
      </c>
      <c r="AG14" s="222">
        <v>0</v>
      </c>
      <c r="AH14" s="219">
        <v>0</v>
      </c>
      <c r="AI14" s="240">
        <v>0</v>
      </c>
      <c r="AJ14" s="222">
        <v>83</v>
      </c>
      <c r="AK14" s="218">
        <v>115</v>
      </c>
      <c r="AL14" s="218">
        <v>134</v>
      </c>
      <c r="AM14" s="218">
        <v>181</v>
      </c>
      <c r="AN14" s="219">
        <v>102</v>
      </c>
      <c r="AO14" s="240">
        <v>615</v>
      </c>
      <c r="AP14" s="221">
        <v>615</v>
      </c>
      <c r="AQ14" s="222">
        <v>0</v>
      </c>
      <c r="AR14" s="219">
        <v>0</v>
      </c>
      <c r="AS14" s="240">
        <v>0</v>
      </c>
      <c r="AT14" s="220">
        <v>80</v>
      </c>
      <c r="AU14" s="218">
        <v>113</v>
      </c>
      <c r="AV14" s="218">
        <v>130</v>
      </c>
      <c r="AW14" s="218">
        <v>179</v>
      </c>
      <c r="AX14" s="219">
        <v>98</v>
      </c>
      <c r="AY14" s="240">
        <v>600</v>
      </c>
      <c r="AZ14" s="241">
        <v>600</v>
      </c>
      <c r="BA14" s="217">
        <v>0</v>
      </c>
      <c r="BB14" s="219">
        <v>0</v>
      </c>
      <c r="BC14" s="219">
        <v>0</v>
      </c>
      <c r="BD14" s="220">
        <v>3</v>
      </c>
      <c r="BE14" s="218">
        <v>2</v>
      </c>
      <c r="BF14" s="218">
        <v>4</v>
      </c>
      <c r="BG14" s="218">
        <v>2</v>
      </c>
      <c r="BH14" s="219">
        <v>4</v>
      </c>
      <c r="BI14" s="240">
        <v>15</v>
      </c>
      <c r="BJ14" s="242">
        <v>15</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0</v>
      </c>
      <c r="CS14" s="218">
        <v>0</v>
      </c>
      <c r="CT14" s="218">
        <v>2</v>
      </c>
      <c r="CU14" s="218">
        <v>4</v>
      </c>
      <c r="CV14" s="219">
        <v>27</v>
      </c>
      <c r="CW14" s="240">
        <v>33</v>
      </c>
      <c r="CX14" s="241">
        <v>33</v>
      </c>
      <c r="CY14" s="217">
        <v>0</v>
      </c>
      <c r="CZ14" s="219">
        <v>0</v>
      </c>
      <c r="DA14" s="219">
        <v>0</v>
      </c>
      <c r="DB14" s="220">
        <v>0</v>
      </c>
      <c r="DC14" s="218">
        <v>0</v>
      </c>
      <c r="DD14" s="218">
        <v>2</v>
      </c>
      <c r="DE14" s="218">
        <v>4</v>
      </c>
      <c r="DF14" s="219">
        <v>27</v>
      </c>
      <c r="DG14" s="240">
        <v>33</v>
      </c>
      <c r="DH14" s="242">
        <v>33</v>
      </c>
      <c r="DI14" s="222">
        <v>0</v>
      </c>
      <c r="DJ14" s="219">
        <v>0</v>
      </c>
      <c r="DK14" s="219">
        <v>0</v>
      </c>
      <c r="DL14" s="220">
        <v>0</v>
      </c>
      <c r="DM14" s="218">
        <v>0</v>
      </c>
      <c r="DN14" s="218">
        <v>0</v>
      </c>
      <c r="DO14" s="218">
        <v>0</v>
      </c>
      <c r="DP14" s="219">
        <v>0</v>
      </c>
      <c r="DQ14" s="240">
        <v>0</v>
      </c>
      <c r="DR14" s="242">
        <v>0</v>
      </c>
      <c r="DS14" s="222">
        <v>0</v>
      </c>
      <c r="DT14" s="219">
        <v>0</v>
      </c>
      <c r="DU14" s="219">
        <v>0</v>
      </c>
      <c r="DV14" s="220">
        <v>98</v>
      </c>
      <c r="DW14" s="218">
        <v>166</v>
      </c>
      <c r="DX14" s="218">
        <v>464</v>
      </c>
      <c r="DY14" s="218">
        <v>784</v>
      </c>
      <c r="DZ14" s="219">
        <v>567</v>
      </c>
      <c r="EA14" s="240">
        <v>2079</v>
      </c>
      <c r="EB14" s="242">
        <v>2079</v>
      </c>
      <c r="EC14" s="239"/>
    </row>
    <row r="15" spans="2:133" ht="21" customHeight="1" x14ac:dyDescent="0.2">
      <c r="B15" s="106" t="s">
        <v>11</v>
      </c>
      <c r="C15" s="217">
        <v>0</v>
      </c>
      <c r="D15" s="219">
        <v>0</v>
      </c>
      <c r="E15" s="219">
        <v>0</v>
      </c>
      <c r="F15" s="220">
        <v>4</v>
      </c>
      <c r="G15" s="218">
        <v>8</v>
      </c>
      <c r="H15" s="218">
        <v>184</v>
      </c>
      <c r="I15" s="218">
        <v>376</v>
      </c>
      <c r="J15" s="219">
        <v>216</v>
      </c>
      <c r="K15" s="240">
        <v>788</v>
      </c>
      <c r="L15" s="241">
        <v>788</v>
      </c>
      <c r="M15" s="217">
        <v>0</v>
      </c>
      <c r="N15" s="219">
        <v>0</v>
      </c>
      <c r="O15" s="240">
        <v>0</v>
      </c>
      <c r="P15" s="220">
        <v>2</v>
      </c>
      <c r="Q15" s="218">
        <v>8</v>
      </c>
      <c r="R15" s="218">
        <v>183</v>
      </c>
      <c r="S15" s="218">
        <v>374</v>
      </c>
      <c r="T15" s="219">
        <v>216</v>
      </c>
      <c r="U15" s="240">
        <v>783</v>
      </c>
      <c r="V15" s="242">
        <v>783</v>
      </c>
      <c r="W15" s="222">
        <v>0</v>
      </c>
      <c r="X15" s="219">
        <v>0</v>
      </c>
      <c r="Y15" s="240">
        <v>0</v>
      </c>
      <c r="Z15" s="222">
        <v>2</v>
      </c>
      <c r="AA15" s="218">
        <v>0</v>
      </c>
      <c r="AB15" s="218">
        <v>1</v>
      </c>
      <c r="AC15" s="218">
        <v>2</v>
      </c>
      <c r="AD15" s="219">
        <v>0</v>
      </c>
      <c r="AE15" s="240">
        <v>5</v>
      </c>
      <c r="AF15" s="221">
        <v>5</v>
      </c>
      <c r="AG15" s="222">
        <v>0</v>
      </c>
      <c r="AH15" s="219">
        <v>0</v>
      </c>
      <c r="AI15" s="240">
        <v>0</v>
      </c>
      <c r="AJ15" s="222">
        <v>54</v>
      </c>
      <c r="AK15" s="218">
        <v>93</v>
      </c>
      <c r="AL15" s="218">
        <v>132</v>
      </c>
      <c r="AM15" s="218">
        <v>148</v>
      </c>
      <c r="AN15" s="219">
        <v>82</v>
      </c>
      <c r="AO15" s="240">
        <v>509</v>
      </c>
      <c r="AP15" s="221">
        <v>509</v>
      </c>
      <c r="AQ15" s="222">
        <v>0</v>
      </c>
      <c r="AR15" s="219">
        <v>0</v>
      </c>
      <c r="AS15" s="240">
        <v>0</v>
      </c>
      <c r="AT15" s="220">
        <v>53</v>
      </c>
      <c r="AU15" s="218">
        <v>92</v>
      </c>
      <c r="AV15" s="218">
        <v>130</v>
      </c>
      <c r="AW15" s="218">
        <v>146</v>
      </c>
      <c r="AX15" s="219">
        <v>80</v>
      </c>
      <c r="AY15" s="240">
        <v>501</v>
      </c>
      <c r="AZ15" s="241">
        <v>501</v>
      </c>
      <c r="BA15" s="217">
        <v>0</v>
      </c>
      <c r="BB15" s="219">
        <v>0</v>
      </c>
      <c r="BC15" s="219">
        <v>0</v>
      </c>
      <c r="BD15" s="220">
        <v>1</v>
      </c>
      <c r="BE15" s="218">
        <v>1</v>
      </c>
      <c r="BF15" s="218">
        <v>2</v>
      </c>
      <c r="BG15" s="218">
        <v>2</v>
      </c>
      <c r="BH15" s="219">
        <v>2</v>
      </c>
      <c r="BI15" s="240">
        <v>8</v>
      </c>
      <c r="BJ15" s="242">
        <v>8</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5</v>
      </c>
      <c r="CT15" s="218">
        <v>9</v>
      </c>
      <c r="CU15" s="218">
        <v>12</v>
      </c>
      <c r="CV15" s="219">
        <v>36</v>
      </c>
      <c r="CW15" s="240">
        <v>66</v>
      </c>
      <c r="CX15" s="241">
        <v>66</v>
      </c>
      <c r="CY15" s="217">
        <v>0</v>
      </c>
      <c r="CZ15" s="219">
        <v>0</v>
      </c>
      <c r="DA15" s="219">
        <v>0</v>
      </c>
      <c r="DB15" s="220">
        <v>3</v>
      </c>
      <c r="DC15" s="218">
        <v>5</v>
      </c>
      <c r="DD15" s="218">
        <v>9</v>
      </c>
      <c r="DE15" s="218">
        <v>12</v>
      </c>
      <c r="DF15" s="219">
        <v>35</v>
      </c>
      <c r="DG15" s="240">
        <v>64</v>
      </c>
      <c r="DH15" s="242">
        <v>64</v>
      </c>
      <c r="DI15" s="222">
        <v>0</v>
      </c>
      <c r="DJ15" s="219">
        <v>0</v>
      </c>
      <c r="DK15" s="219">
        <v>0</v>
      </c>
      <c r="DL15" s="220">
        <v>1</v>
      </c>
      <c r="DM15" s="218">
        <v>0</v>
      </c>
      <c r="DN15" s="218">
        <v>0</v>
      </c>
      <c r="DO15" s="218">
        <v>0</v>
      </c>
      <c r="DP15" s="219">
        <v>1</v>
      </c>
      <c r="DQ15" s="240">
        <v>2</v>
      </c>
      <c r="DR15" s="242">
        <v>2</v>
      </c>
      <c r="DS15" s="222">
        <v>0</v>
      </c>
      <c r="DT15" s="219">
        <v>0</v>
      </c>
      <c r="DU15" s="219">
        <v>0</v>
      </c>
      <c r="DV15" s="220">
        <v>60</v>
      </c>
      <c r="DW15" s="218">
        <v>106</v>
      </c>
      <c r="DX15" s="218">
        <v>325</v>
      </c>
      <c r="DY15" s="218">
        <v>536</v>
      </c>
      <c r="DZ15" s="219">
        <v>334</v>
      </c>
      <c r="EA15" s="240">
        <v>1361</v>
      </c>
      <c r="EB15" s="242">
        <v>1361</v>
      </c>
      <c r="EC15" s="239"/>
    </row>
    <row r="16" spans="2:133" ht="21" customHeight="1" x14ac:dyDescent="0.2">
      <c r="B16" s="106" t="s">
        <v>12</v>
      </c>
      <c r="C16" s="217">
        <v>0</v>
      </c>
      <c r="D16" s="219">
        <v>0</v>
      </c>
      <c r="E16" s="219">
        <v>0</v>
      </c>
      <c r="F16" s="220">
        <v>2</v>
      </c>
      <c r="G16" s="218">
        <v>19</v>
      </c>
      <c r="H16" s="218">
        <v>189</v>
      </c>
      <c r="I16" s="218">
        <v>336</v>
      </c>
      <c r="J16" s="219">
        <v>195</v>
      </c>
      <c r="K16" s="240">
        <v>741</v>
      </c>
      <c r="L16" s="241">
        <v>741</v>
      </c>
      <c r="M16" s="217">
        <v>0</v>
      </c>
      <c r="N16" s="219">
        <v>0</v>
      </c>
      <c r="O16" s="240">
        <v>0</v>
      </c>
      <c r="P16" s="220">
        <v>2</v>
      </c>
      <c r="Q16" s="218">
        <v>19</v>
      </c>
      <c r="R16" s="218">
        <v>189</v>
      </c>
      <c r="S16" s="218">
        <v>335</v>
      </c>
      <c r="T16" s="219">
        <v>193</v>
      </c>
      <c r="U16" s="240">
        <v>738</v>
      </c>
      <c r="V16" s="242">
        <v>738</v>
      </c>
      <c r="W16" s="222">
        <v>0</v>
      </c>
      <c r="X16" s="219">
        <v>0</v>
      </c>
      <c r="Y16" s="240">
        <v>0</v>
      </c>
      <c r="Z16" s="222">
        <v>0</v>
      </c>
      <c r="AA16" s="218">
        <v>0</v>
      </c>
      <c r="AB16" s="218">
        <v>0</v>
      </c>
      <c r="AC16" s="218">
        <v>1</v>
      </c>
      <c r="AD16" s="219">
        <v>2</v>
      </c>
      <c r="AE16" s="240">
        <v>3</v>
      </c>
      <c r="AF16" s="221">
        <v>3</v>
      </c>
      <c r="AG16" s="222">
        <v>0</v>
      </c>
      <c r="AH16" s="219">
        <v>0</v>
      </c>
      <c r="AI16" s="240">
        <v>0</v>
      </c>
      <c r="AJ16" s="222">
        <v>33</v>
      </c>
      <c r="AK16" s="218">
        <v>81</v>
      </c>
      <c r="AL16" s="218">
        <v>161</v>
      </c>
      <c r="AM16" s="218">
        <v>174</v>
      </c>
      <c r="AN16" s="219">
        <v>77</v>
      </c>
      <c r="AO16" s="240">
        <v>526</v>
      </c>
      <c r="AP16" s="221">
        <v>526</v>
      </c>
      <c r="AQ16" s="222">
        <v>0</v>
      </c>
      <c r="AR16" s="219">
        <v>0</v>
      </c>
      <c r="AS16" s="240">
        <v>0</v>
      </c>
      <c r="AT16" s="220">
        <v>31</v>
      </c>
      <c r="AU16" s="218">
        <v>81</v>
      </c>
      <c r="AV16" s="218">
        <v>160</v>
      </c>
      <c r="AW16" s="218">
        <v>172</v>
      </c>
      <c r="AX16" s="219">
        <v>75</v>
      </c>
      <c r="AY16" s="240">
        <v>519</v>
      </c>
      <c r="AZ16" s="241">
        <v>519</v>
      </c>
      <c r="BA16" s="217">
        <v>0</v>
      </c>
      <c r="BB16" s="219">
        <v>0</v>
      </c>
      <c r="BC16" s="219">
        <v>0</v>
      </c>
      <c r="BD16" s="220">
        <v>2</v>
      </c>
      <c r="BE16" s="218">
        <v>0</v>
      </c>
      <c r="BF16" s="218">
        <v>1</v>
      </c>
      <c r="BG16" s="218">
        <v>2</v>
      </c>
      <c r="BH16" s="219">
        <v>2</v>
      </c>
      <c r="BI16" s="240">
        <v>7</v>
      </c>
      <c r="BJ16" s="242">
        <v>7</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1</v>
      </c>
      <c r="CT16" s="218">
        <v>4</v>
      </c>
      <c r="CU16" s="218">
        <v>17</v>
      </c>
      <c r="CV16" s="219">
        <v>12</v>
      </c>
      <c r="CW16" s="240">
        <v>34</v>
      </c>
      <c r="CX16" s="241">
        <v>34</v>
      </c>
      <c r="CY16" s="217">
        <v>0</v>
      </c>
      <c r="CZ16" s="219">
        <v>0</v>
      </c>
      <c r="DA16" s="219">
        <v>0</v>
      </c>
      <c r="DB16" s="220">
        <v>0</v>
      </c>
      <c r="DC16" s="218">
        <v>1</v>
      </c>
      <c r="DD16" s="218">
        <v>4</v>
      </c>
      <c r="DE16" s="218">
        <v>17</v>
      </c>
      <c r="DF16" s="219">
        <v>12</v>
      </c>
      <c r="DG16" s="240">
        <v>34</v>
      </c>
      <c r="DH16" s="242">
        <v>34</v>
      </c>
      <c r="DI16" s="222">
        <v>0</v>
      </c>
      <c r="DJ16" s="219">
        <v>0</v>
      </c>
      <c r="DK16" s="219">
        <v>0</v>
      </c>
      <c r="DL16" s="220">
        <v>0</v>
      </c>
      <c r="DM16" s="218">
        <v>0</v>
      </c>
      <c r="DN16" s="218">
        <v>0</v>
      </c>
      <c r="DO16" s="218">
        <v>0</v>
      </c>
      <c r="DP16" s="219">
        <v>0</v>
      </c>
      <c r="DQ16" s="240">
        <v>0</v>
      </c>
      <c r="DR16" s="242">
        <v>0</v>
      </c>
      <c r="DS16" s="222">
        <v>0</v>
      </c>
      <c r="DT16" s="219">
        <v>0</v>
      </c>
      <c r="DU16" s="219">
        <v>0</v>
      </c>
      <c r="DV16" s="220">
        <v>35</v>
      </c>
      <c r="DW16" s="218">
        <v>101</v>
      </c>
      <c r="DX16" s="218">
        <v>352</v>
      </c>
      <c r="DY16" s="218">
        <v>524</v>
      </c>
      <c r="DZ16" s="219">
        <v>284</v>
      </c>
      <c r="EA16" s="240">
        <v>1296</v>
      </c>
      <c r="EB16" s="242">
        <v>1296</v>
      </c>
      <c r="EC16" s="239"/>
    </row>
    <row r="17" spans="2:133" ht="21" customHeight="1" x14ac:dyDescent="0.2">
      <c r="B17" s="106" t="s">
        <v>13</v>
      </c>
      <c r="C17" s="217">
        <v>0</v>
      </c>
      <c r="D17" s="219">
        <v>0</v>
      </c>
      <c r="E17" s="219">
        <v>0</v>
      </c>
      <c r="F17" s="220">
        <v>1</v>
      </c>
      <c r="G17" s="218">
        <v>6</v>
      </c>
      <c r="H17" s="218">
        <v>61</v>
      </c>
      <c r="I17" s="218">
        <v>134</v>
      </c>
      <c r="J17" s="219">
        <v>130</v>
      </c>
      <c r="K17" s="240">
        <v>332</v>
      </c>
      <c r="L17" s="241">
        <v>332</v>
      </c>
      <c r="M17" s="217">
        <v>0</v>
      </c>
      <c r="N17" s="219">
        <v>0</v>
      </c>
      <c r="O17" s="240">
        <v>0</v>
      </c>
      <c r="P17" s="220">
        <v>1</v>
      </c>
      <c r="Q17" s="218">
        <v>6</v>
      </c>
      <c r="R17" s="218">
        <v>60</v>
      </c>
      <c r="S17" s="218">
        <v>134</v>
      </c>
      <c r="T17" s="219">
        <v>129</v>
      </c>
      <c r="U17" s="240">
        <v>330</v>
      </c>
      <c r="V17" s="242">
        <v>330</v>
      </c>
      <c r="W17" s="222">
        <v>0</v>
      </c>
      <c r="X17" s="219">
        <v>0</v>
      </c>
      <c r="Y17" s="240">
        <v>0</v>
      </c>
      <c r="Z17" s="222">
        <v>0</v>
      </c>
      <c r="AA17" s="218">
        <v>0</v>
      </c>
      <c r="AB17" s="218">
        <v>1</v>
      </c>
      <c r="AC17" s="218">
        <v>0</v>
      </c>
      <c r="AD17" s="219">
        <v>1</v>
      </c>
      <c r="AE17" s="240">
        <v>2</v>
      </c>
      <c r="AF17" s="221">
        <v>2</v>
      </c>
      <c r="AG17" s="222">
        <v>0</v>
      </c>
      <c r="AH17" s="219">
        <v>0</v>
      </c>
      <c r="AI17" s="240">
        <v>0</v>
      </c>
      <c r="AJ17" s="222">
        <v>11</v>
      </c>
      <c r="AK17" s="218">
        <v>17</v>
      </c>
      <c r="AL17" s="218">
        <v>37</v>
      </c>
      <c r="AM17" s="218">
        <v>33</v>
      </c>
      <c r="AN17" s="219">
        <v>26</v>
      </c>
      <c r="AO17" s="240">
        <v>124</v>
      </c>
      <c r="AP17" s="221">
        <v>124</v>
      </c>
      <c r="AQ17" s="222">
        <v>0</v>
      </c>
      <c r="AR17" s="219">
        <v>0</v>
      </c>
      <c r="AS17" s="240">
        <v>0</v>
      </c>
      <c r="AT17" s="220">
        <v>11</v>
      </c>
      <c r="AU17" s="218">
        <v>16</v>
      </c>
      <c r="AV17" s="218">
        <v>36</v>
      </c>
      <c r="AW17" s="218">
        <v>32</v>
      </c>
      <c r="AX17" s="219">
        <v>25</v>
      </c>
      <c r="AY17" s="240">
        <v>120</v>
      </c>
      <c r="AZ17" s="241">
        <v>120</v>
      </c>
      <c r="BA17" s="217">
        <v>0</v>
      </c>
      <c r="BB17" s="219">
        <v>0</v>
      </c>
      <c r="BC17" s="219">
        <v>0</v>
      </c>
      <c r="BD17" s="220">
        <v>0</v>
      </c>
      <c r="BE17" s="218">
        <v>1</v>
      </c>
      <c r="BF17" s="218">
        <v>1</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1</v>
      </c>
      <c r="CU17" s="218">
        <v>0</v>
      </c>
      <c r="CV17" s="219">
        <v>0</v>
      </c>
      <c r="CW17" s="240">
        <v>1</v>
      </c>
      <c r="CX17" s="241">
        <v>1</v>
      </c>
      <c r="CY17" s="217">
        <v>0</v>
      </c>
      <c r="CZ17" s="219">
        <v>0</v>
      </c>
      <c r="DA17" s="219">
        <v>0</v>
      </c>
      <c r="DB17" s="220">
        <v>0</v>
      </c>
      <c r="DC17" s="218">
        <v>0</v>
      </c>
      <c r="DD17" s="218">
        <v>1</v>
      </c>
      <c r="DE17" s="218">
        <v>0</v>
      </c>
      <c r="DF17" s="219">
        <v>0</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2</v>
      </c>
      <c r="DW17" s="218">
        <v>23</v>
      </c>
      <c r="DX17" s="218">
        <v>99</v>
      </c>
      <c r="DY17" s="218">
        <v>167</v>
      </c>
      <c r="DZ17" s="219">
        <v>156</v>
      </c>
      <c r="EA17" s="240">
        <v>457</v>
      </c>
      <c r="EB17" s="242">
        <v>457</v>
      </c>
      <c r="EC17" s="239"/>
    </row>
    <row r="18" spans="2:133" ht="21" customHeight="1" x14ac:dyDescent="0.2">
      <c r="B18" s="106" t="s">
        <v>15</v>
      </c>
      <c r="C18" s="217">
        <v>0</v>
      </c>
      <c r="D18" s="219">
        <v>0</v>
      </c>
      <c r="E18" s="219">
        <v>0</v>
      </c>
      <c r="F18" s="220">
        <v>0</v>
      </c>
      <c r="G18" s="218">
        <v>1</v>
      </c>
      <c r="H18" s="218">
        <v>85</v>
      </c>
      <c r="I18" s="218">
        <v>154</v>
      </c>
      <c r="J18" s="219">
        <v>71</v>
      </c>
      <c r="K18" s="240">
        <v>311</v>
      </c>
      <c r="L18" s="241">
        <v>311</v>
      </c>
      <c r="M18" s="217">
        <v>0</v>
      </c>
      <c r="N18" s="219">
        <v>0</v>
      </c>
      <c r="O18" s="240">
        <v>0</v>
      </c>
      <c r="P18" s="220">
        <v>0</v>
      </c>
      <c r="Q18" s="218">
        <v>1</v>
      </c>
      <c r="R18" s="218">
        <v>85</v>
      </c>
      <c r="S18" s="218">
        <v>152</v>
      </c>
      <c r="T18" s="219">
        <v>69</v>
      </c>
      <c r="U18" s="240">
        <v>307</v>
      </c>
      <c r="V18" s="242">
        <v>307</v>
      </c>
      <c r="W18" s="222">
        <v>0</v>
      </c>
      <c r="X18" s="219">
        <v>0</v>
      </c>
      <c r="Y18" s="240">
        <v>0</v>
      </c>
      <c r="Z18" s="222">
        <v>0</v>
      </c>
      <c r="AA18" s="218">
        <v>0</v>
      </c>
      <c r="AB18" s="218">
        <v>0</v>
      </c>
      <c r="AC18" s="218">
        <v>2</v>
      </c>
      <c r="AD18" s="219">
        <v>2</v>
      </c>
      <c r="AE18" s="240">
        <v>4</v>
      </c>
      <c r="AF18" s="221">
        <v>4</v>
      </c>
      <c r="AG18" s="222">
        <v>0</v>
      </c>
      <c r="AH18" s="219">
        <v>0</v>
      </c>
      <c r="AI18" s="240">
        <v>0</v>
      </c>
      <c r="AJ18" s="222">
        <v>15</v>
      </c>
      <c r="AK18" s="218">
        <v>36</v>
      </c>
      <c r="AL18" s="218">
        <v>46</v>
      </c>
      <c r="AM18" s="218">
        <v>58</v>
      </c>
      <c r="AN18" s="219">
        <v>27</v>
      </c>
      <c r="AO18" s="240">
        <v>182</v>
      </c>
      <c r="AP18" s="221">
        <v>182</v>
      </c>
      <c r="AQ18" s="222">
        <v>0</v>
      </c>
      <c r="AR18" s="219">
        <v>0</v>
      </c>
      <c r="AS18" s="240">
        <v>0</v>
      </c>
      <c r="AT18" s="220">
        <v>15</v>
      </c>
      <c r="AU18" s="218">
        <v>36</v>
      </c>
      <c r="AV18" s="218">
        <v>46</v>
      </c>
      <c r="AW18" s="218">
        <v>56</v>
      </c>
      <c r="AX18" s="219">
        <v>26</v>
      </c>
      <c r="AY18" s="240">
        <v>179</v>
      </c>
      <c r="AZ18" s="241">
        <v>179</v>
      </c>
      <c r="BA18" s="217">
        <v>0</v>
      </c>
      <c r="BB18" s="219">
        <v>0</v>
      </c>
      <c r="BC18" s="219">
        <v>0</v>
      </c>
      <c r="BD18" s="220">
        <v>0</v>
      </c>
      <c r="BE18" s="218">
        <v>0</v>
      </c>
      <c r="BF18" s="218">
        <v>0</v>
      </c>
      <c r="BG18" s="218">
        <v>2</v>
      </c>
      <c r="BH18" s="219">
        <v>1</v>
      </c>
      <c r="BI18" s="240">
        <v>3</v>
      </c>
      <c r="BJ18" s="242">
        <v>3</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5</v>
      </c>
      <c r="DW18" s="218">
        <v>37</v>
      </c>
      <c r="DX18" s="218">
        <v>131</v>
      </c>
      <c r="DY18" s="218">
        <v>212</v>
      </c>
      <c r="DZ18" s="219">
        <v>97</v>
      </c>
      <c r="EA18" s="240">
        <v>492</v>
      </c>
      <c r="EB18" s="242">
        <v>492</v>
      </c>
      <c r="EC18" s="239"/>
    </row>
    <row r="19" spans="2:133" ht="21" customHeight="1" x14ac:dyDescent="0.2">
      <c r="B19" s="106" t="s">
        <v>16</v>
      </c>
      <c r="C19" s="217">
        <v>0</v>
      </c>
      <c r="D19" s="219">
        <v>0</v>
      </c>
      <c r="E19" s="219">
        <v>0</v>
      </c>
      <c r="F19" s="220">
        <v>6</v>
      </c>
      <c r="G19" s="218">
        <v>15</v>
      </c>
      <c r="H19" s="218">
        <v>219</v>
      </c>
      <c r="I19" s="218">
        <v>318</v>
      </c>
      <c r="J19" s="219">
        <v>180</v>
      </c>
      <c r="K19" s="240">
        <v>738</v>
      </c>
      <c r="L19" s="241">
        <v>738</v>
      </c>
      <c r="M19" s="217">
        <v>0</v>
      </c>
      <c r="N19" s="219">
        <v>0</v>
      </c>
      <c r="O19" s="240">
        <v>0</v>
      </c>
      <c r="P19" s="220">
        <v>6</v>
      </c>
      <c r="Q19" s="218">
        <v>14</v>
      </c>
      <c r="R19" s="218">
        <v>219</v>
      </c>
      <c r="S19" s="218">
        <v>317</v>
      </c>
      <c r="T19" s="219">
        <v>177</v>
      </c>
      <c r="U19" s="240">
        <v>733</v>
      </c>
      <c r="V19" s="242">
        <v>733</v>
      </c>
      <c r="W19" s="222">
        <v>0</v>
      </c>
      <c r="X19" s="219">
        <v>0</v>
      </c>
      <c r="Y19" s="240">
        <v>0</v>
      </c>
      <c r="Z19" s="222">
        <v>0</v>
      </c>
      <c r="AA19" s="218">
        <v>1</v>
      </c>
      <c r="AB19" s="218">
        <v>0</v>
      </c>
      <c r="AC19" s="218">
        <v>1</v>
      </c>
      <c r="AD19" s="219">
        <v>3</v>
      </c>
      <c r="AE19" s="240">
        <v>5</v>
      </c>
      <c r="AF19" s="221">
        <v>5</v>
      </c>
      <c r="AG19" s="222">
        <v>0</v>
      </c>
      <c r="AH19" s="219">
        <v>0</v>
      </c>
      <c r="AI19" s="240">
        <v>0</v>
      </c>
      <c r="AJ19" s="222">
        <v>49</v>
      </c>
      <c r="AK19" s="218">
        <v>102</v>
      </c>
      <c r="AL19" s="218">
        <v>134</v>
      </c>
      <c r="AM19" s="218">
        <v>136</v>
      </c>
      <c r="AN19" s="219">
        <v>54</v>
      </c>
      <c r="AO19" s="240">
        <v>475</v>
      </c>
      <c r="AP19" s="221">
        <v>475</v>
      </c>
      <c r="AQ19" s="222">
        <v>0</v>
      </c>
      <c r="AR19" s="219">
        <v>0</v>
      </c>
      <c r="AS19" s="240">
        <v>0</v>
      </c>
      <c r="AT19" s="220">
        <v>49</v>
      </c>
      <c r="AU19" s="218">
        <v>102</v>
      </c>
      <c r="AV19" s="218">
        <v>133</v>
      </c>
      <c r="AW19" s="218">
        <v>136</v>
      </c>
      <c r="AX19" s="219">
        <v>53</v>
      </c>
      <c r="AY19" s="240">
        <v>473</v>
      </c>
      <c r="AZ19" s="241">
        <v>473</v>
      </c>
      <c r="BA19" s="217">
        <v>0</v>
      </c>
      <c r="BB19" s="219">
        <v>0</v>
      </c>
      <c r="BC19" s="219">
        <v>0</v>
      </c>
      <c r="BD19" s="220">
        <v>0</v>
      </c>
      <c r="BE19" s="218">
        <v>0</v>
      </c>
      <c r="BF19" s="218">
        <v>1</v>
      </c>
      <c r="BG19" s="218">
        <v>0</v>
      </c>
      <c r="BH19" s="219">
        <v>1</v>
      </c>
      <c r="BI19" s="240">
        <v>2</v>
      </c>
      <c r="BJ19" s="242">
        <v>2</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1</v>
      </c>
      <c r="CV19" s="219">
        <v>10</v>
      </c>
      <c r="CW19" s="240">
        <v>23</v>
      </c>
      <c r="CX19" s="241">
        <v>23</v>
      </c>
      <c r="CY19" s="217">
        <v>0</v>
      </c>
      <c r="CZ19" s="219">
        <v>0</v>
      </c>
      <c r="DA19" s="219">
        <v>0</v>
      </c>
      <c r="DB19" s="220">
        <v>0</v>
      </c>
      <c r="DC19" s="218">
        <v>0</v>
      </c>
      <c r="DD19" s="218">
        <v>2</v>
      </c>
      <c r="DE19" s="218">
        <v>11</v>
      </c>
      <c r="DF19" s="219">
        <v>10</v>
      </c>
      <c r="DG19" s="240">
        <v>23</v>
      </c>
      <c r="DH19" s="242">
        <v>23</v>
      </c>
      <c r="DI19" s="222">
        <v>0</v>
      </c>
      <c r="DJ19" s="219">
        <v>0</v>
      </c>
      <c r="DK19" s="219">
        <v>0</v>
      </c>
      <c r="DL19" s="220">
        <v>0</v>
      </c>
      <c r="DM19" s="218">
        <v>0</v>
      </c>
      <c r="DN19" s="218">
        <v>0</v>
      </c>
      <c r="DO19" s="218">
        <v>0</v>
      </c>
      <c r="DP19" s="219">
        <v>0</v>
      </c>
      <c r="DQ19" s="240">
        <v>0</v>
      </c>
      <c r="DR19" s="242">
        <v>0</v>
      </c>
      <c r="DS19" s="222">
        <v>0</v>
      </c>
      <c r="DT19" s="219">
        <v>0</v>
      </c>
      <c r="DU19" s="219">
        <v>0</v>
      </c>
      <c r="DV19" s="220">
        <v>55</v>
      </c>
      <c r="DW19" s="218">
        <v>117</v>
      </c>
      <c r="DX19" s="218">
        <v>354</v>
      </c>
      <c r="DY19" s="218">
        <v>461</v>
      </c>
      <c r="DZ19" s="219">
        <v>241</v>
      </c>
      <c r="EA19" s="240">
        <v>1228</v>
      </c>
      <c r="EB19" s="242">
        <v>1228</v>
      </c>
      <c r="EC19" s="239"/>
    </row>
    <row r="20" spans="2:133" ht="21" customHeight="1" x14ac:dyDescent="0.2">
      <c r="B20" s="106" t="s">
        <v>17</v>
      </c>
      <c r="C20" s="217">
        <v>0</v>
      </c>
      <c r="D20" s="219">
        <v>0</v>
      </c>
      <c r="E20" s="219">
        <v>0</v>
      </c>
      <c r="F20" s="220">
        <v>5</v>
      </c>
      <c r="G20" s="218">
        <v>14</v>
      </c>
      <c r="H20" s="218">
        <v>204</v>
      </c>
      <c r="I20" s="218">
        <v>294</v>
      </c>
      <c r="J20" s="219">
        <v>223</v>
      </c>
      <c r="K20" s="240">
        <v>740</v>
      </c>
      <c r="L20" s="241">
        <v>740</v>
      </c>
      <c r="M20" s="217">
        <v>0</v>
      </c>
      <c r="N20" s="219">
        <v>0</v>
      </c>
      <c r="O20" s="240">
        <v>0</v>
      </c>
      <c r="P20" s="220">
        <v>5</v>
      </c>
      <c r="Q20" s="218">
        <v>14</v>
      </c>
      <c r="R20" s="218">
        <v>204</v>
      </c>
      <c r="S20" s="218">
        <v>292</v>
      </c>
      <c r="T20" s="219">
        <v>219</v>
      </c>
      <c r="U20" s="240">
        <v>734</v>
      </c>
      <c r="V20" s="242">
        <v>734</v>
      </c>
      <c r="W20" s="222">
        <v>0</v>
      </c>
      <c r="X20" s="219">
        <v>0</v>
      </c>
      <c r="Y20" s="240">
        <v>0</v>
      </c>
      <c r="Z20" s="222">
        <v>0</v>
      </c>
      <c r="AA20" s="218">
        <v>0</v>
      </c>
      <c r="AB20" s="218">
        <v>0</v>
      </c>
      <c r="AC20" s="218">
        <v>2</v>
      </c>
      <c r="AD20" s="219">
        <v>4</v>
      </c>
      <c r="AE20" s="240">
        <v>6</v>
      </c>
      <c r="AF20" s="221">
        <v>6</v>
      </c>
      <c r="AG20" s="222">
        <v>0</v>
      </c>
      <c r="AH20" s="219">
        <v>0</v>
      </c>
      <c r="AI20" s="240">
        <v>0</v>
      </c>
      <c r="AJ20" s="222">
        <v>39</v>
      </c>
      <c r="AK20" s="218">
        <v>108</v>
      </c>
      <c r="AL20" s="218">
        <v>151</v>
      </c>
      <c r="AM20" s="218">
        <v>144</v>
      </c>
      <c r="AN20" s="219">
        <v>76</v>
      </c>
      <c r="AO20" s="240">
        <v>518</v>
      </c>
      <c r="AP20" s="221">
        <v>518</v>
      </c>
      <c r="AQ20" s="222">
        <v>0</v>
      </c>
      <c r="AR20" s="219">
        <v>0</v>
      </c>
      <c r="AS20" s="240">
        <v>0</v>
      </c>
      <c r="AT20" s="220">
        <v>38</v>
      </c>
      <c r="AU20" s="218">
        <v>107</v>
      </c>
      <c r="AV20" s="218">
        <v>148</v>
      </c>
      <c r="AW20" s="218">
        <v>141</v>
      </c>
      <c r="AX20" s="219">
        <v>74</v>
      </c>
      <c r="AY20" s="240">
        <v>508</v>
      </c>
      <c r="AZ20" s="241">
        <v>508</v>
      </c>
      <c r="BA20" s="217">
        <v>0</v>
      </c>
      <c r="BB20" s="219">
        <v>0</v>
      </c>
      <c r="BC20" s="219">
        <v>0</v>
      </c>
      <c r="BD20" s="220">
        <v>1</v>
      </c>
      <c r="BE20" s="218">
        <v>1</v>
      </c>
      <c r="BF20" s="218">
        <v>3</v>
      </c>
      <c r="BG20" s="218">
        <v>3</v>
      </c>
      <c r="BH20" s="219">
        <v>2</v>
      </c>
      <c r="BI20" s="240">
        <v>10</v>
      </c>
      <c r="BJ20" s="242">
        <v>10</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7</v>
      </c>
      <c r="CV20" s="219">
        <v>18</v>
      </c>
      <c r="CW20" s="240">
        <v>25</v>
      </c>
      <c r="CX20" s="241">
        <v>25</v>
      </c>
      <c r="CY20" s="217">
        <v>0</v>
      </c>
      <c r="CZ20" s="219">
        <v>0</v>
      </c>
      <c r="DA20" s="219">
        <v>0</v>
      </c>
      <c r="DB20" s="220">
        <v>0</v>
      </c>
      <c r="DC20" s="218">
        <v>0</v>
      </c>
      <c r="DD20" s="218">
        <v>0</v>
      </c>
      <c r="DE20" s="218">
        <v>7</v>
      </c>
      <c r="DF20" s="219">
        <v>17</v>
      </c>
      <c r="DG20" s="240">
        <v>24</v>
      </c>
      <c r="DH20" s="242">
        <v>24</v>
      </c>
      <c r="DI20" s="222">
        <v>0</v>
      </c>
      <c r="DJ20" s="219">
        <v>0</v>
      </c>
      <c r="DK20" s="219">
        <v>0</v>
      </c>
      <c r="DL20" s="220">
        <v>0</v>
      </c>
      <c r="DM20" s="218">
        <v>0</v>
      </c>
      <c r="DN20" s="218">
        <v>0</v>
      </c>
      <c r="DO20" s="218">
        <v>0</v>
      </c>
      <c r="DP20" s="219">
        <v>1</v>
      </c>
      <c r="DQ20" s="240">
        <v>1</v>
      </c>
      <c r="DR20" s="242">
        <v>1</v>
      </c>
      <c r="DS20" s="222">
        <v>0</v>
      </c>
      <c r="DT20" s="219">
        <v>0</v>
      </c>
      <c r="DU20" s="219">
        <v>0</v>
      </c>
      <c r="DV20" s="220">
        <v>44</v>
      </c>
      <c r="DW20" s="218">
        <v>122</v>
      </c>
      <c r="DX20" s="218">
        <v>355</v>
      </c>
      <c r="DY20" s="218">
        <v>445</v>
      </c>
      <c r="DZ20" s="219">
        <v>317</v>
      </c>
      <c r="EA20" s="240">
        <v>1283</v>
      </c>
      <c r="EB20" s="242">
        <v>1283</v>
      </c>
      <c r="EC20" s="239"/>
    </row>
    <row r="21" spans="2:133" ht="21" customHeight="1" x14ac:dyDescent="0.2">
      <c r="B21" s="106" t="s">
        <v>18</v>
      </c>
      <c r="C21" s="217">
        <v>0</v>
      </c>
      <c r="D21" s="219">
        <v>0</v>
      </c>
      <c r="E21" s="219">
        <v>0</v>
      </c>
      <c r="F21" s="220">
        <v>5</v>
      </c>
      <c r="G21" s="218">
        <v>13</v>
      </c>
      <c r="H21" s="218">
        <v>204</v>
      </c>
      <c r="I21" s="218">
        <v>395</v>
      </c>
      <c r="J21" s="219">
        <v>265</v>
      </c>
      <c r="K21" s="240">
        <v>882</v>
      </c>
      <c r="L21" s="241">
        <v>882</v>
      </c>
      <c r="M21" s="217">
        <v>0</v>
      </c>
      <c r="N21" s="219">
        <v>0</v>
      </c>
      <c r="O21" s="240">
        <v>0</v>
      </c>
      <c r="P21" s="220">
        <v>5</v>
      </c>
      <c r="Q21" s="218">
        <v>13</v>
      </c>
      <c r="R21" s="218">
        <v>202</v>
      </c>
      <c r="S21" s="218">
        <v>389</v>
      </c>
      <c r="T21" s="219">
        <v>261</v>
      </c>
      <c r="U21" s="240">
        <v>870</v>
      </c>
      <c r="V21" s="242">
        <v>870</v>
      </c>
      <c r="W21" s="222">
        <v>0</v>
      </c>
      <c r="X21" s="219">
        <v>0</v>
      </c>
      <c r="Y21" s="240">
        <v>0</v>
      </c>
      <c r="Z21" s="222">
        <v>0</v>
      </c>
      <c r="AA21" s="218">
        <v>0</v>
      </c>
      <c r="AB21" s="218">
        <v>2</v>
      </c>
      <c r="AC21" s="218">
        <v>6</v>
      </c>
      <c r="AD21" s="219">
        <v>4</v>
      </c>
      <c r="AE21" s="240">
        <v>12</v>
      </c>
      <c r="AF21" s="221">
        <v>12</v>
      </c>
      <c r="AG21" s="222">
        <v>0</v>
      </c>
      <c r="AH21" s="219">
        <v>0</v>
      </c>
      <c r="AI21" s="240">
        <v>0</v>
      </c>
      <c r="AJ21" s="222">
        <v>22</v>
      </c>
      <c r="AK21" s="218">
        <v>58</v>
      </c>
      <c r="AL21" s="218">
        <v>102</v>
      </c>
      <c r="AM21" s="218">
        <v>108</v>
      </c>
      <c r="AN21" s="219">
        <v>59</v>
      </c>
      <c r="AO21" s="240">
        <v>349</v>
      </c>
      <c r="AP21" s="221">
        <v>349</v>
      </c>
      <c r="AQ21" s="222">
        <v>0</v>
      </c>
      <c r="AR21" s="219">
        <v>0</v>
      </c>
      <c r="AS21" s="240">
        <v>0</v>
      </c>
      <c r="AT21" s="220">
        <v>22</v>
      </c>
      <c r="AU21" s="218">
        <v>57</v>
      </c>
      <c r="AV21" s="218">
        <v>100</v>
      </c>
      <c r="AW21" s="218">
        <v>104</v>
      </c>
      <c r="AX21" s="219">
        <v>56</v>
      </c>
      <c r="AY21" s="240">
        <v>339</v>
      </c>
      <c r="AZ21" s="241">
        <v>339</v>
      </c>
      <c r="BA21" s="217">
        <v>0</v>
      </c>
      <c r="BB21" s="219">
        <v>0</v>
      </c>
      <c r="BC21" s="219">
        <v>0</v>
      </c>
      <c r="BD21" s="220">
        <v>0</v>
      </c>
      <c r="BE21" s="218">
        <v>1</v>
      </c>
      <c r="BF21" s="218">
        <v>2</v>
      </c>
      <c r="BG21" s="218">
        <v>4</v>
      </c>
      <c r="BH21" s="219">
        <v>3</v>
      </c>
      <c r="BI21" s="240">
        <v>10</v>
      </c>
      <c r="BJ21" s="242">
        <v>10</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2</v>
      </c>
      <c r="CU21" s="218">
        <v>16</v>
      </c>
      <c r="CV21" s="219">
        <v>17</v>
      </c>
      <c r="CW21" s="240">
        <v>36</v>
      </c>
      <c r="CX21" s="241">
        <v>36</v>
      </c>
      <c r="CY21" s="217">
        <v>0</v>
      </c>
      <c r="CZ21" s="219">
        <v>0</v>
      </c>
      <c r="DA21" s="219">
        <v>0</v>
      </c>
      <c r="DB21" s="220">
        <v>0</v>
      </c>
      <c r="DC21" s="218">
        <v>1</v>
      </c>
      <c r="DD21" s="218">
        <v>2</v>
      </c>
      <c r="DE21" s="218">
        <v>15</v>
      </c>
      <c r="DF21" s="219">
        <v>17</v>
      </c>
      <c r="DG21" s="240">
        <v>35</v>
      </c>
      <c r="DH21" s="242">
        <v>35</v>
      </c>
      <c r="DI21" s="222">
        <v>0</v>
      </c>
      <c r="DJ21" s="219">
        <v>0</v>
      </c>
      <c r="DK21" s="219">
        <v>0</v>
      </c>
      <c r="DL21" s="220">
        <v>0</v>
      </c>
      <c r="DM21" s="218">
        <v>0</v>
      </c>
      <c r="DN21" s="218">
        <v>0</v>
      </c>
      <c r="DO21" s="218">
        <v>1</v>
      </c>
      <c r="DP21" s="219">
        <v>0</v>
      </c>
      <c r="DQ21" s="240">
        <v>1</v>
      </c>
      <c r="DR21" s="242">
        <v>1</v>
      </c>
      <c r="DS21" s="222">
        <v>0</v>
      </c>
      <c r="DT21" s="219">
        <v>0</v>
      </c>
      <c r="DU21" s="219">
        <v>0</v>
      </c>
      <c r="DV21" s="220">
        <v>27</v>
      </c>
      <c r="DW21" s="218">
        <v>72</v>
      </c>
      <c r="DX21" s="218">
        <v>308</v>
      </c>
      <c r="DY21" s="218">
        <v>519</v>
      </c>
      <c r="DZ21" s="219">
        <v>337</v>
      </c>
      <c r="EA21" s="240">
        <v>1263</v>
      </c>
      <c r="EB21" s="242">
        <v>1263</v>
      </c>
      <c r="EC21" s="239"/>
    </row>
    <row r="22" spans="2:133" ht="21" customHeight="1" x14ac:dyDescent="0.2">
      <c r="B22" s="106" t="s">
        <v>19</v>
      </c>
      <c r="C22" s="217">
        <v>0</v>
      </c>
      <c r="D22" s="219">
        <v>0</v>
      </c>
      <c r="E22" s="219">
        <v>0</v>
      </c>
      <c r="F22" s="220">
        <v>1</v>
      </c>
      <c r="G22" s="218">
        <v>7</v>
      </c>
      <c r="H22" s="218">
        <v>144</v>
      </c>
      <c r="I22" s="218">
        <v>144</v>
      </c>
      <c r="J22" s="219">
        <v>130</v>
      </c>
      <c r="K22" s="240">
        <v>426</v>
      </c>
      <c r="L22" s="241">
        <v>426</v>
      </c>
      <c r="M22" s="217">
        <v>0</v>
      </c>
      <c r="N22" s="219">
        <v>0</v>
      </c>
      <c r="O22" s="240">
        <v>0</v>
      </c>
      <c r="P22" s="220">
        <v>1</v>
      </c>
      <c r="Q22" s="218">
        <v>7</v>
      </c>
      <c r="R22" s="218">
        <v>142</v>
      </c>
      <c r="S22" s="218">
        <v>144</v>
      </c>
      <c r="T22" s="219">
        <v>129</v>
      </c>
      <c r="U22" s="240">
        <v>423</v>
      </c>
      <c r="V22" s="242">
        <v>423</v>
      </c>
      <c r="W22" s="222">
        <v>0</v>
      </c>
      <c r="X22" s="219">
        <v>0</v>
      </c>
      <c r="Y22" s="240">
        <v>0</v>
      </c>
      <c r="Z22" s="222">
        <v>0</v>
      </c>
      <c r="AA22" s="218">
        <v>0</v>
      </c>
      <c r="AB22" s="218">
        <v>2</v>
      </c>
      <c r="AC22" s="218">
        <v>0</v>
      </c>
      <c r="AD22" s="219">
        <v>1</v>
      </c>
      <c r="AE22" s="240">
        <v>3</v>
      </c>
      <c r="AF22" s="221">
        <v>3</v>
      </c>
      <c r="AG22" s="222">
        <v>0</v>
      </c>
      <c r="AH22" s="219">
        <v>0</v>
      </c>
      <c r="AI22" s="240">
        <v>0</v>
      </c>
      <c r="AJ22" s="222">
        <v>26</v>
      </c>
      <c r="AK22" s="218">
        <v>50</v>
      </c>
      <c r="AL22" s="218">
        <v>67</v>
      </c>
      <c r="AM22" s="218">
        <v>71</v>
      </c>
      <c r="AN22" s="219">
        <v>31</v>
      </c>
      <c r="AO22" s="240">
        <v>245</v>
      </c>
      <c r="AP22" s="221">
        <v>245</v>
      </c>
      <c r="AQ22" s="222">
        <v>0</v>
      </c>
      <c r="AR22" s="219">
        <v>0</v>
      </c>
      <c r="AS22" s="240">
        <v>0</v>
      </c>
      <c r="AT22" s="220">
        <v>25</v>
      </c>
      <c r="AU22" s="218">
        <v>50</v>
      </c>
      <c r="AV22" s="218">
        <v>66</v>
      </c>
      <c r="AW22" s="218">
        <v>69</v>
      </c>
      <c r="AX22" s="219">
        <v>31</v>
      </c>
      <c r="AY22" s="240">
        <v>241</v>
      </c>
      <c r="AZ22" s="241">
        <v>241</v>
      </c>
      <c r="BA22" s="217">
        <v>0</v>
      </c>
      <c r="BB22" s="219">
        <v>0</v>
      </c>
      <c r="BC22" s="219">
        <v>0</v>
      </c>
      <c r="BD22" s="220">
        <v>1</v>
      </c>
      <c r="BE22" s="218">
        <v>0</v>
      </c>
      <c r="BF22" s="218">
        <v>1</v>
      </c>
      <c r="BG22" s="218">
        <v>2</v>
      </c>
      <c r="BH22" s="219">
        <v>0</v>
      </c>
      <c r="BI22" s="240">
        <v>4</v>
      </c>
      <c r="BJ22" s="242">
        <v>4</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2</v>
      </c>
      <c r="CV22" s="219">
        <v>6</v>
      </c>
      <c r="CW22" s="240">
        <v>8</v>
      </c>
      <c r="CX22" s="241">
        <v>8</v>
      </c>
      <c r="CY22" s="217">
        <v>0</v>
      </c>
      <c r="CZ22" s="219">
        <v>0</v>
      </c>
      <c r="DA22" s="219">
        <v>0</v>
      </c>
      <c r="DB22" s="220">
        <v>0</v>
      </c>
      <c r="DC22" s="218">
        <v>0</v>
      </c>
      <c r="DD22" s="218">
        <v>0</v>
      </c>
      <c r="DE22" s="218">
        <v>2</v>
      </c>
      <c r="DF22" s="219">
        <v>6</v>
      </c>
      <c r="DG22" s="240">
        <v>8</v>
      </c>
      <c r="DH22" s="242">
        <v>8</v>
      </c>
      <c r="DI22" s="222">
        <v>0</v>
      </c>
      <c r="DJ22" s="219">
        <v>0</v>
      </c>
      <c r="DK22" s="219">
        <v>0</v>
      </c>
      <c r="DL22" s="220">
        <v>0</v>
      </c>
      <c r="DM22" s="218">
        <v>0</v>
      </c>
      <c r="DN22" s="218">
        <v>0</v>
      </c>
      <c r="DO22" s="218">
        <v>0</v>
      </c>
      <c r="DP22" s="219">
        <v>0</v>
      </c>
      <c r="DQ22" s="240">
        <v>0</v>
      </c>
      <c r="DR22" s="242">
        <v>0</v>
      </c>
      <c r="DS22" s="222">
        <v>0</v>
      </c>
      <c r="DT22" s="219">
        <v>0</v>
      </c>
      <c r="DU22" s="219">
        <v>0</v>
      </c>
      <c r="DV22" s="220">
        <v>27</v>
      </c>
      <c r="DW22" s="218">
        <v>57</v>
      </c>
      <c r="DX22" s="218">
        <v>210</v>
      </c>
      <c r="DY22" s="218">
        <v>213</v>
      </c>
      <c r="DZ22" s="219">
        <v>163</v>
      </c>
      <c r="EA22" s="240">
        <v>670</v>
      </c>
      <c r="EB22" s="242">
        <v>670</v>
      </c>
      <c r="EC22" s="239"/>
    </row>
    <row r="23" spans="2:133" ht="21" customHeight="1" x14ac:dyDescent="0.2">
      <c r="B23" s="106" t="s">
        <v>20</v>
      </c>
      <c r="C23" s="217">
        <v>0</v>
      </c>
      <c r="D23" s="219">
        <v>0</v>
      </c>
      <c r="E23" s="219">
        <v>0</v>
      </c>
      <c r="F23" s="220">
        <v>3</v>
      </c>
      <c r="G23" s="218">
        <v>21</v>
      </c>
      <c r="H23" s="218">
        <v>116</v>
      </c>
      <c r="I23" s="218">
        <v>192</v>
      </c>
      <c r="J23" s="219">
        <v>99</v>
      </c>
      <c r="K23" s="240">
        <v>431</v>
      </c>
      <c r="L23" s="241">
        <v>431</v>
      </c>
      <c r="M23" s="217">
        <v>0</v>
      </c>
      <c r="N23" s="219">
        <v>0</v>
      </c>
      <c r="O23" s="240">
        <v>0</v>
      </c>
      <c r="P23" s="220">
        <v>3</v>
      </c>
      <c r="Q23" s="218">
        <v>21</v>
      </c>
      <c r="R23" s="218">
        <v>116</v>
      </c>
      <c r="S23" s="218">
        <v>191</v>
      </c>
      <c r="T23" s="219">
        <v>97</v>
      </c>
      <c r="U23" s="240">
        <v>428</v>
      </c>
      <c r="V23" s="242">
        <v>428</v>
      </c>
      <c r="W23" s="222">
        <v>0</v>
      </c>
      <c r="X23" s="219">
        <v>0</v>
      </c>
      <c r="Y23" s="240">
        <v>0</v>
      </c>
      <c r="Z23" s="222">
        <v>0</v>
      </c>
      <c r="AA23" s="218">
        <v>0</v>
      </c>
      <c r="AB23" s="218">
        <v>0</v>
      </c>
      <c r="AC23" s="218">
        <v>1</v>
      </c>
      <c r="AD23" s="219">
        <v>2</v>
      </c>
      <c r="AE23" s="240">
        <v>3</v>
      </c>
      <c r="AF23" s="221">
        <v>3</v>
      </c>
      <c r="AG23" s="222">
        <v>0</v>
      </c>
      <c r="AH23" s="219">
        <v>0</v>
      </c>
      <c r="AI23" s="240">
        <v>0</v>
      </c>
      <c r="AJ23" s="222">
        <v>17</v>
      </c>
      <c r="AK23" s="218">
        <v>35</v>
      </c>
      <c r="AL23" s="218">
        <v>35</v>
      </c>
      <c r="AM23" s="218">
        <v>52</v>
      </c>
      <c r="AN23" s="219">
        <v>19</v>
      </c>
      <c r="AO23" s="240">
        <v>158</v>
      </c>
      <c r="AP23" s="221">
        <v>158</v>
      </c>
      <c r="AQ23" s="222">
        <v>0</v>
      </c>
      <c r="AR23" s="219">
        <v>0</v>
      </c>
      <c r="AS23" s="240">
        <v>0</v>
      </c>
      <c r="AT23" s="220">
        <v>16</v>
      </c>
      <c r="AU23" s="218">
        <v>35</v>
      </c>
      <c r="AV23" s="218">
        <v>35</v>
      </c>
      <c r="AW23" s="218">
        <v>52</v>
      </c>
      <c r="AX23" s="219">
        <v>19</v>
      </c>
      <c r="AY23" s="240">
        <v>157</v>
      </c>
      <c r="AZ23" s="241">
        <v>157</v>
      </c>
      <c r="BA23" s="217">
        <v>0</v>
      </c>
      <c r="BB23" s="219">
        <v>0</v>
      </c>
      <c r="BC23" s="219">
        <v>0</v>
      </c>
      <c r="BD23" s="220">
        <v>1</v>
      </c>
      <c r="BE23" s="218">
        <v>0</v>
      </c>
      <c r="BF23" s="218">
        <v>0</v>
      </c>
      <c r="BG23" s="218">
        <v>0</v>
      </c>
      <c r="BH23" s="219">
        <v>0</v>
      </c>
      <c r="BI23" s="240">
        <v>1</v>
      </c>
      <c r="BJ23" s="242">
        <v>1</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0</v>
      </c>
      <c r="CU23" s="218">
        <v>5</v>
      </c>
      <c r="CV23" s="219">
        <v>3</v>
      </c>
      <c r="CW23" s="240">
        <v>8</v>
      </c>
      <c r="CX23" s="241">
        <v>8</v>
      </c>
      <c r="CY23" s="217">
        <v>0</v>
      </c>
      <c r="CZ23" s="219">
        <v>0</v>
      </c>
      <c r="DA23" s="219">
        <v>0</v>
      </c>
      <c r="DB23" s="220">
        <v>0</v>
      </c>
      <c r="DC23" s="218">
        <v>0</v>
      </c>
      <c r="DD23" s="218">
        <v>0</v>
      </c>
      <c r="DE23" s="218">
        <v>5</v>
      </c>
      <c r="DF23" s="219">
        <v>3</v>
      </c>
      <c r="DG23" s="240">
        <v>8</v>
      </c>
      <c r="DH23" s="242">
        <v>8</v>
      </c>
      <c r="DI23" s="222">
        <v>0</v>
      </c>
      <c r="DJ23" s="219">
        <v>0</v>
      </c>
      <c r="DK23" s="219">
        <v>0</v>
      </c>
      <c r="DL23" s="220">
        <v>0</v>
      </c>
      <c r="DM23" s="218">
        <v>0</v>
      </c>
      <c r="DN23" s="218">
        <v>0</v>
      </c>
      <c r="DO23" s="218">
        <v>0</v>
      </c>
      <c r="DP23" s="219">
        <v>0</v>
      </c>
      <c r="DQ23" s="240">
        <v>0</v>
      </c>
      <c r="DR23" s="242">
        <v>0</v>
      </c>
      <c r="DS23" s="222">
        <v>0</v>
      </c>
      <c r="DT23" s="219">
        <v>0</v>
      </c>
      <c r="DU23" s="219">
        <v>0</v>
      </c>
      <c r="DV23" s="220">
        <v>20</v>
      </c>
      <c r="DW23" s="218">
        <v>56</v>
      </c>
      <c r="DX23" s="218">
        <v>151</v>
      </c>
      <c r="DY23" s="218">
        <v>248</v>
      </c>
      <c r="DZ23" s="219">
        <v>121</v>
      </c>
      <c r="EA23" s="240">
        <v>596</v>
      </c>
      <c r="EB23" s="242">
        <v>596</v>
      </c>
      <c r="EC23" s="239"/>
    </row>
    <row r="24" spans="2:133" ht="21" customHeight="1" x14ac:dyDescent="0.2">
      <c r="B24" s="106" t="s">
        <v>21</v>
      </c>
      <c r="C24" s="217">
        <v>0</v>
      </c>
      <c r="D24" s="219">
        <v>0</v>
      </c>
      <c r="E24" s="219">
        <v>0</v>
      </c>
      <c r="F24" s="220">
        <v>6</v>
      </c>
      <c r="G24" s="218">
        <v>13</v>
      </c>
      <c r="H24" s="218">
        <v>175</v>
      </c>
      <c r="I24" s="218">
        <v>200</v>
      </c>
      <c r="J24" s="219">
        <v>138</v>
      </c>
      <c r="K24" s="240">
        <v>532</v>
      </c>
      <c r="L24" s="241">
        <v>532</v>
      </c>
      <c r="M24" s="217">
        <v>0</v>
      </c>
      <c r="N24" s="219">
        <v>0</v>
      </c>
      <c r="O24" s="240">
        <v>0</v>
      </c>
      <c r="P24" s="220">
        <v>5</v>
      </c>
      <c r="Q24" s="218">
        <v>13</v>
      </c>
      <c r="R24" s="218">
        <v>175</v>
      </c>
      <c r="S24" s="218">
        <v>200</v>
      </c>
      <c r="T24" s="219">
        <v>137</v>
      </c>
      <c r="U24" s="240">
        <v>530</v>
      </c>
      <c r="V24" s="242">
        <v>530</v>
      </c>
      <c r="W24" s="222">
        <v>0</v>
      </c>
      <c r="X24" s="219">
        <v>0</v>
      </c>
      <c r="Y24" s="240">
        <v>0</v>
      </c>
      <c r="Z24" s="222">
        <v>1</v>
      </c>
      <c r="AA24" s="218">
        <v>0</v>
      </c>
      <c r="AB24" s="218">
        <v>0</v>
      </c>
      <c r="AC24" s="218">
        <v>0</v>
      </c>
      <c r="AD24" s="219">
        <v>1</v>
      </c>
      <c r="AE24" s="240">
        <v>2</v>
      </c>
      <c r="AF24" s="221">
        <v>2</v>
      </c>
      <c r="AG24" s="222">
        <v>0</v>
      </c>
      <c r="AH24" s="219">
        <v>0</v>
      </c>
      <c r="AI24" s="240">
        <v>0</v>
      </c>
      <c r="AJ24" s="222">
        <v>17</v>
      </c>
      <c r="AK24" s="218">
        <v>31</v>
      </c>
      <c r="AL24" s="218">
        <v>35</v>
      </c>
      <c r="AM24" s="218">
        <v>46</v>
      </c>
      <c r="AN24" s="219">
        <v>20</v>
      </c>
      <c r="AO24" s="240">
        <v>149</v>
      </c>
      <c r="AP24" s="221">
        <v>149</v>
      </c>
      <c r="AQ24" s="222">
        <v>0</v>
      </c>
      <c r="AR24" s="219">
        <v>0</v>
      </c>
      <c r="AS24" s="240">
        <v>0</v>
      </c>
      <c r="AT24" s="220">
        <v>17</v>
      </c>
      <c r="AU24" s="218">
        <v>31</v>
      </c>
      <c r="AV24" s="218">
        <v>33</v>
      </c>
      <c r="AW24" s="218">
        <v>43</v>
      </c>
      <c r="AX24" s="219">
        <v>19</v>
      </c>
      <c r="AY24" s="240">
        <v>143</v>
      </c>
      <c r="AZ24" s="241">
        <v>143</v>
      </c>
      <c r="BA24" s="217">
        <v>0</v>
      </c>
      <c r="BB24" s="219">
        <v>0</v>
      </c>
      <c r="BC24" s="219">
        <v>0</v>
      </c>
      <c r="BD24" s="220">
        <v>0</v>
      </c>
      <c r="BE24" s="218">
        <v>0</v>
      </c>
      <c r="BF24" s="218">
        <v>2</v>
      </c>
      <c r="BG24" s="218">
        <v>3</v>
      </c>
      <c r="BH24" s="219">
        <v>1</v>
      </c>
      <c r="BI24" s="240">
        <v>6</v>
      </c>
      <c r="BJ24" s="242">
        <v>6</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1</v>
      </c>
      <c r="CT24" s="218">
        <v>1</v>
      </c>
      <c r="CU24" s="218">
        <v>12</v>
      </c>
      <c r="CV24" s="219">
        <v>18</v>
      </c>
      <c r="CW24" s="240">
        <v>32</v>
      </c>
      <c r="CX24" s="241">
        <v>32</v>
      </c>
      <c r="CY24" s="217">
        <v>0</v>
      </c>
      <c r="CZ24" s="219">
        <v>0</v>
      </c>
      <c r="DA24" s="219">
        <v>0</v>
      </c>
      <c r="DB24" s="220">
        <v>0</v>
      </c>
      <c r="DC24" s="218">
        <v>1</v>
      </c>
      <c r="DD24" s="218">
        <v>1</v>
      </c>
      <c r="DE24" s="218">
        <v>12</v>
      </c>
      <c r="DF24" s="219">
        <v>18</v>
      </c>
      <c r="DG24" s="240">
        <v>32</v>
      </c>
      <c r="DH24" s="242">
        <v>32</v>
      </c>
      <c r="DI24" s="222">
        <v>0</v>
      </c>
      <c r="DJ24" s="219">
        <v>0</v>
      </c>
      <c r="DK24" s="219">
        <v>0</v>
      </c>
      <c r="DL24" s="220">
        <v>0</v>
      </c>
      <c r="DM24" s="218">
        <v>0</v>
      </c>
      <c r="DN24" s="218">
        <v>0</v>
      </c>
      <c r="DO24" s="218">
        <v>0</v>
      </c>
      <c r="DP24" s="219">
        <v>0</v>
      </c>
      <c r="DQ24" s="240">
        <v>0</v>
      </c>
      <c r="DR24" s="242">
        <v>0</v>
      </c>
      <c r="DS24" s="222">
        <v>0</v>
      </c>
      <c r="DT24" s="219">
        <v>0</v>
      </c>
      <c r="DU24" s="219">
        <v>0</v>
      </c>
      <c r="DV24" s="220">
        <v>23</v>
      </c>
      <c r="DW24" s="218">
        <v>45</v>
      </c>
      <c r="DX24" s="218">
        <v>211</v>
      </c>
      <c r="DY24" s="218">
        <v>258</v>
      </c>
      <c r="DZ24" s="219">
        <v>176</v>
      </c>
      <c r="EA24" s="240">
        <v>713</v>
      </c>
      <c r="EB24" s="242">
        <v>713</v>
      </c>
      <c r="EC24" s="239"/>
    </row>
    <row r="25" spans="2:133" ht="21" customHeight="1" x14ac:dyDescent="0.2">
      <c r="B25" s="106" t="s">
        <v>22</v>
      </c>
      <c r="C25" s="217">
        <v>0</v>
      </c>
      <c r="D25" s="219">
        <v>0</v>
      </c>
      <c r="E25" s="219">
        <v>0</v>
      </c>
      <c r="F25" s="220">
        <v>2</v>
      </c>
      <c r="G25" s="218">
        <v>6</v>
      </c>
      <c r="H25" s="218">
        <v>50</v>
      </c>
      <c r="I25" s="218">
        <v>64</v>
      </c>
      <c r="J25" s="219">
        <v>34</v>
      </c>
      <c r="K25" s="240">
        <v>156</v>
      </c>
      <c r="L25" s="241">
        <v>156</v>
      </c>
      <c r="M25" s="217">
        <v>0</v>
      </c>
      <c r="N25" s="219">
        <v>0</v>
      </c>
      <c r="O25" s="240">
        <v>0</v>
      </c>
      <c r="P25" s="220">
        <v>2</v>
      </c>
      <c r="Q25" s="218">
        <v>6</v>
      </c>
      <c r="R25" s="218">
        <v>50</v>
      </c>
      <c r="S25" s="218">
        <v>64</v>
      </c>
      <c r="T25" s="219">
        <v>34</v>
      </c>
      <c r="U25" s="240">
        <v>156</v>
      </c>
      <c r="V25" s="242">
        <v>156</v>
      </c>
      <c r="W25" s="222">
        <v>0</v>
      </c>
      <c r="X25" s="219">
        <v>0</v>
      </c>
      <c r="Y25" s="240">
        <v>0</v>
      </c>
      <c r="Z25" s="222">
        <v>0</v>
      </c>
      <c r="AA25" s="218">
        <v>0</v>
      </c>
      <c r="AB25" s="218">
        <v>0</v>
      </c>
      <c r="AC25" s="218">
        <v>0</v>
      </c>
      <c r="AD25" s="219">
        <v>0</v>
      </c>
      <c r="AE25" s="240">
        <v>0</v>
      </c>
      <c r="AF25" s="221">
        <v>0</v>
      </c>
      <c r="AG25" s="222">
        <v>0</v>
      </c>
      <c r="AH25" s="219">
        <v>0</v>
      </c>
      <c r="AI25" s="240">
        <v>0</v>
      </c>
      <c r="AJ25" s="222">
        <v>8</v>
      </c>
      <c r="AK25" s="218">
        <v>21</v>
      </c>
      <c r="AL25" s="218">
        <v>29</v>
      </c>
      <c r="AM25" s="218">
        <v>48</v>
      </c>
      <c r="AN25" s="219">
        <v>19</v>
      </c>
      <c r="AO25" s="240">
        <v>125</v>
      </c>
      <c r="AP25" s="221">
        <v>125</v>
      </c>
      <c r="AQ25" s="222">
        <v>0</v>
      </c>
      <c r="AR25" s="219">
        <v>0</v>
      </c>
      <c r="AS25" s="240">
        <v>0</v>
      </c>
      <c r="AT25" s="220">
        <v>8</v>
      </c>
      <c r="AU25" s="218">
        <v>21</v>
      </c>
      <c r="AV25" s="218">
        <v>29</v>
      </c>
      <c r="AW25" s="218">
        <v>47</v>
      </c>
      <c r="AX25" s="219">
        <v>19</v>
      </c>
      <c r="AY25" s="240">
        <v>124</v>
      </c>
      <c r="AZ25" s="241">
        <v>124</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6</v>
      </c>
      <c r="CV25" s="219">
        <v>3</v>
      </c>
      <c r="CW25" s="240">
        <v>10</v>
      </c>
      <c r="CX25" s="241">
        <v>10</v>
      </c>
      <c r="CY25" s="217">
        <v>0</v>
      </c>
      <c r="CZ25" s="219">
        <v>0</v>
      </c>
      <c r="DA25" s="219">
        <v>0</v>
      </c>
      <c r="DB25" s="220">
        <v>0</v>
      </c>
      <c r="DC25" s="218">
        <v>0</v>
      </c>
      <c r="DD25" s="218">
        <v>1</v>
      </c>
      <c r="DE25" s="218">
        <v>6</v>
      </c>
      <c r="DF25" s="219">
        <v>1</v>
      </c>
      <c r="DG25" s="240">
        <v>8</v>
      </c>
      <c r="DH25" s="242">
        <v>8</v>
      </c>
      <c r="DI25" s="222">
        <v>0</v>
      </c>
      <c r="DJ25" s="219">
        <v>0</v>
      </c>
      <c r="DK25" s="219">
        <v>0</v>
      </c>
      <c r="DL25" s="220">
        <v>0</v>
      </c>
      <c r="DM25" s="218">
        <v>0</v>
      </c>
      <c r="DN25" s="218">
        <v>0</v>
      </c>
      <c r="DO25" s="218">
        <v>0</v>
      </c>
      <c r="DP25" s="219">
        <v>2</v>
      </c>
      <c r="DQ25" s="240">
        <v>2</v>
      </c>
      <c r="DR25" s="242">
        <v>2</v>
      </c>
      <c r="DS25" s="222">
        <v>0</v>
      </c>
      <c r="DT25" s="219">
        <v>0</v>
      </c>
      <c r="DU25" s="219">
        <v>0</v>
      </c>
      <c r="DV25" s="220">
        <v>10</v>
      </c>
      <c r="DW25" s="218">
        <v>27</v>
      </c>
      <c r="DX25" s="218">
        <v>80</v>
      </c>
      <c r="DY25" s="218">
        <v>118</v>
      </c>
      <c r="DZ25" s="219">
        <v>56</v>
      </c>
      <c r="EA25" s="240">
        <v>291</v>
      </c>
      <c r="EB25" s="242">
        <v>291</v>
      </c>
      <c r="EC25" s="239"/>
    </row>
    <row r="26" spans="2:133" ht="21" customHeight="1" x14ac:dyDescent="0.2">
      <c r="B26" s="106" t="s">
        <v>23</v>
      </c>
      <c r="C26" s="217">
        <v>0</v>
      </c>
      <c r="D26" s="219">
        <v>0</v>
      </c>
      <c r="E26" s="219">
        <v>0</v>
      </c>
      <c r="F26" s="220">
        <v>3</v>
      </c>
      <c r="G26" s="218">
        <v>13</v>
      </c>
      <c r="H26" s="218">
        <v>97</v>
      </c>
      <c r="I26" s="218">
        <v>143</v>
      </c>
      <c r="J26" s="219">
        <v>98</v>
      </c>
      <c r="K26" s="240">
        <v>354</v>
      </c>
      <c r="L26" s="241">
        <v>354</v>
      </c>
      <c r="M26" s="217">
        <v>0</v>
      </c>
      <c r="N26" s="219">
        <v>0</v>
      </c>
      <c r="O26" s="240">
        <v>0</v>
      </c>
      <c r="P26" s="220">
        <v>3</v>
      </c>
      <c r="Q26" s="218">
        <v>13</v>
      </c>
      <c r="R26" s="218">
        <v>97</v>
      </c>
      <c r="S26" s="218">
        <v>141</v>
      </c>
      <c r="T26" s="219">
        <v>98</v>
      </c>
      <c r="U26" s="240">
        <v>352</v>
      </c>
      <c r="V26" s="242">
        <v>352</v>
      </c>
      <c r="W26" s="222">
        <v>0</v>
      </c>
      <c r="X26" s="219">
        <v>0</v>
      </c>
      <c r="Y26" s="240">
        <v>0</v>
      </c>
      <c r="Z26" s="222">
        <v>0</v>
      </c>
      <c r="AA26" s="218">
        <v>0</v>
      </c>
      <c r="AB26" s="218">
        <v>0</v>
      </c>
      <c r="AC26" s="218">
        <v>2</v>
      </c>
      <c r="AD26" s="219">
        <v>0</v>
      </c>
      <c r="AE26" s="240">
        <v>2</v>
      </c>
      <c r="AF26" s="221">
        <v>2</v>
      </c>
      <c r="AG26" s="222">
        <v>0</v>
      </c>
      <c r="AH26" s="219">
        <v>0</v>
      </c>
      <c r="AI26" s="240">
        <v>0</v>
      </c>
      <c r="AJ26" s="222">
        <v>16</v>
      </c>
      <c r="AK26" s="218">
        <v>26</v>
      </c>
      <c r="AL26" s="218">
        <v>41</v>
      </c>
      <c r="AM26" s="218">
        <v>59</v>
      </c>
      <c r="AN26" s="219">
        <v>29</v>
      </c>
      <c r="AO26" s="240">
        <v>171</v>
      </c>
      <c r="AP26" s="221">
        <v>171</v>
      </c>
      <c r="AQ26" s="222">
        <v>0</v>
      </c>
      <c r="AR26" s="219">
        <v>0</v>
      </c>
      <c r="AS26" s="240">
        <v>0</v>
      </c>
      <c r="AT26" s="220">
        <v>16</v>
      </c>
      <c r="AU26" s="218">
        <v>26</v>
      </c>
      <c r="AV26" s="218">
        <v>41</v>
      </c>
      <c r="AW26" s="218">
        <v>59</v>
      </c>
      <c r="AX26" s="219">
        <v>28</v>
      </c>
      <c r="AY26" s="240">
        <v>170</v>
      </c>
      <c r="AZ26" s="241">
        <v>170</v>
      </c>
      <c r="BA26" s="217">
        <v>0</v>
      </c>
      <c r="BB26" s="219">
        <v>0</v>
      </c>
      <c r="BC26" s="219">
        <v>0</v>
      </c>
      <c r="BD26" s="220">
        <v>0</v>
      </c>
      <c r="BE26" s="218">
        <v>0</v>
      </c>
      <c r="BF26" s="218">
        <v>0</v>
      </c>
      <c r="BG26" s="218">
        <v>0</v>
      </c>
      <c r="BH26" s="219">
        <v>1</v>
      </c>
      <c r="BI26" s="240">
        <v>1</v>
      </c>
      <c r="BJ26" s="242">
        <v>1</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10</v>
      </c>
      <c r="CW26" s="240">
        <v>14</v>
      </c>
      <c r="CX26" s="241">
        <v>14</v>
      </c>
      <c r="CY26" s="217">
        <v>0</v>
      </c>
      <c r="CZ26" s="219">
        <v>0</v>
      </c>
      <c r="DA26" s="219">
        <v>0</v>
      </c>
      <c r="DB26" s="220">
        <v>0</v>
      </c>
      <c r="DC26" s="218">
        <v>0</v>
      </c>
      <c r="DD26" s="218">
        <v>0</v>
      </c>
      <c r="DE26" s="218">
        <v>4</v>
      </c>
      <c r="DF26" s="219">
        <v>10</v>
      </c>
      <c r="DG26" s="240">
        <v>14</v>
      </c>
      <c r="DH26" s="242">
        <v>14</v>
      </c>
      <c r="DI26" s="222">
        <v>0</v>
      </c>
      <c r="DJ26" s="219">
        <v>0</v>
      </c>
      <c r="DK26" s="219">
        <v>0</v>
      </c>
      <c r="DL26" s="220">
        <v>0</v>
      </c>
      <c r="DM26" s="218">
        <v>0</v>
      </c>
      <c r="DN26" s="218">
        <v>0</v>
      </c>
      <c r="DO26" s="218">
        <v>0</v>
      </c>
      <c r="DP26" s="219">
        <v>0</v>
      </c>
      <c r="DQ26" s="240">
        <v>0</v>
      </c>
      <c r="DR26" s="242">
        <v>0</v>
      </c>
      <c r="DS26" s="222">
        <v>0</v>
      </c>
      <c r="DT26" s="219">
        <v>0</v>
      </c>
      <c r="DU26" s="219">
        <v>0</v>
      </c>
      <c r="DV26" s="220">
        <v>19</v>
      </c>
      <c r="DW26" s="218">
        <v>39</v>
      </c>
      <c r="DX26" s="218">
        <v>138</v>
      </c>
      <c r="DY26" s="218">
        <v>206</v>
      </c>
      <c r="DZ26" s="219">
        <v>137</v>
      </c>
      <c r="EA26" s="240">
        <v>539</v>
      </c>
      <c r="EB26" s="242">
        <v>539</v>
      </c>
      <c r="EC26" s="239"/>
    </row>
    <row r="27" spans="2:133" ht="21" customHeight="1" x14ac:dyDescent="0.2">
      <c r="B27" s="106" t="s">
        <v>24</v>
      </c>
      <c r="C27" s="217">
        <v>0</v>
      </c>
      <c r="D27" s="219">
        <v>0</v>
      </c>
      <c r="E27" s="219">
        <v>0</v>
      </c>
      <c r="F27" s="220">
        <v>1</v>
      </c>
      <c r="G27" s="218">
        <v>0</v>
      </c>
      <c r="H27" s="218">
        <v>27</v>
      </c>
      <c r="I27" s="218">
        <v>91</v>
      </c>
      <c r="J27" s="219">
        <v>50</v>
      </c>
      <c r="K27" s="240">
        <v>169</v>
      </c>
      <c r="L27" s="241">
        <v>169</v>
      </c>
      <c r="M27" s="217">
        <v>0</v>
      </c>
      <c r="N27" s="219">
        <v>0</v>
      </c>
      <c r="O27" s="240">
        <v>0</v>
      </c>
      <c r="P27" s="220">
        <v>1</v>
      </c>
      <c r="Q27" s="218">
        <v>0</v>
      </c>
      <c r="R27" s="218">
        <v>27</v>
      </c>
      <c r="S27" s="218">
        <v>91</v>
      </c>
      <c r="T27" s="219">
        <v>50</v>
      </c>
      <c r="U27" s="240">
        <v>169</v>
      </c>
      <c r="V27" s="242">
        <v>169</v>
      </c>
      <c r="W27" s="222">
        <v>0</v>
      </c>
      <c r="X27" s="219">
        <v>0</v>
      </c>
      <c r="Y27" s="240">
        <v>0</v>
      </c>
      <c r="Z27" s="222">
        <v>0</v>
      </c>
      <c r="AA27" s="218">
        <v>0</v>
      </c>
      <c r="AB27" s="218">
        <v>0</v>
      </c>
      <c r="AC27" s="218">
        <v>0</v>
      </c>
      <c r="AD27" s="219">
        <v>0</v>
      </c>
      <c r="AE27" s="240">
        <v>0</v>
      </c>
      <c r="AF27" s="221">
        <v>0</v>
      </c>
      <c r="AG27" s="222">
        <v>0</v>
      </c>
      <c r="AH27" s="219">
        <v>0</v>
      </c>
      <c r="AI27" s="240">
        <v>0</v>
      </c>
      <c r="AJ27" s="222">
        <v>12</v>
      </c>
      <c r="AK27" s="218">
        <v>8</v>
      </c>
      <c r="AL27" s="218">
        <v>26</v>
      </c>
      <c r="AM27" s="218">
        <v>35</v>
      </c>
      <c r="AN27" s="219">
        <v>7</v>
      </c>
      <c r="AO27" s="240">
        <v>88</v>
      </c>
      <c r="AP27" s="221">
        <v>88</v>
      </c>
      <c r="AQ27" s="222">
        <v>0</v>
      </c>
      <c r="AR27" s="219">
        <v>0</v>
      </c>
      <c r="AS27" s="240">
        <v>0</v>
      </c>
      <c r="AT27" s="220">
        <v>12</v>
      </c>
      <c r="AU27" s="218">
        <v>8</v>
      </c>
      <c r="AV27" s="218">
        <v>26</v>
      </c>
      <c r="AW27" s="218">
        <v>33</v>
      </c>
      <c r="AX27" s="219">
        <v>7</v>
      </c>
      <c r="AY27" s="240">
        <v>86</v>
      </c>
      <c r="AZ27" s="241">
        <v>86</v>
      </c>
      <c r="BA27" s="217">
        <v>0</v>
      </c>
      <c r="BB27" s="219">
        <v>0</v>
      </c>
      <c r="BC27" s="219">
        <v>0</v>
      </c>
      <c r="BD27" s="220">
        <v>0</v>
      </c>
      <c r="BE27" s="218">
        <v>0</v>
      </c>
      <c r="BF27" s="218">
        <v>0</v>
      </c>
      <c r="BG27" s="218">
        <v>2</v>
      </c>
      <c r="BH27" s="219">
        <v>0</v>
      </c>
      <c r="BI27" s="240">
        <v>2</v>
      </c>
      <c r="BJ27" s="242">
        <v>2</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0</v>
      </c>
      <c r="CW27" s="240">
        <v>0</v>
      </c>
      <c r="CX27" s="241">
        <v>0</v>
      </c>
      <c r="CY27" s="217">
        <v>0</v>
      </c>
      <c r="CZ27" s="219">
        <v>0</v>
      </c>
      <c r="DA27" s="219">
        <v>0</v>
      </c>
      <c r="DB27" s="220">
        <v>0</v>
      </c>
      <c r="DC27" s="218">
        <v>0</v>
      </c>
      <c r="DD27" s="218">
        <v>0</v>
      </c>
      <c r="DE27" s="218">
        <v>0</v>
      </c>
      <c r="DF27" s="219">
        <v>0</v>
      </c>
      <c r="DG27" s="240">
        <v>0</v>
      </c>
      <c r="DH27" s="242">
        <v>0</v>
      </c>
      <c r="DI27" s="222">
        <v>0</v>
      </c>
      <c r="DJ27" s="219">
        <v>0</v>
      </c>
      <c r="DK27" s="219">
        <v>0</v>
      </c>
      <c r="DL27" s="220">
        <v>0</v>
      </c>
      <c r="DM27" s="218">
        <v>0</v>
      </c>
      <c r="DN27" s="218">
        <v>0</v>
      </c>
      <c r="DO27" s="218">
        <v>0</v>
      </c>
      <c r="DP27" s="219">
        <v>0</v>
      </c>
      <c r="DQ27" s="240">
        <v>0</v>
      </c>
      <c r="DR27" s="242">
        <v>0</v>
      </c>
      <c r="DS27" s="222">
        <v>0</v>
      </c>
      <c r="DT27" s="219">
        <v>0</v>
      </c>
      <c r="DU27" s="219">
        <v>0</v>
      </c>
      <c r="DV27" s="220">
        <v>13</v>
      </c>
      <c r="DW27" s="218">
        <v>8</v>
      </c>
      <c r="DX27" s="218">
        <v>53</v>
      </c>
      <c r="DY27" s="218">
        <v>126</v>
      </c>
      <c r="DZ27" s="219">
        <v>56</v>
      </c>
      <c r="EA27" s="240">
        <v>256</v>
      </c>
      <c r="EB27" s="242">
        <v>256</v>
      </c>
      <c r="EC27" s="239"/>
    </row>
    <row r="28" spans="2:133" ht="21" customHeight="1" x14ac:dyDescent="0.2">
      <c r="B28" s="106" t="s">
        <v>25</v>
      </c>
      <c r="C28" s="217">
        <v>0</v>
      </c>
      <c r="D28" s="219">
        <v>0</v>
      </c>
      <c r="E28" s="219">
        <v>0</v>
      </c>
      <c r="F28" s="220">
        <v>1</v>
      </c>
      <c r="G28" s="218">
        <v>4</v>
      </c>
      <c r="H28" s="218">
        <v>57</v>
      </c>
      <c r="I28" s="218">
        <v>82</v>
      </c>
      <c r="J28" s="219">
        <v>49</v>
      </c>
      <c r="K28" s="240">
        <v>193</v>
      </c>
      <c r="L28" s="241">
        <v>193</v>
      </c>
      <c r="M28" s="217">
        <v>0</v>
      </c>
      <c r="N28" s="219">
        <v>0</v>
      </c>
      <c r="O28" s="240">
        <v>0</v>
      </c>
      <c r="P28" s="220">
        <v>1</v>
      </c>
      <c r="Q28" s="218">
        <v>4</v>
      </c>
      <c r="R28" s="218">
        <v>57</v>
      </c>
      <c r="S28" s="218">
        <v>81</v>
      </c>
      <c r="T28" s="219">
        <v>45</v>
      </c>
      <c r="U28" s="240">
        <v>188</v>
      </c>
      <c r="V28" s="242">
        <v>188</v>
      </c>
      <c r="W28" s="222">
        <v>0</v>
      </c>
      <c r="X28" s="219">
        <v>0</v>
      </c>
      <c r="Y28" s="240">
        <v>0</v>
      </c>
      <c r="Z28" s="222">
        <v>0</v>
      </c>
      <c r="AA28" s="218">
        <v>0</v>
      </c>
      <c r="AB28" s="218">
        <v>0</v>
      </c>
      <c r="AC28" s="218">
        <v>1</v>
      </c>
      <c r="AD28" s="219">
        <v>4</v>
      </c>
      <c r="AE28" s="240">
        <v>5</v>
      </c>
      <c r="AF28" s="221">
        <v>5</v>
      </c>
      <c r="AG28" s="222">
        <v>0</v>
      </c>
      <c r="AH28" s="219">
        <v>0</v>
      </c>
      <c r="AI28" s="240">
        <v>0</v>
      </c>
      <c r="AJ28" s="222">
        <v>9</v>
      </c>
      <c r="AK28" s="218">
        <v>33</v>
      </c>
      <c r="AL28" s="218">
        <v>17</v>
      </c>
      <c r="AM28" s="218">
        <v>49</v>
      </c>
      <c r="AN28" s="219">
        <v>16</v>
      </c>
      <c r="AO28" s="240">
        <v>124</v>
      </c>
      <c r="AP28" s="221">
        <v>124</v>
      </c>
      <c r="AQ28" s="222">
        <v>0</v>
      </c>
      <c r="AR28" s="219">
        <v>0</v>
      </c>
      <c r="AS28" s="240">
        <v>0</v>
      </c>
      <c r="AT28" s="220">
        <v>8</v>
      </c>
      <c r="AU28" s="218">
        <v>33</v>
      </c>
      <c r="AV28" s="218">
        <v>17</v>
      </c>
      <c r="AW28" s="218">
        <v>49</v>
      </c>
      <c r="AX28" s="219">
        <v>16</v>
      </c>
      <c r="AY28" s="240">
        <v>123</v>
      </c>
      <c r="AZ28" s="241">
        <v>123</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2</v>
      </c>
      <c r="CV28" s="219">
        <v>2</v>
      </c>
      <c r="CW28" s="240">
        <v>4</v>
      </c>
      <c r="CX28" s="241">
        <v>4</v>
      </c>
      <c r="CY28" s="217">
        <v>0</v>
      </c>
      <c r="CZ28" s="219">
        <v>0</v>
      </c>
      <c r="DA28" s="219">
        <v>0</v>
      </c>
      <c r="DB28" s="220">
        <v>0</v>
      </c>
      <c r="DC28" s="218">
        <v>0</v>
      </c>
      <c r="DD28" s="218">
        <v>0</v>
      </c>
      <c r="DE28" s="218">
        <v>2</v>
      </c>
      <c r="DF28" s="219">
        <v>2</v>
      </c>
      <c r="DG28" s="240">
        <v>4</v>
      </c>
      <c r="DH28" s="242">
        <v>4</v>
      </c>
      <c r="DI28" s="222">
        <v>0</v>
      </c>
      <c r="DJ28" s="219">
        <v>0</v>
      </c>
      <c r="DK28" s="219">
        <v>0</v>
      </c>
      <c r="DL28" s="220">
        <v>0</v>
      </c>
      <c r="DM28" s="218">
        <v>0</v>
      </c>
      <c r="DN28" s="218">
        <v>0</v>
      </c>
      <c r="DO28" s="218">
        <v>0</v>
      </c>
      <c r="DP28" s="219">
        <v>0</v>
      </c>
      <c r="DQ28" s="240">
        <v>0</v>
      </c>
      <c r="DR28" s="242">
        <v>0</v>
      </c>
      <c r="DS28" s="222">
        <v>0</v>
      </c>
      <c r="DT28" s="219">
        <v>0</v>
      </c>
      <c r="DU28" s="219">
        <v>0</v>
      </c>
      <c r="DV28" s="220">
        <v>10</v>
      </c>
      <c r="DW28" s="218">
        <v>37</v>
      </c>
      <c r="DX28" s="218">
        <v>74</v>
      </c>
      <c r="DY28" s="218">
        <v>130</v>
      </c>
      <c r="DZ28" s="219">
        <v>67</v>
      </c>
      <c r="EA28" s="240">
        <v>318</v>
      </c>
      <c r="EB28" s="242">
        <v>318</v>
      </c>
      <c r="EC28" s="239"/>
    </row>
    <row r="29" spans="2:133" ht="21" customHeight="1" x14ac:dyDescent="0.2">
      <c r="B29" s="106" t="s">
        <v>26</v>
      </c>
      <c r="C29" s="217">
        <v>0</v>
      </c>
      <c r="D29" s="219">
        <v>0</v>
      </c>
      <c r="E29" s="219">
        <v>0</v>
      </c>
      <c r="F29" s="220">
        <v>2</v>
      </c>
      <c r="G29" s="218">
        <v>3</v>
      </c>
      <c r="H29" s="218">
        <v>31</v>
      </c>
      <c r="I29" s="218">
        <v>63</v>
      </c>
      <c r="J29" s="219">
        <v>50</v>
      </c>
      <c r="K29" s="240">
        <v>149</v>
      </c>
      <c r="L29" s="241">
        <v>149</v>
      </c>
      <c r="M29" s="217">
        <v>0</v>
      </c>
      <c r="N29" s="219">
        <v>0</v>
      </c>
      <c r="O29" s="240">
        <v>0</v>
      </c>
      <c r="P29" s="220">
        <v>2</v>
      </c>
      <c r="Q29" s="218">
        <v>3</v>
      </c>
      <c r="R29" s="218">
        <v>31</v>
      </c>
      <c r="S29" s="218">
        <v>61</v>
      </c>
      <c r="T29" s="219">
        <v>50</v>
      </c>
      <c r="U29" s="240">
        <v>147</v>
      </c>
      <c r="V29" s="242">
        <v>147</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4</v>
      </c>
      <c r="AL29" s="218">
        <v>30</v>
      </c>
      <c r="AM29" s="218">
        <v>16</v>
      </c>
      <c r="AN29" s="219">
        <v>15</v>
      </c>
      <c r="AO29" s="240">
        <v>78</v>
      </c>
      <c r="AP29" s="221">
        <v>78</v>
      </c>
      <c r="AQ29" s="222">
        <v>0</v>
      </c>
      <c r="AR29" s="219">
        <v>0</v>
      </c>
      <c r="AS29" s="240">
        <v>0</v>
      </c>
      <c r="AT29" s="220">
        <v>3</v>
      </c>
      <c r="AU29" s="218">
        <v>13</v>
      </c>
      <c r="AV29" s="218">
        <v>30</v>
      </c>
      <c r="AW29" s="218">
        <v>15</v>
      </c>
      <c r="AX29" s="219">
        <v>15</v>
      </c>
      <c r="AY29" s="240">
        <v>76</v>
      </c>
      <c r="AZ29" s="241">
        <v>76</v>
      </c>
      <c r="BA29" s="217">
        <v>0</v>
      </c>
      <c r="BB29" s="219">
        <v>0</v>
      </c>
      <c r="BC29" s="219">
        <v>0</v>
      </c>
      <c r="BD29" s="220">
        <v>0</v>
      </c>
      <c r="BE29" s="218">
        <v>1</v>
      </c>
      <c r="BF29" s="218">
        <v>0</v>
      </c>
      <c r="BG29" s="218">
        <v>1</v>
      </c>
      <c r="BH29" s="219">
        <v>0</v>
      </c>
      <c r="BI29" s="240">
        <v>2</v>
      </c>
      <c r="BJ29" s="242">
        <v>2</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1</v>
      </c>
      <c r="CV29" s="219">
        <v>3</v>
      </c>
      <c r="CW29" s="240">
        <v>5</v>
      </c>
      <c r="CX29" s="241">
        <v>5</v>
      </c>
      <c r="CY29" s="217">
        <v>0</v>
      </c>
      <c r="CZ29" s="219">
        <v>0</v>
      </c>
      <c r="DA29" s="219">
        <v>0</v>
      </c>
      <c r="DB29" s="220">
        <v>0</v>
      </c>
      <c r="DC29" s="218">
        <v>0</v>
      </c>
      <c r="DD29" s="218">
        <v>1</v>
      </c>
      <c r="DE29" s="218">
        <v>1</v>
      </c>
      <c r="DF29" s="219">
        <v>3</v>
      </c>
      <c r="DG29" s="240">
        <v>5</v>
      </c>
      <c r="DH29" s="242">
        <v>5</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17</v>
      </c>
      <c r="DX29" s="218">
        <v>62</v>
      </c>
      <c r="DY29" s="218">
        <v>80</v>
      </c>
      <c r="DZ29" s="219">
        <v>68</v>
      </c>
      <c r="EA29" s="240">
        <v>232</v>
      </c>
      <c r="EB29" s="242">
        <v>232</v>
      </c>
      <c r="EC29" s="239"/>
    </row>
    <row r="30" spans="2:133" ht="21" customHeight="1" x14ac:dyDescent="0.2">
      <c r="B30" s="106" t="s">
        <v>27</v>
      </c>
      <c r="C30" s="217">
        <v>0</v>
      </c>
      <c r="D30" s="219">
        <v>0</v>
      </c>
      <c r="E30" s="219">
        <v>0</v>
      </c>
      <c r="F30" s="220">
        <v>2</v>
      </c>
      <c r="G30" s="218">
        <v>1</v>
      </c>
      <c r="H30" s="218">
        <v>30</v>
      </c>
      <c r="I30" s="218">
        <v>62</v>
      </c>
      <c r="J30" s="219">
        <v>39</v>
      </c>
      <c r="K30" s="240">
        <v>134</v>
      </c>
      <c r="L30" s="241">
        <v>134</v>
      </c>
      <c r="M30" s="217">
        <v>0</v>
      </c>
      <c r="N30" s="219">
        <v>0</v>
      </c>
      <c r="O30" s="240">
        <v>0</v>
      </c>
      <c r="P30" s="220">
        <v>2</v>
      </c>
      <c r="Q30" s="218">
        <v>1</v>
      </c>
      <c r="R30" s="218">
        <v>29</v>
      </c>
      <c r="S30" s="218">
        <v>61</v>
      </c>
      <c r="T30" s="219">
        <v>39</v>
      </c>
      <c r="U30" s="240">
        <v>132</v>
      </c>
      <c r="V30" s="242">
        <v>132</v>
      </c>
      <c r="W30" s="222">
        <v>0</v>
      </c>
      <c r="X30" s="219">
        <v>0</v>
      </c>
      <c r="Y30" s="240">
        <v>0</v>
      </c>
      <c r="Z30" s="222">
        <v>0</v>
      </c>
      <c r="AA30" s="218">
        <v>0</v>
      </c>
      <c r="AB30" s="218">
        <v>1</v>
      </c>
      <c r="AC30" s="218">
        <v>1</v>
      </c>
      <c r="AD30" s="219">
        <v>0</v>
      </c>
      <c r="AE30" s="240">
        <v>2</v>
      </c>
      <c r="AF30" s="221">
        <v>2</v>
      </c>
      <c r="AG30" s="222">
        <v>0</v>
      </c>
      <c r="AH30" s="219">
        <v>0</v>
      </c>
      <c r="AI30" s="240">
        <v>0</v>
      </c>
      <c r="AJ30" s="222">
        <v>8</v>
      </c>
      <c r="AK30" s="218">
        <v>17</v>
      </c>
      <c r="AL30" s="218">
        <v>15</v>
      </c>
      <c r="AM30" s="218">
        <v>24</v>
      </c>
      <c r="AN30" s="219">
        <v>15</v>
      </c>
      <c r="AO30" s="240">
        <v>79</v>
      </c>
      <c r="AP30" s="221">
        <v>79</v>
      </c>
      <c r="AQ30" s="222">
        <v>0</v>
      </c>
      <c r="AR30" s="219">
        <v>0</v>
      </c>
      <c r="AS30" s="240">
        <v>0</v>
      </c>
      <c r="AT30" s="220">
        <v>7</v>
      </c>
      <c r="AU30" s="218">
        <v>16</v>
      </c>
      <c r="AV30" s="218">
        <v>15</v>
      </c>
      <c r="AW30" s="218">
        <v>24</v>
      </c>
      <c r="AX30" s="219">
        <v>15</v>
      </c>
      <c r="AY30" s="240">
        <v>77</v>
      </c>
      <c r="AZ30" s="241">
        <v>77</v>
      </c>
      <c r="BA30" s="217">
        <v>0</v>
      </c>
      <c r="BB30" s="219">
        <v>0</v>
      </c>
      <c r="BC30" s="219">
        <v>0</v>
      </c>
      <c r="BD30" s="220">
        <v>1</v>
      </c>
      <c r="BE30" s="218">
        <v>1</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2</v>
      </c>
      <c r="CV30" s="219">
        <v>3</v>
      </c>
      <c r="CW30" s="240">
        <v>5</v>
      </c>
      <c r="CX30" s="241">
        <v>5</v>
      </c>
      <c r="CY30" s="217">
        <v>0</v>
      </c>
      <c r="CZ30" s="219">
        <v>0</v>
      </c>
      <c r="DA30" s="219">
        <v>0</v>
      </c>
      <c r="DB30" s="220">
        <v>0</v>
      </c>
      <c r="DC30" s="218">
        <v>0</v>
      </c>
      <c r="DD30" s="218">
        <v>0</v>
      </c>
      <c r="DE30" s="218">
        <v>1</v>
      </c>
      <c r="DF30" s="219">
        <v>3</v>
      </c>
      <c r="DG30" s="240">
        <v>4</v>
      </c>
      <c r="DH30" s="242">
        <v>4</v>
      </c>
      <c r="DI30" s="222">
        <v>0</v>
      </c>
      <c r="DJ30" s="219">
        <v>0</v>
      </c>
      <c r="DK30" s="219">
        <v>0</v>
      </c>
      <c r="DL30" s="220">
        <v>0</v>
      </c>
      <c r="DM30" s="218">
        <v>0</v>
      </c>
      <c r="DN30" s="218">
        <v>0</v>
      </c>
      <c r="DO30" s="218">
        <v>1</v>
      </c>
      <c r="DP30" s="219">
        <v>0</v>
      </c>
      <c r="DQ30" s="240">
        <v>1</v>
      </c>
      <c r="DR30" s="242">
        <v>1</v>
      </c>
      <c r="DS30" s="222">
        <v>0</v>
      </c>
      <c r="DT30" s="219">
        <v>0</v>
      </c>
      <c r="DU30" s="219">
        <v>0</v>
      </c>
      <c r="DV30" s="220">
        <v>10</v>
      </c>
      <c r="DW30" s="218">
        <v>18</v>
      </c>
      <c r="DX30" s="218">
        <v>45</v>
      </c>
      <c r="DY30" s="218">
        <v>88</v>
      </c>
      <c r="DZ30" s="219">
        <v>57</v>
      </c>
      <c r="EA30" s="240">
        <v>218</v>
      </c>
      <c r="EB30" s="242">
        <v>218</v>
      </c>
      <c r="EC30" s="239"/>
    </row>
    <row r="31" spans="2:133" ht="21" customHeight="1" x14ac:dyDescent="0.2">
      <c r="B31" s="106" t="s">
        <v>28</v>
      </c>
      <c r="C31" s="217">
        <v>0</v>
      </c>
      <c r="D31" s="219">
        <v>0</v>
      </c>
      <c r="E31" s="219">
        <v>0</v>
      </c>
      <c r="F31" s="220">
        <v>0</v>
      </c>
      <c r="G31" s="218">
        <v>1</v>
      </c>
      <c r="H31" s="218">
        <v>13</v>
      </c>
      <c r="I31" s="218">
        <v>20</v>
      </c>
      <c r="J31" s="219">
        <v>17</v>
      </c>
      <c r="K31" s="240">
        <v>51</v>
      </c>
      <c r="L31" s="241">
        <v>51</v>
      </c>
      <c r="M31" s="217">
        <v>0</v>
      </c>
      <c r="N31" s="219">
        <v>0</v>
      </c>
      <c r="O31" s="240">
        <v>0</v>
      </c>
      <c r="P31" s="220">
        <v>0</v>
      </c>
      <c r="Q31" s="218">
        <v>1</v>
      </c>
      <c r="R31" s="218">
        <v>13</v>
      </c>
      <c r="S31" s="218">
        <v>20</v>
      </c>
      <c r="T31" s="219">
        <v>16</v>
      </c>
      <c r="U31" s="240">
        <v>50</v>
      </c>
      <c r="V31" s="242">
        <v>50</v>
      </c>
      <c r="W31" s="222">
        <v>0</v>
      </c>
      <c r="X31" s="219">
        <v>0</v>
      </c>
      <c r="Y31" s="240">
        <v>0</v>
      </c>
      <c r="Z31" s="222">
        <v>0</v>
      </c>
      <c r="AA31" s="218">
        <v>0</v>
      </c>
      <c r="AB31" s="218">
        <v>0</v>
      </c>
      <c r="AC31" s="218">
        <v>0</v>
      </c>
      <c r="AD31" s="219">
        <v>1</v>
      </c>
      <c r="AE31" s="240">
        <v>1</v>
      </c>
      <c r="AF31" s="221">
        <v>1</v>
      </c>
      <c r="AG31" s="222">
        <v>0</v>
      </c>
      <c r="AH31" s="219">
        <v>0</v>
      </c>
      <c r="AI31" s="240">
        <v>0</v>
      </c>
      <c r="AJ31" s="222">
        <v>4</v>
      </c>
      <c r="AK31" s="218">
        <v>8</v>
      </c>
      <c r="AL31" s="218">
        <v>9</v>
      </c>
      <c r="AM31" s="218">
        <v>6</v>
      </c>
      <c r="AN31" s="219">
        <v>4</v>
      </c>
      <c r="AO31" s="240">
        <v>31</v>
      </c>
      <c r="AP31" s="221">
        <v>31</v>
      </c>
      <c r="AQ31" s="222">
        <v>0</v>
      </c>
      <c r="AR31" s="219">
        <v>0</v>
      </c>
      <c r="AS31" s="240">
        <v>0</v>
      </c>
      <c r="AT31" s="220">
        <v>4</v>
      </c>
      <c r="AU31" s="218">
        <v>8</v>
      </c>
      <c r="AV31" s="218">
        <v>9</v>
      </c>
      <c r="AW31" s="218">
        <v>6</v>
      </c>
      <c r="AX31" s="219">
        <v>4</v>
      </c>
      <c r="AY31" s="240">
        <v>31</v>
      </c>
      <c r="AZ31" s="241">
        <v>31</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0</v>
      </c>
      <c r="CV31" s="219">
        <v>0</v>
      </c>
      <c r="CW31" s="240">
        <v>0</v>
      </c>
      <c r="CX31" s="241">
        <v>0</v>
      </c>
      <c r="CY31" s="217">
        <v>0</v>
      </c>
      <c r="CZ31" s="219">
        <v>0</v>
      </c>
      <c r="DA31" s="219">
        <v>0</v>
      </c>
      <c r="DB31" s="220">
        <v>0</v>
      </c>
      <c r="DC31" s="218">
        <v>0</v>
      </c>
      <c r="DD31" s="218">
        <v>0</v>
      </c>
      <c r="DE31" s="218">
        <v>0</v>
      </c>
      <c r="DF31" s="219">
        <v>0</v>
      </c>
      <c r="DG31" s="240">
        <v>0</v>
      </c>
      <c r="DH31" s="242">
        <v>0</v>
      </c>
      <c r="DI31" s="222">
        <v>0</v>
      </c>
      <c r="DJ31" s="219">
        <v>0</v>
      </c>
      <c r="DK31" s="219">
        <v>0</v>
      </c>
      <c r="DL31" s="220">
        <v>0</v>
      </c>
      <c r="DM31" s="218">
        <v>0</v>
      </c>
      <c r="DN31" s="218">
        <v>0</v>
      </c>
      <c r="DO31" s="218">
        <v>0</v>
      </c>
      <c r="DP31" s="219">
        <v>0</v>
      </c>
      <c r="DQ31" s="240">
        <v>0</v>
      </c>
      <c r="DR31" s="242">
        <v>0</v>
      </c>
      <c r="DS31" s="222">
        <v>0</v>
      </c>
      <c r="DT31" s="219">
        <v>0</v>
      </c>
      <c r="DU31" s="219">
        <v>0</v>
      </c>
      <c r="DV31" s="220">
        <v>4</v>
      </c>
      <c r="DW31" s="218">
        <v>9</v>
      </c>
      <c r="DX31" s="218">
        <v>22</v>
      </c>
      <c r="DY31" s="218">
        <v>26</v>
      </c>
      <c r="DZ31" s="219">
        <v>21</v>
      </c>
      <c r="EA31" s="240">
        <v>82</v>
      </c>
      <c r="EB31" s="242">
        <v>82</v>
      </c>
      <c r="EC31" s="239"/>
    </row>
    <row r="32" spans="2:133" ht="21" customHeight="1" x14ac:dyDescent="0.2">
      <c r="B32" s="106" t="s">
        <v>29</v>
      </c>
      <c r="C32" s="217">
        <v>0</v>
      </c>
      <c r="D32" s="219">
        <v>0</v>
      </c>
      <c r="E32" s="219">
        <v>0</v>
      </c>
      <c r="F32" s="220">
        <v>0</v>
      </c>
      <c r="G32" s="218">
        <v>2</v>
      </c>
      <c r="H32" s="218">
        <v>11</v>
      </c>
      <c r="I32" s="218">
        <v>28</v>
      </c>
      <c r="J32" s="219">
        <v>19</v>
      </c>
      <c r="K32" s="240">
        <v>60</v>
      </c>
      <c r="L32" s="241">
        <v>60</v>
      </c>
      <c r="M32" s="217">
        <v>0</v>
      </c>
      <c r="N32" s="219">
        <v>0</v>
      </c>
      <c r="O32" s="240">
        <v>0</v>
      </c>
      <c r="P32" s="220">
        <v>0</v>
      </c>
      <c r="Q32" s="218">
        <v>2</v>
      </c>
      <c r="R32" s="218">
        <v>11</v>
      </c>
      <c r="S32" s="218">
        <v>28</v>
      </c>
      <c r="T32" s="219">
        <v>19</v>
      </c>
      <c r="U32" s="240">
        <v>60</v>
      </c>
      <c r="V32" s="242">
        <v>60</v>
      </c>
      <c r="W32" s="222">
        <v>0</v>
      </c>
      <c r="X32" s="219">
        <v>0</v>
      </c>
      <c r="Y32" s="240">
        <v>0</v>
      </c>
      <c r="Z32" s="222">
        <v>0</v>
      </c>
      <c r="AA32" s="218">
        <v>0</v>
      </c>
      <c r="AB32" s="218">
        <v>0</v>
      </c>
      <c r="AC32" s="218">
        <v>0</v>
      </c>
      <c r="AD32" s="219">
        <v>0</v>
      </c>
      <c r="AE32" s="240">
        <v>0</v>
      </c>
      <c r="AF32" s="221">
        <v>0</v>
      </c>
      <c r="AG32" s="222">
        <v>0</v>
      </c>
      <c r="AH32" s="219">
        <v>0</v>
      </c>
      <c r="AI32" s="240">
        <v>0</v>
      </c>
      <c r="AJ32" s="222">
        <v>5</v>
      </c>
      <c r="AK32" s="218">
        <v>5</v>
      </c>
      <c r="AL32" s="218">
        <v>8</v>
      </c>
      <c r="AM32" s="218">
        <v>14</v>
      </c>
      <c r="AN32" s="219">
        <v>12</v>
      </c>
      <c r="AO32" s="240">
        <v>44</v>
      </c>
      <c r="AP32" s="221">
        <v>44</v>
      </c>
      <c r="AQ32" s="222">
        <v>0</v>
      </c>
      <c r="AR32" s="219">
        <v>0</v>
      </c>
      <c r="AS32" s="240">
        <v>0</v>
      </c>
      <c r="AT32" s="220">
        <v>5</v>
      </c>
      <c r="AU32" s="218">
        <v>5</v>
      </c>
      <c r="AV32" s="218">
        <v>8</v>
      </c>
      <c r="AW32" s="218">
        <v>14</v>
      </c>
      <c r="AX32" s="219">
        <v>11</v>
      </c>
      <c r="AY32" s="240">
        <v>43</v>
      </c>
      <c r="AZ32" s="241">
        <v>43</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5</v>
      </c>
      <c r="DW32" s="218">
        <v>7</v>
      </c>
      <c r="DX32" s="218">
        <v>19</v>
      </c>
      <c r="DY32" s="218">
        <v>42</v>
      </c>
      <c r="DZ32" s="219">
        <v>31</v>
      </c>
      <c r="EA32" s="240">
        <v>104</v>
      </c>
      <c r="EB32" s="242">
        <v>104</v>
      </c>
      <c r="EC32" s="239"/>
    </row>
    <row r="33" spans="2:133" ht="21" customHeight="1" x14ac:dyDescent="0.2">
      <c r="B33" s="106" t="s">
        <v>30</v>
      </c>
      <c r="C33" s="217">
        <v>0</v>
      </c>
      <c r="D33" s="219">
        <v>0</v>
      </c>
      <c r="E33" s="219">
        <v>0</v>
      </c>
      <c r="F33" s="220">
        <v>0</v>
      </c>
      <c r="G33" s="218">
        <v>4</v>
      </c>
      <c r="H33" s="218">
        <v>22</v>
      </c>
      <c r="I33" s="218">
        <v>31</v>
      </c>
      <c r="J33" s="219">
        <v>20</v>
      </c>
      <c r="K33" s="240">
        <v>77</v>
      </c>
      <c r="L33" s="241">
        <v>77</v>
      </c>
      <c r="M33" s="217">
        <v>0</v>
      </c>
      <c r="N33" s="219">
        <v>0</v>
      </c>
      <c r="O33" s="240">
        <v>0</v>
      </c>
      <c r="P33" s="220">
        <v>0</v>
      </c>
      <c r="Q33" s="218">
        <v>4</v>
      </c>
      <c r="R33" s="218">
        <v>22</v>
      </c>
      <c r="S33" s="218">
        <v>31</v>
      </c>
      <c r="T33" s="219">
        <v>20</v>
      </c>
      <c r="U33" s="240">
        <v>77</v>
      </c>
      <c r="V33" s="242">
        <v>77</v>
      </c>
      <c r="W33" s="222">
        <v>0</v>
      </c>
      <c r="X33" s="219">
        <v>0</v>
      </c>
      <c r="Y33" s="240">
        <v>0</v>
      </c>
      <c r="Z33" s="222">
        <v>0</v>
      </c>
      <c r="AA33" s="218">
        <v>0</v>
      </c>
      <c r="AB33" s="218">
        <v>0</v>
      </c>
      <c r="AC33" s="218">
        <v>0</v>
      </c>
      <c r="AD33" s="219">
        <v>0</v>
      </c>
      <c r="AE33" s="240">
        <v>0</v>
      </c>
      <c r="AF33" s="221">
        <v>0</v>
      </c>
      <c r="AG33" s="222">
        <v>0</v>
      </c>
      <c r="AH33" s="219">
        <v>0</v>
      </c>
      <c r="AI33" s="240">
        <v>0</v>
      </c>
      <c r="AJ33" s="222">
        <v>10</v>
      </c>
      <c r="AK33" s="218">
        <v>6</v>
      </c>
      <c r="AL33" s="218">
        <v>9</v>
      </c>
      <c r="AM33" s="218">
        <v>13</v>
      </c>
      <c r="AN33" s="219">
        <v>6</v>
      </c>
      <c r="AO33" s="240">
        <v>44</v>
      </c>
      <c r="AP33" s="221">
        <v>44</v>
      </c>
      <c r="AQ33" s="222">
        <v>0</v>
      </c>
      <c r="AR33" s="219">
        <v>0</v>
      </c>
      <c r="AS33" s="240">
        <v>0</v>
      </c>
      <c r="AT33" s="220">
        <v>10</v>
      </c>
      <c r="AU33" s="218">
        <v>6</v>
      </c>
      <c r="AV33" s="218">
        <v>9</v>
      </c>
      <c r="AW33" s="218">
        <v>12</v>
      </c>
      <c r="AX33" s="219">
        <v>6</v>
      </c>
      <c r="AY33" s="240">
        <v>43</v>
      </c>
      <c r="AZ33" s="241">
        <v>43</v>
      </c>
      <c r="BA33" s="217">
        <v>0</v>
      </c>
      <c r="BB33" s="219">
        <v>0</v>
      </c>
      <c r="BC33" s="219">
        <v>0</v>
      </c>
      <c r="BD33" s="220">
        <v>0</v>
      </c>
      <c r="BE33" s="218">
        <v>0</v>
      </c>
      <c r="BF33" s="218">
        <v>0</v>
      </c>
      <c r="BG33" s="218">
        <v>1</v>
      </c>
      <c r="BH33" s="219">
        <v>0</v>
      </c>
      <c r="BI33" s="240">
        <v>1</v>
      </c>
      <c r="BJ33" s="242">
        <v>1</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1</v>
      </c>
      <c r="CV33" s="219">
        <v>2</v>
      </c>
      <c r="CW33" s="240">
        <v>3</v>
      </c>
      <c r="CX33" s="241">
        <v>3</v>
      </c>
      <c r="CY33" s="217">
        <v>0</v>
      </c>
      <c r="CZ33" s="219">
        <v>0</v>
      </c>
      <c r="DA33" s="219">
        <v>0</v>
      </c>
      <c r="DB33" s="220">
        <v>0</v>
      </c>
      <c r="DC33" s="218">
        <v>0</v>
      </c>
      <c r="DD33" s="218">
        <v>0</v>
      </c>
      <c r="DE33" s="218">
        <v>1</v>
      </c>
      <c r="DF33" s="219">
        <v>2</v>
      </c>
      <c r="DG33" s="240">
        <v>3</v>
      </c>
      <c r="DH33" s="242">
        <v>3</v>
      </c>
      <c r="DI33" s="222">
        <v>0</v>
      </c>
      <c r="DJ33" s="219">
        <v>0</v>
      </c>
      <c r="DK33" s="219">
        <v>0</v>
      </c>
      <c r="DL33" s="220">
        <v>0</v>
      </c>
      <c r="DM33" s="218">
        <v>0</v>
      </c>
      <c r="DN33" s="218">
        <v>0</v>
      </c>
      <c r="DO33" s="218">
        <v>0</v>
      </c>
      <c r="DP33" s="219">
        <v>0</v>
      </c>
      <c r="DQ33" s="240">
        <v>0</v>
      </c>
      <c r="DR33" s="242">
        <v>0</v>
      </c>
      <c r="DS33" s="222">
        <v>0</v>
      </c>
      <c r="DT33" s="219">
        <v>0</v>
      </c>
      <c r="DU33" s="219">
        <v>0</v>
      </c>
      <c r="DV33" s="220">
        <v>10</v>
      </c>
      <c r="DW33" s="218">
        <v>10</v>
      </c>
      <c r="DX33" s="218">
        <v>31</v>
      </c>
      <c r="DY33" s="218">
        <v>45</v>
      </c>
      <c r="DZ33" s="219">
        <v>27</v>
      </c>
      <c r="EA33" s="240">
        <v>123</v>
      </c>
      <c r="EB33" s="242">
        <v>123</v>
      </c>
      <c r="EC33" s="239"/>
    </row>
    <row r="34" spans="2:133" ht="21" customHeight="1" x14ac:dyDescent="0.2">
      <c r="B34" s="106" t="s">
        <v>31</v>
      </c>
      <c r="C34" s="217">
        <v>0</v>
      </c>
      <c r="D34" s="219">
        <v>0</v>
      </c>
      <c r="E34" s="219">
        <v>0</v>
      </c>
      <c r="F34" s="220">
        <v>2</v>
      </c>
      <c r="G34" s="218">
        <v>3</v>
      </c>
      <c r="H34" s="218">
        <v>28</v>
      </c>
      <c r="I34" s="218">
        <v>26</v>
      </c>
      <c r="J34" s="219">
        <v>23</v>
      </c>
      <c r="K34" s="240">
        <v>82</v>
      </c>
      <c r="L34" s="241">
        <v>82</v>
      </c>
      <c r="M34" s="217">
        <v>0</v>
      </c>
      <c r="N34" s="219">
        <v>0</v>
      </c>
      <c r="O34" s="240">
        <v>0</v>
      </c>
      <c r="P34" s="220">
        <v>2</v>
      </c>
      <c r="Q34" s="218">
        <v>3</v>
      </c>
      <c r="R34" s="218">
        <v>28</v>
      </c>
      <c r="S34" s="218">
        <v>26</v>
      </c>
      <c r="T34" s="219">
        <v>23</v>
      </c>
      <c r="U34" s="240">
        <v>82</v>
      </c>
      <c r="V34" s="242">
        <v>82</v>
      </c>
      <c r="W34" s="222">
        <v>0</v>
      </c>
      <c r="X34" s="219">
        <v>0</v>
      </c>
      <c r="Y34" s="240">
        <v>0</v>
      </c>
      <c r="Z34" s="222">
        <v>0</v>
      </c>
      <c r="AA34" s="218">
        <v>0</v>
      </c>
      <c r="AB34" s="218">
        <v>0</v>
      </c>
      <c r="AC34" s="218">
        <v>0</v>
      </c>
      <c r="AD34" s="219">
        <v>0</v>
      </c>
      <c r="AE34" s="240">
        <v>0</v>
      </c>
      <c r="AF34" s="221">
        <v>0</v>
      </c>
      <c r="AG34" s="222">
        <v>0</v>
      </c>
      <c r="AH34" s="219">
        <v>0</v>
      </c>
      <c r="AI34" s="240">
        <v>0</v>
      </c>
      <c r="AJ34" s="222">
        <v>4</v>
      </c>
      <c r="AK34" s="218">
        <v>7</v>
      </c>
      <c r="AL34" s="218">
        <v>13</v>
      </c>
      <c r="AM34" s="218">
        <v>14</v>
      </c>
      <c r="AN34" s="219">
        <v>1</v>
      </c>
      <c r="AO34" s="240">
        <v>39</v>
      </c>
      <c r="AP34" s="221">
        <v>39</v>
      </c>
      <c r="AQ34" s="222">
        <v>0</v>
      </c>
      <c r="AR34" s="219">
        <v>0</v>
      </c>
      <c r="AS34" s="240">
        <v>0</v>
      </c>
      <c r="AT34" s="220">
        <v>4</v>
      </c>
      <c r="AU34" s="218">
        <v>7</v>
      </c>
      <c r="AV34" s="218">
        <v>13</v>
      </c>
      <c r="AW34" s="218">
        <v>14</v>
      </c>
      <c r="AX34" s="219">
        <v>1</v>
      </c>
      <c r="AY34" s="240">
        <v>39</v>
      </c>
      <c r="AZ34" s="241">
        <v>39</v>
      </c>
      <c r="BA34" s="217">
        <v>0</v>
      </c>
      <c r="BB34" s="219">
        <v>0</v>
      </c>
      <c r="BC34" s="219">
        <v>0</v>
      </c>
      <c r="BD34" s="220">
        <v>0</v>
      </c>
      <c r="BE34" s="218">
        <v>0</v>
      </c>
      <c r="BF34" s="218">
        <v>0</v>
      </c>
      <c r="BG34" s="218">
        <v>0</v>
      </c>
      <c r="BH34" s="219">
        <v>0</v>
      </c>
      <c r="BI34" s="240">
        <v>0</v>
      </c>
      <c r="BJ34" s="242">
        <v>0</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7</v>
      </c>
      <c r="DW34" s="218">
        <v>10</v>
      </c>
      <c r="DX34" s="218">
        <v>41</v>
      </c>
      <c r="DY34" s="218">
        <v>42</v>
      </c>
      <c r="DZ34" s="219">
        <v>26</v>
      </c>
      <c r="EA34" s="240">
        <v>126</v>
      </c>
      <c r="EB34" s="242">
        <v>126</v>
      </c>
      <c r="EC34" s="239"/>
    </row>
    <row r="35" spans="2:133" ht="21" customHeight="1" x14ac:dyDescent="0.2">
      <c r="B35" s="106" t="s">
        <v>32</v>
      </c>
      <c r="C35" s="217">
        <v>0</v>
      </c>
      <c r="D35" s="219">
        <v>0</v>
      </c>
      <c r="E35" s="219">
        <v>0</v>
      </c>
      <c r="F35" s="220">
        <v>2</v>
      </c>
      <c r="G35" s="218">
        <v>0</v>
      </c>
      <c r="H35" s="218">
        <v>12</v>
      </c>
      <c r="I35" s="218">
        <v>26</v>
      </c>
      <c r="J35" s="219">
        <v>21</v>
      </c>
      <c r="K35" s="240">
        <v>61</v>
      </c>
      <c r="L35" s="241">
        <v>61</v>
      </c>
      <c r="M35" s="217">
        <v>0</v>
      </c>
      <c r="N35" s="219">
        <v>0</v>
      </c>
      <c r="O35" s="240">
        <v>0</v>
      </c>
      <c r="P35" s="220">
        <v>2</v>
      </c>
      <c r="Q35" s="218">
        <v>0</v>
      </c>
      <c r="R35" s="218">
        <v>12</v>
      </c>
      <c r="S35" s="218">
        <v>26</v>
      </c>
      <c r="T35" s="219">
        <v>21</v>
      </c>
      <c r="U35" s="240">
        <v>61</v>
      </c>
      <c r="V35" s="242">
        <v>61</v>
      </c>
      <c r="W35" s="222">
        <v>0</v>
      </c>
      <c r="X35" s="219">
        <v>0</v>
      </c>
      <c r="Y35" s="240">
        <v>0</v>
      </c>
      <c r="Z35" s="222">
        <v>0</v>
      </c>
      <c r="AA35" s="218">
        <v>0</v>
      </c>
      <c r="AB35" s="218">
        <v>0</v>
      </c>
      <c r="AC35" s="218">
        <v>0</v>
      </c>
      <c r="AD35" s="219">
        <v>0</v>
      </c>
      <c r="AE35" s="240">
        <v>0</v>
      </c>
      <c r="AF35" s="221">
        <v>0</v>
      </c>
      <c r="AG35" s="222">
        <v>0</v>
      </c>
      <c r="AH35" s="219">
        <v>0</v>
      </c>
      <c r="AI35" s="240">
        <v>0</v>
      </c>
      <c r="AJ35" s="222">
        <v>6</v>
      </c>
      <c r="AK35" s="218">
        <v>7</v>
      </c>
      <c r="AL35" s="218">
        <v>12</v>
      </c>
      <c r="AM35" s="218">
        <v>17</v>
      </c>
      <c r="AN35" s="219">
        <v>6</v>
      </c>
      <c r="AO35" s="240">
        <v>48</v>
      </c>
      <c r="AP35" s="221">
        <v>48</v>
      </c>
      <c r="AQ35" s="222">
        <v>0</v>
      </c>
      <c r="AR35" s="219">
        <v>0</v>
      </c>
      <c r="AS35" s="240">
        <v>0</v>
      </c>
      <c r="AT35" s="220">
        <v>6</v>
      </c>
      <c r="AU35" s="218">
        <v>7</v>
      </c>
      <c r="AV35" s="218">
        <v>12</v>
      </c>
      <c r="AW35" s="218">
        <v>17</v>
      </c>
      <c r="AX35" s="219">
        <v>6</v>
      </c>
      <c r="AY35" s="240">
        <v>48</v>
      </c>
      <c r="AZ35" s="241">
        <v>48</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1</v>
      </c>
      <c r="CS35" s="218">
        <v>1</v>
      </c>
      <c r="CT35" s="218">
        <v>2</v>
      </c>
      <c r="CU35" s="218">
        <v>0</v>
      </c>
      <c r="CV35" s="219">
        <v>1</v>
      </c>
      <c r="CW35" s="240">
        <v>5</v>
      </c>
      <c r="CX35" s="241">
        <v>5</v>
      </c>
      <c r="CY35" s="217">
        <v>0</v>
      </c>
      <c r="CZ35" s="219">
        <v>0</v>
      </c>
      <c r="DA35" s="219">
        <v>0</v>
      </c>
      <c r="DB35" s="220">
        <v>1</v>
      </c>
      <c r="DC35" s="218">
        <v>1</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9</v>
      </c>
      <c r="DW35" s="218">
        <v>8</v>
      </c>
      <c r="DX35" s="218">
        <v>26</v>
      </c>
      <c r="DY35" s="218">
        <v>43</v>
      </c>
      <c r="DZ35" s="219">
        <v>28</v>
      </c>
      <c r="EA35" s="240">
        <v>114</v>
      </c>
      <c r="EB35" s="242">
        <v>114</v>
      </c>
      <c r="EC35" s="239"/>
    </row>
    <row r="36" spans="2:133" ht="21" customHeight="1" x14ac:dyDescent="0.2">
      <c r="B36" s="106" t="s">
        <v>33</v>
      </c>
      <c r="C36" s="217">
        <v>0</v>
      </c>
      <c r="D36" s="219">
        <v>0</v>
      </c>
      <c r="E36" s="219">
        <v>0</v>
      </c>
      <c r="F36" s="220">
        <v>0</v>
      </c>
      <c r="G36" s="218">
        <v>7</v>
      </c>
      <c r="H36" s="218">
        <v>24</v>
      </c>
      <c r="I36" s="218">
        <v>28</v>
      </c>
      <c r="J36" s="219">
        <v>18</v>
      </c>
      <c r="K36" s="240">
        <v>77</v>
      </c>
      <c r="L36" s="241">
        <v>77</v>
      </c>
      <c r="M36" s="217">
        <v>0</v>
      </c>
      <c r="N36" s="219">
        <v>0</v>
      </c>
      <c r="O36" s="240">
        <v>0</v>
      </c>
      <c r="P36" s="220">
        <v>0</v>
      </c>
      <c r="Q36" s="218">
        <v>7</v>
      </c>
      <c r="R36" s="218">
        <v>24</v>
      </c>
      <c r="S36" s="218">
        <v>28</v>
      </c>
      <c r="T36" s="219">
        <v>18</v>
      </c>
      <c r="U36" s="240">
        <v>77</v>
      </c>
      <c r="V36" s="242">
        <v>77</v>
      </c>
      <c r="W36" s="222">
        <v>0</v>
      </c>
      <c r="X36" s="219">
        <v>0</v>
      </c>
      <c r="Y36" s="240">
        <v>0</v>
      </c>
      <c r="Z36" s="222">
        <v>0</v>
      </c>
      <c r="AA36" s="218">
        <v>0</v>
      </c>
      <c r="AB36" s="218">
        <v>0</v>
      </c>
      <c r="AC36" s="218">
        <v>0</v>
      </c>
      <c r="AD36" s="219">
        <v>0</v>
      </c>
      <c r="AE36" s="240">
        <v>0</v>
      </c>
      <c r="AF36" s="221">
        <v>0</v>
      </c>
      <c r="AG36" s="222">
        <v>0</v>
      </c>
      <c r="AH36" s="219">
        <v>0</v>
      </c>
      <c r="AI36" s="240">
        <v>0</v>
      </c>
      <c r="AJ36" s="222">
        <v>6</v>
      </c>
      <c r="AK36" s="218">
        <v>9</v>
      </c>
      <c r="AL36" s="218">
        <v>12</v>
      </c>
      <c r="AM36" s="218">
        <v>18</v>
      </c>
      <c r="AN36" s="219">
        <v>9</v>
      </c>
      <c r="AO36" s="240">
        <v>54</v>
      </c>
      <c r="AP36" s="221">
        <v>54</v>
      </c>
      <c r="AQ36" s="222">
        <v>0</v>
      </c>
      <c r="AR36" s="219">
        <v>0</v>
      </c>
      <c r="AS36" s="240">
        <v>0</v>
      </c>
      <c r="AT36" s="220">
        <v>6</v>
      </c>
      <c r="AU36" s="218">
        <v>9</v>
      </c>
      <c r="AV36" s="218">
        <v>12</v>
      </c>
      <c r="AW36" s="218">
        <v>18</v>
      </c>
      <c r="AX36" s="219">
        <v>9</v>
      </c>
      <c r="AY36" s="240">
        <v>54</v>
      </c>
      <c r="AZ36" s="241">
        <v>54</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4</v>
      </c>
      <c r="CS36" s="218">
        <v>8</v>
      </c>
      <c r="CT36" s="218">
        <v>9</v>
      </c>
      <c r="CU36" s="218">
        <v>12</v>
      </c>
      <c r="CV36" s="219">
        <v>11</v>
      </c>
      <c r="CW36" s="240">
        <v>44</v>
      </c>
      <c r="CX36" s="241">
        <v>44</v>
      </c>
      <c r="CY36" s="217">
        <v>0</v>
      </c>
      <c r="CZ36" s="219">
        <v>0</v>
      </c>
      <c r="DA36" s="219">
        <v>0</v>
      </c>
      <c r="DB36" s="220">
        <v>4</v>
      </c>
      <c r="DC36" s="218">
        <v>8</v>
      </c>
      <c r="DD36" s="218">
        <v>9</v>
      </c>
      <c r="DE36" s="218">
        <v>12</v>
      </c>
      <c r="DF36" s="219">
        <v>11</v>
      </c>
      <c r="DG36" s="240">
        <v>44</v>
      </c>
      <c r="DH36" s="242">
        <v>44</v>
      </c>
      <c r="DI36" s="222">
        <v>0</v>
      </c>
      <c r="DJ36" s="219">
        <v>0</v>
      </c>
      <c r="DK36" s="219">
        <v>0</v>
      </c>
      <c r="DL36" s="220">
        <v>0</v>
      </c>
      <c r="DM36" s="218">
        <v>0</v>
      </c>
      <c r="DN36" s="218">
        <v>0</v>
      </c>
      <c r="DO36" s="218">
        <v>0</v>
      </c>
      <c r="DP36" s="219">
        <v>0</v>
      </c>
      <c r="DQ36" s="240">
        <v>0</v>
      </c>
      <c r="DR36" s="242">
        <v>0</v>
      </c>
      <c r="DS36" s="222">
        <v>0</v>
      </c>
      <c r="DT36" s="219">
        <v>0</v>
      </c>
      <c r="DU36" s="219">
        <v>0</v>
      </c>
      <c r="DV36" s="220">
        <v>10</v>
      </c>
      <c r="DW36" s="218">
        <v>24</v>
      </c>
      <c r="DX36" s="218">
        <v>45</v>
      </c>
      <c r="DY36" s="218">
        <v>58</v>
      </c>
      <c r="DZ36" s="219">
        <v>38</v>
      </c>
      <c r="EA36" s="240">
        <v>175</v>
      </c>
      <c r="EB36" s="242">
        <v>175</v>
      </c>
      <c r="EC36" s="239"/>
    </row>
    <row r="37" spans="2:133" ht="21" customHeight="1" x14ac:dyDescent="0.2">
      <c r="B37" s="106" t="s">
        <v>34</v>
      </c>
      <c r="C37" s="217">
        <v>0</v>
      </c>
      <c r="D37" s="219">
        <v>0</v>
      </c>
      <c r="E37" s="219">
        <v>0</v>
      </c>
      <c r="F37" s="220">
        <v>0</v>
      </c>
      <c r="G37" s="218">
        <v>0</v>
      </c>
      <c r="H37" s="218">
        <v>6</v>
      </c>
      <c r="I37" s="218">
        <v>28</v>
      </c>
      <c r="J37" s="219">
        <v>9</v>
      </c>
      <c r="K37" s="240">
        <v>43</v>
      </c>
      <c r="L37" s="241">
        <v>43</v>
      </c>
      <c r="M37" s="217">
        <v>0</v>
      </c>
      <c r="N37" s="219">
        <v>0</v>
      </c>
      <c r="O37" s="240">
        <v>0</v>
      </c>
      <c r="P37" s="220">
        <v>0</v>
      </c>
      <c r="Q37" s="218">
        <v>0</v>
      </c>
      <c r="R37" s="218">
        <v>6</v>
      </c>
      <c r="S37" s="218">
        <v>28</v>
      </c>
      <c r="T37" s="219">
        <v>9</v>
      </c>
      <c r="U37" s="240">
        <v>43</v>
      </c>
      <c r="V37" s="242">
        <v>43</v>
      </c>
      <c r="W37" s="222">
        <v>0</v>
      </c>
      <c r="X37" s="219">
        <v>0</v>
      </c>
      <c r="Y37" s="240">
        <v>0</v>
      </c>
      <c r="Z37" s="222">
        <v>0</v>
      </c>
      <c r="AA37" s="218">
        <v>0</v>
      </c>
      <c r="AB37" s="218">
        <v>0</v>
      </c>
      <c r="AC37" s="218">
        <v>0</v>
      </c>
      <c r="AD37" s="219">
        <v>0</v>
      </c>
      <c r="AE37" s="240">
        <v>0</v>
      </c>
      <c r="AF37" s="221">
        <v>0</v>
      </c>
      <c r="AG37" s="222">
        <v>0</v>
      </c>
      <c r="AH37" s="219">
        <v>0</v>
      </c>
      <c r="AI37" s="240">
        <v>0</v>
      </c>
      <c r="AJ37" s="222">
        <v>7</v>
      </c>
      <c r="AK37" s="218">
        <v>13</v>
      </c>
      <c r="AL37" s="218">
        <v>7</v>
      </c>
      <c r="AM37" s="218">
        <v>9</v>
      </c>
      <c r="AN37" s="219">
        <v>3</v>
      </c>
      <c r="AO37" s="240">
        <v>39</v>
      </c>
      <c r="AP37" s="221">
        <v>39</v>
      </c>
      <c r="AQ37" s="222">
        <v>0</v>
      </c>
      <c r="AR37" s="219">
        <v>0</v>
      </c>
      <c r="AS37" s="240">
        <v>0</v>
      </c>
      <c r="AT37" s="220">
        <v>7</v>
      </c>
      <c r="AU37" s="218">
        <v>12</v>
      </c>
      <c r="AV37" s="218">
        <v>7</v>
      </c>
      <c r="AW37" s="218">
        <v>9</v>
      </c>
      <c r="AX37" s="219">
        <v>3</v>
      </c>
      <c r="AY37" s="240">
        <v>38</v>
      </c>
      <c r="AZ37" s="241">
        <v>38</v>
      </c>
      <c r="BA37" s="217">
        <v>0</v>
      </c>
      <c r="BB37" s="219">
        <v>0</v>
      </c>
      <c r="BC37" s="219">
        <v>0</v>
      </c>
      <c r="BD37" s="220">
        <v>0</v>
      </c>
      <c r="BE37" s="218">
        <v>1</v>
      </c>
      <c r="BF37" s="218">
        <v>0</v>
      </c>
      <c r="BG37" s="218">
        <v>0</v>
      </c>
      <c r="BH37" s="219">
        <v>0</v>
      </c>
      <c r="BI37" s="240">
        <v>1</v>
      </c>
      <c r="BJ37" s="242">
        <v>1</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7</v>
      </c>
      <c r="DW37" s="218">
        <v>13</v>
      </c>
      <c r="DX37" s="218">
        <v>13</v>
      </c>
      <c r="DY37" s="218">
        <v>37</v>
      </c>
      <c r="DZ37" s="219">
        <v>14</v>
      </c>
      <c r="EA37" s="240">
        <v>84</v>
      </c>
      <c r="EB37" s="242">
        <v>84</v>
      </c>
      <c r="EC37" s="239"/>
    </row>
    <row r="38" spans="2:133" ht="21" customHeight="1" x14ac:dyDescent="0.2">
      <c r="B38" s="106" t="s">
        <v>35</v>
      </c>
      <c r="C38" s="217">
        <v>0</v>
      </c>
      <c r="D38" s="219">
        <v>0</v>
      </c>
      <c r="E38" s="219">
        <v>0</v>
      </c>
      <c r="F38" s="220">
        <v>1</v>
      </c>
      <c r="G38" s="218">
        <v>1</v>
      </c>
      <c r="H38" s="218">
        <v>25</v>
      </c>
      <c r="I38" s="218">
        <v>49</v>
      </c>
      <c r="J38" s="219">
        <v>27</v>
      </c>
      <c r="K38" s="240">
        <v>103</v>
      </c>
      <c r="L38" s="241">
        <v>103</v>
      </c>
      <c r="M38" s="217">
        <v>0</v>
      </c>
      <c r="N38" s="219">
        <v>0</v>
      </c>
      <c r="O38" s="240">
        <v>0</v>
      </c>
      <c r="P38" s="220">
        <v>1</v>
      </c>
      <c r="Q38" s="218">
        <v>1</v>
      </c>
      <c r="R38" s="218">
        <v>25</v>
      </c>
      <c r="S38" s="218">
        <v>49</v>
      </c>
      <c r="T38" s="219">
        <v>27</v>
      </c>
      <c r="U38" s="240">
        <v>103</v>
      </c>
      <c r="V38" s="242">
        <v>103</v>
      </c>
      <c r="W38" s="222">
        <v>0</v>
      </c>
      <c r="X38" s="219">
        <v>0</v>
      </c>
      <c r="Y38" s="240">
        <v>0</v>
      </c>
      <c r="Z38" s="222">
        <v>0</v>
      </c>
      <c r="AA38" s="218">
        <v>0</v>
      </c>
      <c r="AB38" s="218">
        <v>0</v>
      </c>
      <c r="AC38" s="218">
        <v>0</v>
      </c>
      <c r="AD38" s="219">
        <v>0</v>
      </c>
      <c r="AE38" s="240">
        <v>0</v>
      </c>
      <c r="AF38" s="221">
        <v>0</v>
      </c>
      <c r="AG38" s="222">
        <v>0</v>
      </c>
      <c r="AH38" s="219">
        <v>0</v>
      </c>
      <c r="AI38" s="240">
        <v>0</v>
      </c>
      <c r="AJ38" s="222">
        <v>18</v>
      </c>
      <c r="AK38" s="218">
        <v>33</v>
      </c>
      <c r="AL38" s="218">
        <v>27</v>
      </c>
      <c r="AM38" s="218">
        <v>14</v>
      </c>
      <c r="AN38" s="219">
        <v>9</v>
      </c>
      <c r="AO38" s="240">
        <v>101</v>
      </c>
      <c r="AP38" s="221">
        <v>101</v>
      </c>
      <c r="AQ38" s="222">
        <v>0</v>
      </c>
      <c r="AR38" s="219">
        <v>0</v>
      </c>
      <c r="AS38" s="240">
        <v>0</v>
      </c>
      <c r="AT38" s="220">
        <v>18</v>
      </c>
      <c r="AU38" s="218">
        <v>33</v>
      </c>
      <c r="AV38" s="218">
        <v>27</v>
      </c>
      <c r="AW38" s="218">
        <v>14</v>
      </c>
      <c r="AX38" s="219">
        <v>9</v>
      </c>
      <c r="AY38" s="240">
        <v>101</v>
      </c>
      <c r="AZ38" s="241">
        <v>101</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2</v>
      </c>
      <c r="CT38" s="218">
        <v>6</v>
      </c>
      <c r="CU38" s="218">
        <v>2</v>
      </c>
      <c r="CV38" s="219">
        <v>6</v>
      </c>
      <c r="CW38" s="240">
        <v>18</v>
      </c>
      <c r="CX38" s="241">
        <v>18</v>
      </c>
      <c r="CY38" s="217">
        <v>0</v>
      </c>
      <c r="CZ38" s="219">
        <v>0</v>
      </c>
      <c r="DA38" s="219">
        <v>0</v>
      </c>
      <c r="DB38" s="220">
        <v>1</v>
      </c>
      <c r="DC38" s="218">
        <v>2</v>
      </c>
      <c r="DD38" s="218">
        <v>6</v>
      </c>
      <c r="DE38" s="218">
        <v>2</v>
      </c>
      <c r="DF38" s="219">
        <v>6</v>
      </c>
      <c r="DG38" s="240">
        <v>17</v>
      </c>
      <c r="DH38" s="242">
        <v>17</v>
      </c>
      <c r="DI38" s="222">
        <v>0</v>
      </c>
      <c r="DJ38" s="219">
        <v>0</v>
      </c>
      <c r="DK38" s="219">
        <v>0</v>
      </c>
      <c r="DL38" s="220">
        <v>1</v>
      </c>
      <c r="DM38" s="218">
        <v>0</v>
      </c>
      <c r="DN38" s="218">
        <v>0</v>
      </c>
      <c r="DO38" s="218">
        <v>0</v>
      </c>
      <c r="DP38" s="219">
        <v>0</v>
      </c>
      <c r="DQ38" s="240">
        <v>1</v>
      </c>
      <c r="DR38" s="242">
        <v>1</v>
      </c>
      <c r="DS38" s="222">
        <v>0</v>
      </c>
      <c r="DT38" s="219">
        <v>0</v>
      </c>
      <c r="DU38" s="219">
        <v>0</v>
      </c>
      <c r="DV38" s="220">
        <v>21</v>
      </c>
      <c r="DW38" s="218">
        <v>36</v>
      </c>
      <c r="DX38" s="218">
        <v>58</v>
      </c>
      <c r="DY38" s="218">
        <v>65</v>
      </c>
      <c r="DZ38" s="219">
        <v>42</v>
      </c>
      <c r="EA38" s="240">
        <v>222</v>
      </c>
      <c r="EB38" s="242">
        <v>222</v>
      </c>
      <c r="EC38" s="239"/>
    </row>
    <row r="39" spans="2:133" ht="21" customHeight="1" x14ac:dyDescent="0.2">
      <c r="B39" s="106" t="s">
        <v>36</v>
      </c>
      <c r="C39" s="217">
        <v>0</v>
      </c>
      <c r="D39" s="219">
        <v>0</v>
      </c>
      <c r="E39" s="219">
        <v>0</v>
      </c>
      <c r="F39" s="220">
        <v>0</v>
      </c>
      <c r="G39" s="218">
        <v>4</v>
      </c>
      <c r="H39" s="218">
        <v>65</v>
      </c>
      <c r="I39" s="218">
        <v>87</v>
      </c>
      <c r="J39" s="219">
        <v>62</v>
      </c>
      <c r="K39" s="240">
        <v>218</v>
      </c>
      <c r="L39" s="241">
        <v>218</v>
      </c>
      <c r="M39" s="217">
        <v>0</v>
      </c>
      <c r="N39" s="219">
        <v>0</v>
      </c>
      <c r="O39" s="240">
        <v>0</v>
      </c>
      <c r="P39" s="220">
        <v>0</v>
      </c>
      <c r="Q39" s="218">
        <v>4</v>
      </c>
      <c r="R39" s="218">
        <v>64</v>
      </c>
      <c r="S39" s="218">
        <v>83</v>
      </c>
      <c r="T39" s="219">
        <v>61</v>
      </c>
      <c r="U39" s="240">
        <v>212</v>
      </c>
      <c r="V39" s="242">
        <v>212</v>
      </c>
      <c r="W39" s="222">
        <v>0</v>
      </c>
      <c r="X39" s="219">
        <v>0</v>
      </c>
      <c r="Y39" s="240">
        <v>0</v>
      </c>
      <c r="Z39" s="222">
        <v>0</v>
      </c>
      <c r="AA39" s="218">
        <v>0</v>
      </c>
      <c r="AB39" s="218">
        <v>1</v>
      </c>
      <c r="AC39" s="218">
        <v>4</v>
      </c>
      <c r="AD39" s="219">
        <v>1</v>
      </c>
      <c r="AE39" s="240">
        <v>6</v>
      </c>
      <c r="AF39" s="221">
        <v>6</v>
      </c>
      <c r="AG39" s="222">
        <v>0</v>
      </c>
      <c r="AH39" s="219">
        <v>0</v>
      </c>
      <c r="AI39" s="240">
        <v>0</v>
      </c>
      <c r="AJ39" s="222">
        <v>15</v>
      </c>
      <c r="AK39" s="218">
        <v>16</v>
      </c>
      <c r="AL39" s="218">
        <v>39</v>
      </c>
      <c r="AM39" s="218">
        <v>52</v>
      </c>
      <c r="AN39" s="219">
        <v>19</v>
      </c>
      <c r="AO39" s="240">
        <v>141</v>
      </c>
      <c r="AP39" s="221">
        <v>141</v>
      </c>
      <c r="AQ39" s="222">
        <v>0</v>
      </c>
      <c r="AR39" s="219">
        <v>0</v>
      </c>
      <c r="AS39" s="240">
        <v>0</v>
      </c>
      <c r="AT39" s="220">
        <v>15</v>
      </c>
      <c r="AU39" s="218">
        <v>16</v>
      </c>
      <c r="AV39" s="218">
        <v>39</v>
      </c>
      <c r="AW39" s="218">
        <v>50</v>
      </c>
      <c r="AX39" s="219">
        <v>19</v>
      </c>
      <c r="AY39" s="240">
        <v>139</v>
      </c>
      <c r="AZ39" s="241">
        <v>139</v>
      </c>
      <c r="BA39" s="217">
        <v>0</v>
      </c>
      <c r="BB39" s="219">
        <v>0</v>
      </c>
      <c r="BC39" s="219">
        <v>0</v>
      </c>
      <c r="BD39" s="220">
        <v>0</v>
      </c>
      <c r="BE39" s="218">
        <v>0</v>
      </c>
      <c r="BF39" s="218">
        <v>0</v>
      </c>
      <c r="BG39" s="218">
        <v>2</v>
      </c>
      <c r="BH39" s="219">
        <v>0</v>
      </c>
      <c r="BI39" s="240">
        <v>2</v>
      </c>
      <c r="BJ39" s="242">
        <v>2</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9</v>
      </c>
      <c r="CV39" s="219">
        <v>3</v>
      </c>
      <c r="CW39" s="240">
        <v>12</v>
      </c>
      <c r="CX39" s="241">
        <v>12</v>
      </c>
      <c r="CY39" s="217">
        <v>0</v>
      </c>
      <c r="CZ39" s="219">
        <v>0</v>
      </c>
      <c r="DA39" s="219">
        <v>0</v>
      </c>
      <c r="DB39" s="220">
        <v>0</v>
      </c>
      <c r="DC39" s="218">
        <v>0</v>
      </c>
      <c r="DD39" s="218">
        <v>0</v>
      </c>
      <c r="DE39" s="218">
        <v>8</v>
      </c>
      <c r="DF39" s="219">
        <v>3</v>
      </c>
      <c r="DG39" s="240">
        <v>11</v>
      </c>
      <c r="DH39" s="242">
        <v>11</v>
      </c>
      <c r="DI39" s="222">
        <v>0</v>
      </c>
      <c r="DJ39" s="219">
        <v>0</v>
      </c>
      <c r="DK39" s="219">
        <v>0</v>
      </c>
      <c r="DL39" s="220">
        <v>0</v>
      </c>
      <c r="DM39" s="218">
        <v>0</v>
      </c>
      <c r="DN39" s="218">
        <v>0</v>
      </c>
      <c r="DO39" s="218">
        <v>1</v>
      </c>
      <c r="DP39" s="219">
        <v>0</v>
      </c>
      <c r="DQ39" s="240">
        <v>1</v>
      </c>
      <c r="DR39" s="242">
        <v>1</v>
      </c>
      <c r="DS39" s="222">
        <v>0</v>
      </c>
      <c r="DT39" s="219">
        <v>0</v>
      </c>
      <c r="DU39" s="219">
        <v>0</v>
      </c>
      <c r="DV39" s="220">
        <v>15</v>
      </c>
      <c r="DW39" s="218">
        <v>20</v>
      </c>
      <c r="DX39" s="218">
        <v>103</v>
      </c>
      <c r="DY39" s="218">
        <v>147</v>
      </c>
      <c r="DZ39" s="219">
        <v>84</v>
      </c>
      <c r="EA39" s="240">
        <v>369</v>
      </c>
      <c r="EB39" s="242">
        <v>369</v>
      </c>
      <c r="EC39" s="239"/>
    </row>
    <row r="40" spans="2:133" ht="21" customHeight="1" thickBot="1" x14ac:dyDescent="0.25">
      <c r="B40" s="108" t="s">
        <v>37</v>
      </c>
      <c r="C40" s="223">
        <v>0</v>
      </c>
      <c r="D40" s="225">
        <v>0</v>
      </c>
      <c r="E40" s="225">
        <v>0</v>
      </c>
      <c r="F40" s="226">
        <v>0</v>
      </c>
      <c r="G40" s="224">
        <v>0</v>
      </c>
      <c r="H40" s="224">
        <v>6</v>
      </c>
      <c r="I40" s="224">
        <v>7</v>
      </c>
      <c r="J40" s="225">
        <v>8</v>
      </c>
      <c r="K40" s="243">
        <v>21</v>
      </c>
      <c r="L40" s="244">
        <v>21</v>
      </c>
      <c r="M40" s="223">
        <v>0</v>
      </c>
      <c r="N40" s="225">
        <v>0</v>
      </c>
      <c r="O40" s="243">
        <v>0</v>
      </c>
      <c r="P40" s="226">
        <v>0</v>
      </c>
      <c r="Q40" s="224">
        <v>0</v>
      </c>
      <c r="R40" s="224">
        <v>6</v>
      </c>
      <c r="S40" s="224">
        <v>7</v>
      </c>
      <c r="T40" s="225">
        <v>8</v>
      </c>
      <c r="U40" s="243">
        <v>21</v>
      </c>
      <c r="V40" s="245">
        <v>21</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7</v>
      </c>
      <c r="AM40" s="224">
        <v>4</v>
      </c>
      <c r="AN40" s="225">
        <v>3</v>
      </c>
      <c r="AO40" s="243">
        <v>17</v>
      </c>
      <c r="AP40" s="227">
        <v>17</v>
      </c>
      <c r="AQ40" s="228">
        <v>0</v>
      </c>
      <c r="AR40" s="225">
        <v>0</v>
      </c>
      <c r="AS40" s="243">
        <v>0</v>
      </c>
      <c r="AT40" s="226">
        <v>1</v>
      </c>
      <c r="AU40" s="224">
        <v>2</v>
      </c>
      <c r="AV40" s="224">
        <v>7</v>
      </c>
      <c r="AW40" s="224">
        <v>4</v>
      </c>
      <c r="AX40" s="225">
        <v>3</v>
      </c>
      <c r="AY40" s="243">
        <v>17</v>
      </c>
      <c r="AZ40" s="244">
        <v>17</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3</v>
      </c>
      <c r="DY40" s="224">
        <v>11</v>
      </c>
      <c r="DZ40" s="225">
        <v>12</v>
      </c>
      <c r="EA40" s="243">
        <v>39</v>
      </c>
      <c r="EB40" s="245">
        <v>39</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1">
        <f>第１表!F2</f>
        <v>6</v>
      </c>
      <c r="G1" s="441"/>
      <c r="H1" s="18">
        <f>第１表!G2</f>
        <v>7</v>
      </c>
      <c r="I1" s="440">
        <f>H1</f>
        <v>7</v>
      </c>
      <c r="J1" s="440"/>
    </row>
    <row r="2" spans="2:299" ht="24" customHeight="1" thickBot="1" x14ac:dyDescent="0.25">
      <c r="B2" s="10" t="s">
        <v>127</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0872</v>
      </c>
      <c r="D7" s="86">
        <v>21472</v>
      </c>
      <c r="E7" s="87">
        <v>42344</v>
      </c>
      <c r="F7" s="412">
        <v>0</v>
      </c>
      <c r="G7" s="86">
        <v>31785</v>
      </c>
      <c r="H7" s="86">
        <v>31972</v>
      </c>
      <c r="I7" s="86">
        <v>21156</v>
      </c>
      <c r="J7" s="86">
        <v>17484</v>
      </c>
      <c r="K7" s="86">
        <v>10603</v>
      </c>
      <c r="L7" s="88">
        <v>113000</v>
      </c>
      <c r="M7" s="89">
        <v>155344</v>
      </c>
      <c r="N7" s="90">
        <v>822</v>
      </c>
      <c r="O7" s="91">
        <v>1005</v>
      </c>
      <c r="P7" s="92">
        <v>1827</v>
      </c>
      <c r="Q7" s="412">
        <v>0</v>
      </c>
      <c r="R7" s="91">
        <v>1353</v>
      </c>
      <c r="S7" s="91">
        <v>1635</v>
      </c>
      <c r="T7" s="91">
        <v>1037</v>
      </c>
      <c r="U7" s="91">
        <v>932</v>
      </c>
      <c r="V7" s="91">
        <v>712</v>
      </c>
      <c r="W7" s="92">
        <v>5669</v>
      </c>
      <c r="X7" s="93">
        <v>7496</v>
      </c>
      <c r="Y7" s="90">
        <v>1774</v>
      </c>
      <c r="Z7" s="91">
        <v>2236</v>
      </c>
      <c r="AA7" s="92">
        <v>4010</v>
      </c>
      <c r="AB7" s="412">
        <v>0</v>
      </c>
      <c r="AC7" s="91">
        <v>2760</v>
      </c>
      <c r="AD7" s="91">
        <v>3259</v>
      </c>
      <c r="AE7" s="91">
        <v>2139</v>
      </c>
      <c r="AF7" s="91">
        <v>1896</v>
      </c>
      <c r="AG7" s="91">
        <v>1361</v>
      </c>
      <c r="AH7" s="92">
        <v>11415</v>
      </c>
      <c r="AI7" s="93">
        <v>15425</v>
      </c>
      <c r="AJ7" s="90">
        <v>3218</v>
      </c>
      <c r="AK7" s="91">
        <v>3548</v>
      </c>
      <c r="AL7" s="92">
        <v>6766</v>
      </c>
      <c r="AM7" s="412">
        <v>0</v>
      </c>
      <c r="AN7" s="91">
        <v>4910</v>
      </c>
      <c r="AO7" s="91">
        <v>5311</v>
      </c>
      <c r="AP7" s="91">
        <v>3420</v>
      </c>
      <c r="AQ7" s="91">
        <v>2896</v>
      </c>
      <c r="AR7" s="91">
        <v>1913</v>
      </c>
      <c r="AS7" s="92">
        <v>18450</v>
      </c>
      <c r="AT7" s="93">
        <v>25216</v>
      </c>
      <c r="AU7" s="90">
        <v>5623</v>
      </c>
      <c r="AV7" s="91">
        <v>5447</v>
      </c>
      <c r="AW7" s="92">
        <v>11070</v>
      </c>
      <c r="AX7" s="412">
        <v>0</v>
      </c>
      <c r="AY7" s="91">
        <v>8353</v>
      </c>
      <c r="AZ7" s="91">
        <v>7665</v>
      </c>
      <c r="BA7" s="91">
        <v>5005</v>
      </c>
      <c r="BB7" s="91">
        <v>4163</v>
      </c>
      <c r="BC7" s="91">
        <v>2474</v>
      </c>
      <c r="BD7" s="92">
        <v>27660</v>
      </c>
      <c r="BE7" s="93">
        <v>38730</v>
      </c>
      <c r="BF7" s="90">
        <v>5931</v>
      </c>
      <c r="BG7" s="91">
        <v>5506</v>
      </c>
      <c r="BH7" s="92">
        <v>11437</v>
      </c>
      <c r="BI7" s="412">
        <v>0</v>
      </c>
      <c r="BJ7" s="91">
        <v>8498</v>
      </c>
      <c r="BK7" s="91">
        <v>7783</v>
      </c>
      <c r="BL7" s="91">
        <v>5121</v>
      </c>
      <c r="BM7" s="91">
        <v>4062</v>
      </c>
      <c r="BN7" s="91">
        <v>2312</v>
      </c>
      <c r="BO7" s="92">
        <v>27776</v>
      </c>
      <c r="BP7" s="93">
        <v>39213</v>
      </c>
      <c r="BQ7" s="90">
        <v>3504</v>
      </c>
      <c r="BR7" s="91">
        <v>3730</v>
      </c>
      <c r="BS7" s="92">
        <v>7234</v>
      </c>
      <c r="BT7" s="412">
        <v>0</v>
      </c>
      <c r="BU7" s="91">
        <v>5911</v>
      </c>
      <c r="BV7" s="91">
        <v>6319</v>
      </c>
      <c r="BW7" s="91">
        <v>4434</v>
      </c>
      <c r="BX7" s="91">
        <v>3535</v>
      </c>
      <c r="BY7" s="91">
        <v>1831</v>
      </c>
      <c r="BZ7" s="92">
        <v>22030</v>
      </c>
      <c r="CA7" s="93">
        <v>29264</v>
      </c>
      <c r="CB7" s="90">
        <v>508</v>
      </c>
      <c r="CC7" s="91">
        <v>838</v>
      </c>
      <c r="CD7" s="92">
        <v>1346</v>
      </c>
      <c r="CE7" s="412">
        <v>0</v>
      </c>
      <c r="CF7" s="91">
        <v>880</v>
      </c>
      <c r="CG7" s="91">
        <v>1459</v>
      </c>
      <c r="CH7" s="91">
        <v>872</v>
      </c>
      <c r="CI7" s="91">
        <v>801</v>
      </c>
      <c r="CJ7" s="91">
        <v>773</v>
      </c>
      <c r="CK7" s="92">
        <v>4785</v>
      </c>
      <c r="CL7" s="93">
        <v>6131</v>
      </c>
      <c r="CM7" s="90">
        <v>21380</v>
      </c>
      <c r="CN7" s="91">
        <v>22310</v>
      </c>
      <c r="CO7" s="92">
        <v>43690</v>
      </c>
      <c r="CP7" s="412">
        <v>0</v>
      </c>
      <c r="CQ7" s="91">
        <v>32665</v>
      </c>
      <c r="CR7" s="91">
        <v>33431</v>
      </c>
      <c r="CS7" s="91">
        <v>22028</v>
      </c>
      <c r="CT7" s="91">
        <v>18285</v>
      </c>
      <c r="CU7" s="91">
        <v>11376</v>
      </c>
      <c r="CV7" s="92">
        <v>117785</v>
      </c>
      <c r="CW7" s="93">
        <v>161475</v>
      </c>
      <c r="CX7" s="94">
        <v>40330</v>
      </c>
      <c r="CY7" s="86">
        <v>47642</v>
      </c>
      <c r="CZ7" s="87">
        <v>87972</v>
      </c>
      <c r="DA7" s="412">
        <v>0</v>
      </c>
      <c r="DB7" s="86">
        <v>57586</v>
      </c>
      <c r="DC7" s="86">
        <v>54865</v>
      </c>
      <c r="DD7" s="86">
        <v>40202</v>
      </c>
      <c r="DE7" s="86">
        <v>39322</v>
      </c>
      <c r="DF7" s="86">
        <v>25568</v>
      </c>
      <c r="DG7" s="88">
        <v>217543</v>
      </c>
      <c r="DH7" s="89">
        <v>305515</v>
      </c>
      <c r="DI7" s="90">
        <v>829</v>
      </c>
      <c r="DJ7" s="91">
        <v>1101</v>
      </c>
      <c r="DK7" s="92">
        <v>1930</v>
      </c>
      <c r="DL7" s="412">
        <v>0</v>
      </c>
      <c r="DM7" s="91">
        <v>973</v>
      </c>
      <c r="DN7" s="91">
        <v>1085</v>
      </c>
      <c r="DO7" s="91">
        <v>725</v>
      </c>
      <c r="DP7" s="91">
        <v>660</v>
      </c>
      <c r="DQ7" s="91">
        <v>577</v>
      </c>
      <c r="DR7" s="92">
        <v>4020</v>
      </c>
      <c r="DS7" s="93">
        <v>5950</v>
      </c>
      <c r="DT7" s="90">
        <v>2420</v>
      </c>
      <c r="DU7" s="91">
        <v>2978</v>
      </c>
      <c r="DV7" s="92">
        <v>5398</v>
      </c>
      <c r="DW7" s="412">
        <v>0</v>
      </c>
      <c r="DX7" s="91">
        <v>2579</v>
      </c>
      <c r="DY7" s="91">
        <v>2683</v>
      </c>
      <c r="DZ7" s="91">
        <v>1684</v>
      </c>
      <c r="EA7" s="91">
        <v>1696</v>
      </c>
      <c r="EB7" s="91">
        <v>1321</v>
      </c>
      <c r="EC7" s="92">
        <v>9963</v>
      </c>
      <c r="ED7" s="93">
        <v>15361</v>
      </c>
      <c r="EE7" s="90">
        <v>6110</v>
      </c>
      <c r="EF7" s="91">
        <v>6875</v>
      </c>
      <c r="EG7" s="92">
        <v>12985</v>
      </c>
      <c r="EH7" s="412">
        <v>0</v>
      </c>
      <c r="EI7" s="91">
        <v>6571</v>
      </c>
      <c r="EJ7" s="91">
        <v>5789</v>
      </c>
      <c r="EK7" s="91">
        <v>3563</v>
      </c>
      <c r="EL7" s="91">
        <v>3452</v>
      </c>
      <c r="EM7" s="91">
        <v>2597</v>
      </c>
      <c r="EN7" s="92">
        <v>21972</v>
      </c>
      <c r="EO7" s="93">
        <v>34957</v>
      </c>
      <c r="EP7" s="90">
        <v>12741</v>
      </c>
      <c r="EQ7" s="91">
        <v>13410</v>
      </c>
      <c r="ER7" s="92">
        <v>26151</v>
      </c>
      <c r="ES7" s="412">
        <v>0</v>
      </c>
      <c r="ET7" s="91">
        <v>14526</v>
      </c>
      <c r="EU7" s="91">
        <v>11900</v>
      </c>
      <c r="EV7" s="91">
        <v>7788</v>
      </c>
      <c r="EW7" s="91">
        <v>6956</v>
      </c>
      <c r="EX7" s="91">
        <v>4773</v>
      </c>
      <c r="EY7" s="92">
        <v>45943</v>
      </c>
      <c r="EZ7" s="93">
        <v>72094</v>
      </c>
      <c r="FA7" s="90">
        <v>11896</v>
      </c>
      <c r="FB7" s="91">
        <v>13882</v>
      </c>
      <c r="FC7" s="92">
        <v>25778</v>
      </c>
      <c r="FD7" s="412">
        <v>0</v>
      </c>
      <c r="FE7" s="91">
        <v>17492</v>
      </c>
      <c r="FF7" s="91">
        <v>15611</v>
      </c>
      <c r="FG7" s="91">
        <v>10832</v>
      </c>
      <c r="FH7" s="91">
        <v>9756</v>
      </c>
      <c r="FI7" s="91">
        <v>6441</v>
      </c>
      <c r="FJ7" s="92">
        <v>60132</v>
      </c>
      <c r="FK7" s="93">
        <v>85910</v>
      </c>
      <c r="FL7" s="90">
        <v>6334</v>
      </c>
      <c r="FM7" s="91">
        <v>9396</v>
      </c>
      <c r="FN7" s="92">
        <v>15730</v>
      </c>
      <c r="FO7" s="412">
        <v>0</v>
      </c>
      <c r="FP7" s="91">
        <v>15445</v>
      </c>
      <c r="FQ7" s="91">
        <v>17797</v>
      </c>
      <c r="FR7" s="91">
        <v>15610</v>
      </c>
      <c r="FS7" s="91">
        <v>16802</v>
      </c>
      <c r="FT7" s="91">
        <v>9859</v>
      </c>
      <c r="FU7" s="92">
        <v>75513</v>
      </c>
      <c r="FV7" s="93">
        <v>91243</v>
      </c>
      <c r="FW7" s="90">
        <v>385</v>
      </c>
      <c r="FX7" s="91">
        <v>719</v>
      </c>
      <c r="FY7" s="92">
        <v>1104</v>
      </c>
      <c r="FZ7" s="412">
        <v>0</v>
      </c>
      <c r="GA7" s="91">
        <v>728</v>
      </c>
      <c r="GB7" s="91">
        <v>1104</v>
      </c>
      <c r="GC7" s="91">
        <v>628</v>
      </c>
      <c r="GD7" s="91">
        <v>597</v>
      </c>
      <c r="GE7" s="91">
        <v>642</v>
      </c>
      <c r="GF7" s="92">
        <v>3699</v>
      </c>
      <c r="GG7" s="93">
        <v>4803</v>
      </c>
      <c r="GH7" s="90">
        <v>40715</v>
      </c>
      <c r="GI7" s="91">
        <v>48361</v>
      </c>
      <c r="GJ7" s="92">
        <v>89076</v>
      </c>
      <c r="GK7" s="412">
        <v>0</v>
      </c>
      <c r="GL7" s="91">
        <v>58314</v>
      </c>
      <c r="GM7" s="91">
        <v>55969</v>
      </c>
      <c r="GN7" s="91">
        <v>40830</v>
      </c>
      <c r="GO7" s="91">
        <v>39919</v>
      </c>
      <c r="GP7" s="91">
        <v>26210</v>
      </c>
      <c r="GQ7" s="92">
        <v>221242</v>
      </c>
      <c r="GR7" s="93">
        <v>310318</v>
      </c>
      <c r="GS7" s="94">
        <v>61202</v>
      </c>
      <c r="GT7" s="86">
        <v>69114</v>
      </c>
      <c r="GU7" s="87">
        <v>130316</v>
      </c>
      <c r="GV7" s="412">
        <v>0</v>
      </c>
      <c r="GW7" s="86">
        <v>89371</v>
      </c>
      <c r="GX7" s="86">
        <v>86837</v>
      </c>
      <c r="GY7" s="86">
        <v>61358</v>
      </c>
      <c r="GZ7" s="86">
        <v>56806</v>
      </c>
      <c r="HA7" s="86">
        <v>36171</v>
      </c>
      <c r="HB7" s="88">
        <v>330543</v>
      </c>
      <c r="HC7" s="89">
        <v>460859</v>
      </c>
      <c r="HD7" s="90">
        <v>1651</v>
      </c>
      <c r="HE7" s="91">
        <v>2106</v>
      </c>
      <c r="HF7" s="92">
        <v>3757</v>
      </c>
      <c r="HG7" s="415">
        <v>0</v>
      </c>
      <c r="HH7" s="91">
        <v>2326</v>
      </c>
      <c r="HI7" s="91">
        <v>2720</v>
      </c>
      <c r="HJ7" s="91">
        <v>1762</v>
      </c>
      <c r="HK7" s="91">
        <v>1592</v>
      </c>
      <c r="HL7" s="91">
        <v>1289</v>
      </c>
      <c r="HM7" s="92">
        <v>9689</v>
      </c>
      <c r="HN7" s="93">
        <v>13446</v>
      </c>
      <c r="HO7" s="90">
        <v>4194</v>
      </c>
      <c r="HP7" s="91">
        <v>5214</v>
      </c>
      <c r="HQ7" s="92">
        <v>9408</v>
      </c>
      <c r="HR7" s="412">
        <v>0</v>
      </c>
      <c r="HS7" s="91">
        <v>5339</v>
      </c>
      <c r="HT7" s="91">
        <v>5942</v>
      </c>
      <c r="HU7" s="91">
        <v>3823</v>
      </c>
      <c r="HV7" s="91">
        <v>3592</v>
      </c>
      <c r="HW7" s="91">
        <v>2682</v>
      </c>
      <c r="HX7" s="92">
        <v>21378</v>
      </c>
      <c r="HY7" s="93">
        <v>30786</v>
      </c>
      <c r="HZ7" s="90">
        <v>9328</v>
      </c>
      <c r="IA7" s="91">
        <v>10423</v>
      </c>
      <c r="IB7" s="92">
        <v>19751</v>
      </c>
      <c r="IC7" s="412">
        <v>0</v>
      </c>
      <c r="ID7" s="91">
        <v>11481</v>
      </c>
      <c r="IE7" s="91">
        <v>11100</v>
      </c>
      <c r="IF7" s="91">
        <v>6983</v>
      </c>
      <c r="IG7" s="91">
        <v>6348</v>
      </c>
      <c r="IH7" s="91">
        <v>4510</v>
      </c>
      <c r="II7" s="92">
        <v>40422</v>
      </c>
      <c r="IJ7" s="93">
        <v>60173</v>
      </c>
      <c r="IK7" s="90">
        <v>18364</v>
      </c>
      <c r="IL7" s="91">
        <v>18857</v>
      </c>
      <c r="IM7" s="92">
        <v>37221</v>
      </c>
      <c r="IN7" s="412">
        <v>0</v>
      </c>
      <c r="IO7" s="91">
        <v>22879</v>
      </c>
      <c r="IP7" s="91">
        <v>19565</v>
      </c>
      <c r="IQ7" s="91">
        <v>12793</v>
      </c>
      <c r="IR7" s="91">
        <v>11119</v>
      </c>
      <c r="IS7" s="91">
        <v>7247</v>
      </c>
      <c r="IT7" s="92">
        <v>73603</v>
      </c>
      <c r="IU7" s="93">
        <v>110824</v>
      </c>
      <c r="IV7" s="90">
        <v>17827</v>
      </c>
      <c r="IW7" s="91">
        <v>19388</v>
      </c>
      <c r="IX7" s="92">
        <v>37215</v>
      </c>
      <c r="IY7" s="412">
        <v>0</v>
      </c>
      <c r="IZ7" s="91">
        <v>25990</v>
      </c>
      <c r="JA7" s="91">
        <v>23394</v>
      </c>
      <c r="JB7" s="91">
        <v>15953</v>
      </c>
      <c r="JC7" s="91">
        <v>13818</v>
      </c>
      <c r="JD7" s="91">
        <v>8753</v>
      </c>
      <c r="JE7" s="92">
        <v>87908</v>
      </c>
      <c r="JF7" s="93">
        <v>125123</v>
      </c>
      <c r="JG7" s="90">
        <v>9838</v>
      </c>
      <c r="JH7" s="91">
        <v>13126</v>
      </c>
      <c r="JI7" s="92">
        <v>22964</v>
      </c>
      <c r="JJ7" s="412">
        <v>0</v>
      </c>
      <c r="JK7" s="91">
        <v>21356</v>
      </c>
      <c r="JL7" s="91">
        <v>24116</v>
      </c>
      <c r="JM7" s="91">
        <v>20044</v>
      </c>
      <c r="JN7" s="91">
        <v>20337</v>
      </c>
      <c r="JO7" s="91">
        <v>11690</v>
      </c>
      <c r="JP7" s="92">
        <v>97543</v>
      </c>
      <c r="JQ7" s="93">
        <v>120507</v>
      </c>
      <c r="JR7" s="90">
        <v>893</v>
      </c>
      <c r="JS7" s="91">
        <v>1557</v>
      </c>
      <c r="JT7" s="92">
        <v>2450</v>
      </c>
      <c r="JU7" s="412">
        <v>0</v>
      </c>
      <c r="JV7" s="91">
        <v>1608</v>
      </c>
      <c r="JW7" s="91">
        <v>2563</v>
      </c>
      <c r="JX7" s="91">
        <v>1500</v>
      </c>
      <c r="JY7" s="91">
        <v>1398</v>
      </c>
      <c r="JZ7" s="91">
        <v>1415</v>
      </c>
      <c r="KA7" s="92">
        <v>8484</v>
      </c>
      <c r="KB7" s="93">
        <v>10934</v>
      </c>
      <c r="KC7" s="90">
        <v>62095</v>
      </c>
      <c r="KD7" s="91">
        <v>70671</v>
      </c>
      <c r="KE7" s="92">
        <v>132766</v>
      </c>
      <c r="KF7" s="412">
        <v>0</v>
      </c>
      <c r="KG7" s="91">
        <v>90979</v>
      </c>
      <c r="KH7" s="91">
        <v>89400</v>
      </c>
      <c r="KI7" s="91">
        <v>62858</v>
      </c>
      <c r="KJ7" s="91">
        <v>58204</v>
      </c>
      <c r="KK7" s="91">
        <v>37586</v>
      </c>
      <c r="KL7" s="92">
        <v>339027</v>
      </c>
      <c r="KM7" s="93">
        <v>471793</v>
      </c>
    </row>
    <row r="8" spans="2:299" s="70" customFormat="1" ht="21" customHeight="1" x14ac:dyDescent="0.2">
      <c r="B8" s="95" t="s">
        <v>5</v>
      </c>
      <c r="C8" s="96">
        <v>8144</v>
      </c>
      <c r="D8" s="97">
        <v>10269</v>
      </c>
      <c r="E8" s="98">
        <v>18413</v>
      </c>
      <c r="F8" s="413">
        <v>0</v>
      </c>
      <c r="G8" s="97">
        <v>10458</v>
      </c>
      <c r="H8" s="97">
        <v>14185</v>
      </c>
      <c r="I8" s="97">
        <v>8929</v>
      </c>
      <c r="J8" s="97">
        <v>7238</v>
      </c>
      <c r="K8" s="97">
        <v>4389</v>
      </c>
      <c r="L8" s="99">
        <v>45199</v>
      </c>
      <c r="M8" s="100">
        <v>63612</v>
      </c>
      <c r="N8" s="101">
        <v>299</v>
      </c>
      <c r="O8" s="102">
        <v>470</v>
      </c>
      <c r="P8" s="103">
        <v>769</v>
      </c>
      <c r="Q8" s="413">
        <v>0</v>
      </c>
      <c r="R8" s="102">
        <v>420</v>
      </c>
      <c r="S8" s="102">
        <v>743</v>
      </c>
      <c r="T8" s="102">
        <v>446</v>
      </c>
      <c r="U8" s="102">
        <v>391</v>
      </c>
      <c r="V8" s="102">
        <v>284</v>
      </c>
      <c r="W8" s="103">
        <v>2284</v>
      </c>
      <c r="X8" s="104">
        <v>3053</v>
      </c>
      <c r="Y8" s="101">
        <v>671</v>
      </c>
      <c r="Z8" s="102">
        <v>1044</v>
      </c>
      <c r="AA8" s="103">
        <v>1715</v>
      </c>
      <c r="AB8" s="413">
        <v>0</v>
      </c>
      <c r="AC8" s="102">
        <v>804</v>
      </c>
      <c r="AD8" s="102">
        <v>1452</v>
      </c>
      <c r="AE8" s="102">
        <v>910</v>
      </c>
      <c r="AF8" s="102">
        <v>792</v>
      </c>
      <c r="AG8" s="102">
        <v>560</v>
      </c>
      <c r="AH8" s="103">
        <v>4518</v>
      </c>
      <c r="AI8" s="104">
        <v>6233</v>
      </c>
      <c r="AJ8" s="101">
        <v>1246</v>
      </c>
      <c r="AK8" s="102">
        <v>1660</v>
      </c>
      <c r="AL8" s="103">
        <v>2906</v>
      </c>
      <c r="AM8" s="413">
        <v>0</v>
      </c>
      <c r="AN8" s="102">
        <v>1494</v>
      </c>
      <c r="AO8" s="102">
        <v>2350</v>
      </c>
      <c r="AP8" s="102">
        <v>1435</v>
      </c>
      <c r="AQ8" s="102">
        <v>1155</v>
      </c>
      <c r="AR8" s="102">
        <v>784</v>
      </c>
      <c r="AS8" s="103">
        <v>7218</v>
      </c>
      <c r="AT8" s="104">
        <v>10124</v>
      </c>
      <c r="AU8" s="101">
        <v>2151</v>
      </c>
      <c r="AV8" s="102">
        <v>2574</v>
      </c>
      <c r="AW8" s="103">
        <v>4725</v>
      </c>
      <c r="AX8" s="413">
        <v>0</v>
      </c>
      <c r="AY8" s="102">
        <v>2663</v>
      </c>
      <c r="AZ8" s="102">
        <v>3226</v>
      </c>
      <c r="BA8" s="102">
        <v>2064</v>
      </c>
      <c r="BB8" s="102">
        <v>1677</v>
      </c>
      <c r="BC8" s="102">
        <v>1008</v>
      </c>
      <c r="BD8" s="103">
        <v>10638</v>
      </c>
      <c r="BE8" s="104">
        <v>15363</v>
      </c>
      <c r="BF8" s="101">
        <v>2332</v>
      </c>
      <c r="BG8" s="102">
        <v>2636</v>
      </c>
      <c r="BH8" s="103">
        <v>4968</v>
      </c>
      <c r="BI8" s="413">
        <v>0</v>
      </c>
      <c r="BJ8" s="102">
        <v>2963</v>
      </c>
      <c r="BK8" s="102">
        <v>3475</v>
      </c>
      <c r="BL8" s="102">
        <v>2129</v>
      </c>
      <c r="BM8" s="102">
        <v>1713</v>
      </c>
      <c r="BN8" s="102">
        <v>976</v>
      </c>
      <c r="BO8" s="103">
        <v>11256</v>
      </c>
      <c r="BP8" s="104">
        <v>16224</v>
      </c>
      <c r="BQ8" s="101">
        <v>1445</v>
      </c>
      <c r="BR8" s="102">
        <v>1885</v>
      </c>
      <c r="BS8" s="103">
        <v>3330</v>
      </c>
      <c r="BT8" s="413">
        <v>0</v>
      </c>
      <c r="BU8" s="102">
        <v>2114</v>
      </c>
      <c r="BV8" s="102">
        <v>2939</v>
      </c>
      <c r="BW8" s="102">
        <v>1945</v>
      </c>
      <c r="BX8" s="102">
        <v>1510</v>
      </c>
      <c r="BY8" s="102">
        <v>777</v>
      </c>
      <c r="BZ8" s="103">
        <v>9285</v>
      </c>
      <c r="CA8" s="104">
        <v>12615</v>
      </c>
      <c r="CB8" s="101">
        <v>179</v>
      </c>
      <c r="CC8" s="102">
        <v>376</v>
      </c>
      <c r="CD8" s="103">
        <v>555</v>
      </c>
      <c r="CE8" s="413">
        <v>0</v>
      </c>
      <c r="CF8" s="102">
        <v>247</v>
      </c>
      <c r="CG8" s="102">
        <v>658</v>
      </c>
      <c r="CH8" s="102">
        <v>381</v>
      </c>
      <c r="CI8" s="102">
        <v>329</v>
      </c>
      <c r="CJ8" s="102">
        <v>349</v>
      </c>
      <c r="CK8" s="103">
        <v>1964</v>
      </c>
      <c r="CL8" s="104">
        <v>2519</v>
      </c>
      <c r="CM8" s="101">
        <v>8323</v>
      </c>
      <c r="CN8" s="102">
        <v>10645</v>
      </c>
      <c r="CO8" s="103">
        <v>18968</v>
      </c>
      <c r="CP8" s="413">
        <v>0</v>
      </c>
      <c r="CQ8" s="102">
        <v>10705</v>
      </c>
      <c r="CR8" s="102">
        <v>14843</v>
      </c>
      <c r="CS8" s="102">
        <v>9310</v>
      </c>
      <c r="CT8" s="102">
        <v>7567</v>
      </c>
      <c r="CU8" s="102">
        <v>4738</v>
      </c>
      <c r="CV8" s="103">
        <v>47163</v>
      </c>
      <c r="CW8" s="104">
        <v>66131</v>
      </c>
      <c r="CX8" s="105">
        <v>15428</v>
      </c>
      <c r="CY8" s="97">
        <v>21287</v>
      </c>
      <c r="CZ8" s="98">
        <v>36715</v>
      </c>
      <c r="DA8" s="413">
        <v>0</v>
      </c>
      <c r="DB8" s="97">
        <v>20015</v>
      </c>
      <c r="DC8" s="97">
        <v>25041</v>
      </c>
      <c r="DD8" s="97">
        <v>16839</v>
      </c>
      <c r="DE8" s="97">
        <v>16281</v>
      </c>
      <c r="DF8" s="97">
        <v>10504</v>
      </c>
      <c r="DG8" s="99">
        <v>88680</v>
      </c>
      <c r="DH8" s="100">
        <v>125395</v>
      </c>
      <c r="DI8" s="101">
        <v>318</v>
      </c>
      <c r="DJ8" s="102">
        <v>497</v>
      </c>
      <c r="DK8" s="103">
        <v>815</v>
      </c>
      <c r="DL8" s="413">
        <v>0</v>
      </c>
      <c r="DM8" s="102">
        <v>275</v>
      </c>
      <c r="DN8" s="102">
        <v>480</v>
      </c>
      <c r="DO8" s="102">
        <v>310</v>
      </c>
      <c r="DP8" s="102">
        <v>276</v>
      </c>
      <c r="DQ8" s="102">
        <v>230</v>
      </c>
      <c r="DR8" s="103">
        <v>1571</v>
      </c>
      <c r="DS8" s="104">
        <v>2386</v>
      </c>
      <c r="DT8" s="101">
        <v>848</v>
      </c>
      <c r="DU8" s="102">
        <v>1314</v>
      </c>
      <c r="DV8" s="103">
        <v>2162</v>
      </c>
      <c r="DW8" s="413">
        <v>0</v>
      </c>
      <c r="DX8" s="102">
        <v>775</v>
      </c>
      <c r="DY8" s="102">
        <v>1169</v>
      </c>
      <c r="DZ8" s="102">
        <v>674</v>
      </c>
      <c r="EA8" s="102">
        <v>669</v>
      </c>
      <c r="EB8" s="102">
        <v>586</v>
      </c>
      <c r="EC8" s="103">
        <v>3873</v>
      </c>
      <c r="ED8" s="104">
        <v>6035</v>
      </c>
      <c r="EE8" s="101">
        <v>2319</v>
      </c>
      <c r="EF8" s="102">
        <v>3010</v>
      </c>
      <c r="EG8" s="103">
        <v>5329</v>
      </c>
      <c r="EH8" s="413">
        <v>0</v>
      </c>
      <c r="EI8" s="102">
        <v>2178</v>
      </c>
      <c r="EJ8" s="102">
        <v>2552</v>
      </c>
      <c r="EK8" s="102">
        <v>1432</v>
      </c>
      <c r="EL8" s="102">
        <v>1378</v>
      </c>
      <c r="EM8" s="102">
        <v>1066</v>
      </c>
      <c r="EN8" s="103">
        <v>8606</v>
      </c>
      <c r="EO8" s="104">
        <v>13935</v>
      </c>
      <c r="EP8" s="101">
        <v>4903</v>
      </c>
      <c r="EQ8" s="102">
        <v>5863</v>
      </c>
      <c r="ER8" s="103">
        <v>10766</v>
      </c>
      <c r="ES8" s="413">
        <v>0</v>
      </c>
      <c r="ET8" s="102">
        <v>5083</v>
      </c>
      <c r="EU8" s="102">
        <v>5343</v>
      </c>
      <c r="EV8" s="102">
        <v>3143</v>
      </c>
      <c r="EW8" s="102">
        <v>2843</v>
      </c>
      <c r="EX8" s="102">
        <v>1901</v>
      </c>
      <c r="EY8" s="103">
        <v>18313</v>
      </c>
      <c r="EZ8" s="104">
        <v>29079</v>
      </c>
      <c r="FA8" s="101">
        <v>4590</v>
      </c>
      <c r="FB8" s="102">
        <v>6286</v>
      </c>
      <c r="FC8" s="103">
        <v>10876</v>
      </c>
      <c r="FD8" s="413">
        <v>0</v>
      </c>
      <c r="FE8" s="102">
        <v>6306</v>
      </c>
      <c r="FF8" s="102">
        <v>7270</v>
      </c>
      <c r="FG8" s="102">
        <v>4562</v>
      </c>
      <c r="FH8" s="102">
        <v>4141</v>
      </c>
      <c r="FI8" s="102">
        <v>2655</v>
      </c>
      <c r="FJ8" s="103">
        <v>24934</v>
      </c>
      <c r="FK8" s="104">
        <v>35810</v>
      </c>
      <c r="FL8" s="101">
        <v>2450</v>
      </c>
      <c r="FM8" s="102">
        <v>4317</v>
      </c>
      <c r="FN8" s="103">
        <v>6767</v>
      </c>
      <c r="FO8" s="413">
        <v>0</v>
      </c>
      <c r="FP8" s="102">
        <v>5398</v>
      </c>
      <c r="FQ8" s="102">
        <v>8227</v>
      </c>
      <c r="FR8" s="102">
        <v>6718</v>
      </c>
      <c r="FS8" s="102">
        <v>6974</v>
      </c>
      <c r="FT8" s="102">
        <v>4066</v>
      </c>
      <c r="FU8" s="103">
        <v>31383</v>
      </c>
      <c r="FV8" s="104">
        <v>38150</v>
      </c>
      <c r="FW8" s="101">
        <v>154</v>
      </c>
      <c r="FX8" s="102">
        <v>291</v>
      </c>
      <c r="FY8" s="103">
        <v>445</v>
      </c>
      <c r="FZ8" s="413">
        <v>0</v>
      </c>
      <c r="GA8" s="102">
        <v>215</v>
      </c>
      <c r="GB8" s="102">
        <v>522</v>
      </c>
      <c r="GC8" s="102">
        <v>260</v>
      </c>
      <c r="GD8" s="102">
        <v>239</v>
      </c>
      <c r="GE8" s="102">
        <v>283</v>
      </c>
      <c r="GF8" s="103">
        <v>1519</v>
      </c>
      <c r="GG8" s="104">
        <v>1964</v>
      </c>
      <c r="GH8" s="101">
        <v>15582</v>
      </c>
      <c r="GI8" s="102">
        <v>21578</v>
      </c>
      <c r="GJ8" s="103">
        <v>37160</v>
      </c>
      <c r="GK8" s="413">
        <v>0</v>
      </c>
      <c r="GL8" s="102">
        <v>20230</v>
      </c>
      <c r="GM8" s="102">
        <v>25563</v>
      </c>
      <c r="GN8" s="102">
        <v>17099</v>
      </c>
      <c r="GO8" s="102">
        <v>16520</v>
      </c>
      <c r="GP8" s="102">
        <v>10787</v>
      </c>
      <c r="GQ8" s="103">
        <v>90199</v>
      </c>
      <c r="GR8" s="104">
        <v>127359</v>
      </c>
      <c r="GS8" s="105">
        <v>23572</v>
      </c>
      <c r="GT8" s="97">
        <v>31556</v>
      </c>
      <c r="GU8" s="98">
        <v>55128</v>
      </c>
      <c r="GV8" s="413">
        <v>0</v>
      </c>
      <c r="GW8" s="97">
        <v>30473</v>
      </c>
      <c r="GX8" s="97">
        <v>39226</v>
      </c>
      <c r="GY8" s="97">
        <v>25768</v>
      </c>
      <c r="GZ8" s="97">
        <v>23519</v>
      </c>
      <c r="HA8" s="97">
        <v>14893</v>
      </c>
      <c r="HB8" s="99">
        <v>133879</v>
      </c>
      <c r="HC8" s="100">
        <v>189007</v>
      </c>
      <c r="HD8" s="101">
        <v>617</v>
      </c>
      <c r="HE8" s="102">
        <v>967</v>
      </c>
      <c r="HF8" s="103">
        <v>1584</v>
      </c>
      <c r="HG8" s="416">
        <v>0</v>
      </c>
      <c r="HH8" s="102">
        <v>695</v>
      </c>
      <c r="HI8" s="102">
        <v>1223</v>
      </c>
      <c r="HJ8" s="102">
        <v>756</v>
      </c>
      <c r="HK8" s="102">
        <v>667</v>
      </c>
      <c r="HL8" s="102">
        <v>514</v>
      </c>
      <c r="HM8" s="103">
        <v>3855</v>
      </c>
      <c r="HN8" s="104">
        <v>5439</v>
      </c>
      <c r="HO8" s="101">
        <v>1519</v>
      </c>
      <c r="HP8" s="102">
        <v>2358</v>
      </c>
      <c r="HQ8" s="103">
        <v>3877</v>
      </c>
      <c r="HR8" s="413">
        <v>0</v>
      </c>
      <c r="HS8" s="102">
        <v>1579</v>
      </c>
      <c r="HT8" s="102">
        <v>2621</v>
      </c>
      <c r="HU8" s="102">
        <v>1584</v>
      </c>
      <c r="HV8" s="102">
        <v>1461</v>
      </c>
      <c r="HW8" s="102">
        <v>1146</v>
      </c>
      <c r="HX8" s="103">
        <v>8391</v>
      </c>
      <c r="HY8" s="104">
        <v>12268</v>
      </c>
      <c r="HZ8" s="101">
        <v>3565</v>
      </c>
      <c r="IA8" s="102">
        <v>4670</v>
      </c>
      <c r="IB8" s="103">
        <v>8235</v>
      </c>
      <c r="IC8" s="413">
        <v>0</v>
      </c>
      <c r="ID8" s="102">
        <v>3672</v>
      </c>
      <c r="IE8" s="102">
        <v>4902</v>
      </c>
      <c r="IF8" s="102">
        <v>2867</v>
      </c>
      <c r="IG8" s="102">
        <v>2533</v>
      </c>
      <c r="IH8" s="102">
        <v>1850</v>
      </c>
      <c r="II8" s="103">
        <v>15824</v>
      </c>
      <c r="IJ8" s="104">
        <v>24059</v>
      </c>
      <c r="IK8" s="101">
        <v>7054</v>
      </c>
      <c r="IL8" s="102">
        <v>8437</v>
      </c>
      <c r="IM8" s="103">
        <v>15491</v>
      </c>
      <c r="IN8" s="413">
        <v>0</v>
      </c>
      <c r="IO8" s="102">
        <v>7746</v>
      </c>
      <c r="IP8" s="102">
        <v>8569</v>
      </c>
      <c r="IQ8" s="102">
        <v>5207</v>
      </c>
      <c r="IR8" s="102">
        <v>4520</v>
      </c>
      <c r="IS8" s="102">
        <v>2909</v>
      </c>
      <c r="IT8" s="103">
        <v>28951</v>
      </c>
      <c r="IU8" s="104">
        <v>44442</v>
      </c>
      <c r="IV8" s="101">
        <v>6922</v>
      </c>
      <c r="IW8" s="102">
        <v>8922</v>
      </c>
      <c r="IX8" s="103">
        <v>15844</v>
      </c>
      <c r="IY8" s="413">
        <v>0</v>
      </c>
      <c r="IZ8" s="102">
        <v>9269</v>
      </c>
      <c r="JA8" s="102">
        <v>10745</v>
      </c>
      <c r="JB8" s="102">
        <v>6691</v>
      </c>
      <c r="JC8" s="102">
        <v>5854</v>
      </c>
      <c r="JD8" s="102">
        <v>3631</v>
      </c>
      <c r="JE8" s="103">
        <v>36190</v>
      </c>
      <c r="JF8" s="104">
        <v>52034</v>
      </c>
      <c r="JG8" s="101">
        <v>3895</v>
      </c>
      <c r="JH8" s="102">
        <v>6202</v>
      </c>
      <c r="JI8" s="103">
        <v>10097</v>
      </c>
      <c r="JJ8" s="413">
        <v>0</v>
      </c>
      <c r="JK8" s="102">
        <v>7512</v>
      </c>
      <c r="JL8" s="102">
        <v>11166</v>
      </c>
      <c r="JM8" s="102">
        <v>8663</v>
      </c>
      <c r="JN8" s="102">
        <v>8484</v>
      </c>
      <c r="JO8" s="102">
        <v>4843</v>
      </c>
      <c r="JP8" s="103">
        <v>40668</v>
      </c>
      <c r="JQ8" s="104">
        <v>50765</v>
      </c>
      <c r="JR8" s="101">
        <v>333</v>
      </c>
      <c r="JS8" s="102">
        <v>667</v>
      </c>
      <c r="JT8" s="103">
        <v>1000</v>
      </c>
      <c r="JU8" s="413">
        <v>0</v>
      </c>
      <c r="JV8" s="102">
        <v>462</v>
      </c>
      <c r="JW8" s="102">
        <v>1180</v>
      </c>
      <c r="JX8" s="102">
        <v>641</v>
      </c>
      <c r="JY8" s="102">
        <v>568</v>
      </c>
      <c r="JZ8" s="102">
        <v>632</v>
      </c>
      <c r="KA8" s="103">
        <v>3483</v>
      </c>
      <c r="KB8" s="104">
        <v>4483</v>
      </c>
      <c r="KC8" s="101">
        <v>23905</v>
      </c>
      <c r="KD8" s="102">
        <v>32223</v>
      </c>
      <c r="KE8" s="103">
        <v>56128</v>
      </c>
      <c r="KF8" s="413">
        <v>0</v>
      </c>
      <c r="KG8" s="102">
        <v>30935</v>
      </c>
      <c r="KH8" s="102">
        <v>40406</v>
      </c>
      <c r="KI8" s="102">
        <v>26409</v>
      </c>
      <c r="KJ8" s="102">
        <v>24087</v>
      </c>
      <c r="KK8" s="102">
        <v>15525</v>
      </c>
      <c r="KL8" s="103">
        <v>137362</v>
      </c>
      <c r="KM8" s="104">
        <v>193490</v>
      </c>
    </row>
    <row r="9" spans="2:299" s="70" customFormat="1" ht="21" customHeight="1" x14ac:dyDescent="0.2">
      <c r="B9" s="106" t="s">
        <v>6</v>
      </c>
      <c r="C9" s="96">
        <v>2799</v>
      </c>
      <c r="D9" s="97">
        <v>2412</v>
      </c>
      <c r="E9" s="98">
        <v>5211</v>
      </c>
      <c r="F9" s="413">
        <v>0</v>
      </c>
      <c r="G9" s="97">
        <v>5170</v>
      </c>
      <c r="H9" s="97">
        <v>4315</v>
      </c>
      <c r="I9" s="97">
        <v>2885</v>
      </c>
      <c r="J9" s="97">
        <v>2434</v>
      </c>
      <c r="K9" s="97">
        <v>1621</v>
      </c>
      <c r="L9" s="99">
        <v>16425</v>
      </c>
      <c r="M9" s="100">
        <v>21636</v>
      </c>
      <c r="N9" s="101">
        <v>153</v>
      </c>
      <c r="O9" s="102">
        <v>152</v>
      </c>
      <c r="P9" s="103">
        <v>305</v>
      </c>
      <c r="Q9" s="413">
        <v>0</v>
      </c>
      <c r="R9" s="102">
        <v>272</v>
      </c>
      <c r="S9" s="102">
        <v>252</v>
      </c>
      <c r="T9" s="102">
        <v>159</v>
      </c>
      <c r="U9" s="102">
        <v>134</v>
      </c>
      <c r="V9" s="102">
        <v>115</v>
      </c>
      <c r="W9" s="103">
        <v>932</v>
      </c>
      <c r="X9" s="104">
        <v>1237</v>
      </c>
      <c r="Y9" s="101">
        <v>295</v>
      </c>
      <c r="Z9" s="102">
        <v>267</v>
      </c>
      <c r="AA9" s="103">
        <v>562</v>
      </c>
      <c r="AB9" s="413">
        <v>0</v>
      </c>
      <c r="AC9" s="102">
        <v>522</v>
      </c>
      <c r="AD9" s="102">
        <v>454</v>
      </c>
      <c r="AE9" s="102">
        <v>318</v>
      </c>
      <c r="AF9" s="102">
        <v>273</v>
      </c>
      <c r="AG9" s="102">
        <v>223</v>
      </c>
      <c r="AH9" s="103">
        <v>1790</v>
      </c>
      <c r="AI9" s="104">
        <v>2352</v>
      </c>
      <c r="AJ9" s="101">
        <v>474</v>
      </c>
      <c r="AK9" s="102">
        <v>412</v>
      </c>
      <c r="AL9" s="103">
        <v>886</v>
      </c>
      <c r="AM9" s="413">
        <v>0</v>
      </c>
      <c r="AN9" s="102">
        <v>876</v>
      </c>
      <c r="AO9" s="102">
        <v>743</v>
      </c>
      <c r="AP9" s="102">
        <v>488</v>
      </c>
      <c r="AQ9" s="102">
        <v>444</v>
      </c>
      <c r="AR9" s="102">
        <v>310</v>
      </c>
      <c r="AS9" s="103">
        <v>2861</v>
      </c>
      <c r="AT9" s="104">
        <v>3747</v>
      </c>
      <c r="AU9" s="101">
        <v>697</v>
      </c>
      <c r="AV9" s="102">
        <v>573</v>
      </c>
      <c r="AW9" s="103">
        <v>1270</v>
      </c>
      <c r="AX9" s="413">
        <v>0</v>
      </c>
      <c r="AY9" s="102">
        <v>1297</v>
      </c>
      <c r="AZ9" s="102">
        <v>1050</v>
      </c>
      <c r="BA9" s="102">
        <v>657</v>
      </c>
      <c r="BB9" s="102">
        <v>562</v>
      </c>
      <c r="BC9" s="102">
        <v>344</v>
      </c>
      <c r="BD9" s="103">
        <v>3910</v>
      </c>
      <c r="BE9" s="104">
        <v>5180</v>
      </c>
      <c r="BF9" s="101">
        <v>749</v>
      </c>
      <c r="BG9" s="102">
        <v>597</v>
      </c>
      <c r="BH9" s="103">
        <v>1346</v>
      </c>
      <c r="BI9" s="413">
        <v>0</v>
      </c>
      <c r="BJ9" s="102">
        <v>1264</v>
      </c>
      <c r="BK9" s="102">
        <v>980</v>
      </c>
      <c r="BL9" s="102">
        <v>668</v>
      </c>
      <c r="BM9" s="102">
        <v>516</v>
      </c>
      <c r="BN9" s="102">
        <v>359</v>
      </c>
      <c r="BO9" s="103">
        <v>3787</v>
      </c>
      <c r="BP9" s="104">
        <v>5133</v>
      </c>
      <c r="BQ9" s="101">
        <v>431</v>
      </c>
      <c r="BR9" s="102">
        <v>411</v>
      </c>
      <c r="BS9" s="103">
        <v>842</v>
      </c>
      <c r="BT9" s="413">
        <v>0</v>
      </c>
      <c r="BU9" s="102">
        <v>939</v>
      </c>
      <c r="BV9" s="102">
        <v>836</v>
      </c>
      <c r="BW9" s="102">
        <v>595</v>
      </c>
      <c r="BX9" s="102">
        <v>505</v>
      </c>
      <c r="BY9" s="102">
        <v>270</v>
      </c>
      <c r="BZ9" s="103">
        <v>3145</v>
      </c>
      <c r="CA9" s="104">
        <v>3987</v>
      </c>
      <c r="CB9" s="101">
        <v>87</v>
      </c>
      <c r="CC9" s="102">
        <v>99</v>
      </c>
      <c r="CD9" s="103">
        <v>186</v>
      </c>
      <c r="CE9" s="413">
        <v>0</v>
      </c>
      <c r="CF9" s="102">
        <v>173</v>
      </c>
      <c r="CG9" s="102">
        <v>201</v>
      </c>
      <c r="CH9" s="102">
        <v>119</v>
      </c>
      <c r="CI9" s="102">
        <v>129</v>
      </c>
      <c r="CJ9" s="102">
        <v>130</v>
      </c>
      <c r="CK9" s="103">
        <v>752</v>
      </c>
      <c r="CL9" s="104">
        <v>938</v>
      </c>
      <c r="CM9" s="101">
        <v>2886</v>
      </c>
      <c r="CN9" s="102">
        <v>2511</v>
      </c>
      <c r="CO9" s="103">
        <v>5397</v>
      </c>
      <c r="CP9" s="413">
        <v>0</v>
      </c>
      <c r="CQ9" s="102">
        <v>5343</v>
      </c>
      <c r="CR9" s="102">
        <v>4516</v>
      </c>
      <c r="CS9" s="102">
        <v>3004</v>
      </c>
      <c r="CT9" s="102">
        <v>2563</v>
      </c>
      <c r="CU9" s="102">
        <v>1751</v>
      </c>
      <c r="CV9" s="103">
        <v>17177</v>
      </c>
      <c r="CW9" s="104">
        <v>22574</v>
      </c>
      <c r="CX9" s="105">
        <v>5448</v>
      </c>
      <c r="CY9" s="97">
        <v>5635</v>
      </c>
      <c r="CZ9" s="98">
        <v>11083</v>
      </c>
      <c r="DA9" s="413">
        <v>0</v>
      </c>
      <c r="DB9" s="97">
        <v>8990</v>
      </c>
      <c r="DC9" s="97">
        <v>7068</v>
      </c>
      <c r="DD9" s="97">
        <v>5314</v>
      </c>
      <c r="DE9" s="97">
        <v>5221</v>
      </c>
      <c r="DF9" s="97">
        <v>3679</v>
      </c>
      <c r="DG9" s="99">
        <v>30272</v>
      </c>
      <c r="DH9" s="100">
        <v>41355</v>
      </c>
      <c r="DI9" s="101">
        <v>121</v>
      </c>
      <c r="DJ9" s="102">
        <v>136</v>
      </c>
      <c r="DK9" s="103">
        <v>257</v>
      </c>
      <c r="DL9" s="413">
        <v>0</v>
      </c>
      <c r="DM9" s="102">
        <v>165</v>
      </c>
      <c r="DN9" s="102">
        <v>134</v>
      </c>
      <c r="DO9" s="102">
        <v>105</v>
      </c>
      <c r="DP9" s="102">
        <v>89</v>
      </c>
      <c r="DQ9" s="102">
        <v>74</v>
      </c>
      <c r="DR9" s="103">
        <v>567</v>
      </c>
      <c r="DS9" s="104">
        <v>824</v>
      </c>
      <c r="DT9" s="101">
        <v>351</v>
      </c>
      <c r="DU9" s="102">
        <v>342</v>
      </c>
      <c r="DV9" s="103">
        <v>693</v>
      </c>
      <c r="DW9" s="413">
        <v>0</v>
      </c>
      <c r="DX9" s="102">
        <v>432</v>
      </c>
      <c r="DY9" s="102">
        <v>358</v>
      </c>
      <c r="DZ9" s="102">
        <v>226</v>
      </c>
      <c r="EA9" s="102">
        <v>243</v>
      </c>
      <c r="EB9" s="102">
        <v>184</v>
      </c>
      <c r="EC9" s="103">
        <v>1443</v>
      </c>
      <c r="ED9" s="104">
        <v>2136</v>
      </c>
      <c r="EE9" s="101">
        <v>803</v>
      </c>
      <c r="EF9" s="102">
        <v>796</v>
      </c>
      <c r="EG9" s="103">
        <v>1599</v>
      </c>
      <c r="EH9" s="413">
        <v>0</v>
      </c>
      <c r="EI9" s="102">
        <v>1040</v>
      </c>
      <c r="EJ9" s="102">
        <v>718</v>
      </c>
      <c r="EK9" s="102">
        <v>440</v>
      </c>
      <c r="EL9" s="102">
        <v>451</v>
      </c>
      <c r="EM9" s="102">
        <v>354</v>
      </c>
      <c r="EN9" s="103">
        <v>3003</v>
      </c>
      <c r="EO9" s="104">
        <v>4602</v>
      </c>
      <c r="EP9" s="101">
        <v>1727</v>
      </c>
      <c r="EQ9" s="102">
        <v>1593</v>
      </c>
      <c r="ER9" s="103">
        <v>3320</v>
      </c>
      <c r="ES9" s="413">
        <v>0</v>
      </c>
      <c r="ET9" s="102">
        <v>2242</v>
      </c>
      <c r="EU9" s="102">
        <v>1456</v>
      </c>
      <c r="EV9" s="102">
        <v>1006</v>
      </c>
      <c r="EW9" s="102">
        <v>902</v>
      </c>
      <c r="EX9" s="102">
        <v>648</v>
      </c>
      <c r="EY9" s="103">
        <v>6254</v>
      </c>
      <c r="EZ9" s="104">
        <v>9574</v>
      </c>
      <c r="FA9" s="101">
        <v>1588</v>
      </c>
      <c r="FB9" s="102">
        <v>1650</v>
      </c>
      <c r="FC9" s="103">
        <v>3238</v>
      </c>
      <c r="FD9" s="413">
        <v>0</v>
      </c>
      <c r="FE9" s="102">
        <v>2722</v>
      </c>
      <c r="FF9" s="102">
        <v>2102</v>
      </c>
      <c r="FG9" s="102">
        <v>1448</v>
      </c>
      <c r="FH9" s="102">
        <v>1284</v>
      </c>
      <c r="FI9" s="102">
        <v>948</v>
      </c>
      <c r="FJ9" s="103">
        <v>8504</v>
      </c>
      <c r="FK9" s="104">
        <v>11742</v>
      </c>
      <c r="FL9" s="101">
        <v>858</v>
      </c>
      <c r="FM9" s="102">
        <v>1118</v>
      </c>
      <c r="FN9" s="103">
        <v>1976</v>
      </c>
      <c r="FO9" s="413">
        <v>0</v>
      </c>
      <c r="FP9" s="102">
        <v>2389</v>
      </c>
      <c r="FQ9" s="102">
        <v>2300</v>
      </c>
      <c r="FR9" s="102">
        <v>2089</v>
      </c>
      <c r="FS9" s="102">
        <v>2252</v>
      </c>
      <c r="FT9" s="102">
        <v>1471</v>
      </c>
      <c r="FU9" s="103">
        <v>10501</v>
      </c>
      <c r="FV9" s="104">
        <v>12477</v>
      </c>
      <c r="FW9" s="101">
        <v>64</v>
      </c>
      <c r="FX9" s="102">
        <v>95</v>
      </c>
      <c r="FY9" s="103">
        <v>159</v>
      </c>
      <c r="FZ9" s="413">
        <v>0</v>
      </c>
      <c r="GA9" s="102">
        <v>135</v>
      </c>
      <c r="GB9" s="102">
        <v>136</v>
      </c>
      <c r="GC9" s="102">
        <v>96</v>
      </c>
      <c r="GD9" s="102">
        <v>91</v>
      </c>
      <c r="GE9" s="102">
        <v>88</v>
      </c>
      <c r="GF9" s="103">
        <v>546</v>
      </c>
      <c r="GG9" s="104">
        <v>705</v>
      </c>
      <c r="GH9" s="101">
        <v>5512</v>
      </c>
      <c r="GI9" s="102">
        <v>5730</v>
      </c>
      <c r="GJ9" s="103">
        <v>11242</v>
      </c>
      <c r="GK9" s="413">
        <v>0</v>
      </c>
      <c r="GL9" s="102">
        <v>9125</v>
      </c>
      <c r="GM9" s="102">
        <v>7204</v>
      </c>
      <c r="GN9" s="102">
        <v>5410</v>
      </c>
      <c r="GO9" s="102">
        <v>5312</v>
      </c>
      <c r="GP9" s="102">
        <v>3767</v>
      </c>
      <c r="GQ9" s="103">
        <v>30818</v>
      </c>
      <c r="GR9" s="104">
        <v>42060</v>
      </c>
      <c r="GS9" s="105">
        <v>8247</v>
      </c>
      <c r="GT9" s="97">
        <v>8047</v>
      </c>
      <c r="GU9" s="98">
        <v>16294</v>
      </c>
      <c r="GV9" s="413">
        <v>0</v>
      </c>
      <c r="GW9" s="97">
        <v>14160</v>
      </c>
      <c r="GX9" s="97">
        <v>11383</v>
      </c>
      <c r="GY9" s="97">
        <v>8199</v>
      </c>
      <c r="GZ9" s="97">
        <v>7655</v>
      </c>
      <c r="HA9" s="97">
        <v>5300</v>
      </c>
      <c r="HB9" s="99">
        <v>46697</v>
      </c>
      <c r="HC9" s="100">
        <v>62991</v>
      </c>
      <c r="HD9" s="101">
        <v>274</v>
      </c>
      <c r="HE9" s="102">
        <v>288</v>
      </c>
      <c r="HF9" s="103">
        <v>562</v>
      </c>
      <c r="HG9" s="416">
        <v>0</v>
      </c>
      <c r="HH9" s="102">
        <v>437</v>
      </c>
      <c r="HI9" s="102">
        <v>386</v>
      </c>
      <c r="HJ9" s="102">
        <v>264</v>
      </c>
      <c r="HK9" s="102">
        <v>223</v>
      </c>
      <c r="HL9" s="102">
        <v>189</v>
      </c>
      <c r="HM9" s="103">
        <v>1499</v>
      </c>
      <c r="HN9" s="104">
        <v>2061</v>
      </c>
      <c r="HO9" s="101">
        <v>646</v>
      </c>
      <c r="HP9" s="102">
        <v>609</v>
      </c>
      <c r="HQ9" s="103">
        <v>1255</v>
      </c>
      <c r="HR9" s="413">
        <v>0</v>
      </c>
      <c r="HS9" s="102">
        <v>954</v>
      </c>
      <c r="HT9" s="102">
        <v>812</v>
      </c>
      <c r="HU9" s="102">
        <v>544</v>
      </c>
      <c r="HV9" s="102">
        <v>516</v>
      </c>
      <c r="HW9" s="102">
        <v>407</v>
      </c>
      <c r="HX9" s="103">
        <v>3233</v>
      </c>
      <c r="HY9" s="104">
        <v>4488</v>
      </c>
      <c r="HZ9" s="101">
        <v>1277</v>
      </c>
      <c r="IA9" s="102">
        <v>1208</v>
      </c>
      <c r="IB9" s="103">
        <v>2485</v>
      </c>
      <c r="IC9" s="413">
        <v>0</v>
      </c>
      <c r="ID9" s="102">
        <v>1916</v>
      </c>
      <c r="IE9" s="102">
        <v>1461</v>
      </c>
      <c r="IF9" s="102">
        <v>928</v>
      </c>
      <c r="IG9" s="102">
        <v>895</v>
      </c>
      <c r="IH9" s="102">
        <v>664</v>
      </c>
      <c r="II9" s="103">
        <v>5864</v>
      </c>
      <c r="IJ9" s="104">
        <v>8349</v>
      </c>
      <c r="IK9" s="101">
        <v>2424</v>
      </c>
      <c r="IL9" s="102">
        <v>2166</v>
      </c>
      <c r="IM9" s="103">
        <v>4590</v>
      </c>
      <c r="IN9" s="413">
        <v>0</v>
      </c>
      <c r="IO9" s="102">
        <v>3539</v>
      </c>
      <c r="IP9" s="102">
        <v>2506</v>
      </c>
      <c r="IQ9" s="102">
        <v>1663</v>
      </c>
      <c r="IR9" s="102">
        <v>1464</v>
      </c>
      <c r="IS9" s="102">
        <v>992</v>
      </c>
      <c r="IT9" s="103">
        <v>10164</v>
      </c>
      <c r="IU9" s="104">
        <v>14754</v>
      </c>
      <c r="IV9" s="101">
        <v>2337</v>
      </c>
      <c r="IW9" s="102">
        <v>2247</v>
      </c>
      <c r="IX9" s="103">
        <v>4584</v>
      </c>
      <c r="IY9" s="413">
        <v>0</v>
      </c>
      <c r="IZ9" s="102">
        <v>3986</v>
      </c>
      <c r="JA9" s="102">
        <v>3082</v>
      </c>
      <c r="JB9" s="102">
        <v>2116</v>
      </c>
      <c r="JC9" s="102">
        <v>1800</v>
      </c>
      <c r="JD9" s="102">
        <v>1307</v>
      </c>
      <c r="JE9" s="103">
        <v>12291</v>
      </c>
      <c r="JF9" s="104">
        <v>16875</v>
      </c>
      <c r="JG9" s="101">
        <v>1289</v>
      </c>
      <c r="JH9" s="102">
        <v>1529</v>
      </c>
      <c r="JI9" s="103">
        <v>2818</v>
      </c>
      <c r="JJ9" s="413">
        <v>0</v>
      </c>
      <c r="JK9" s="102">
        <v>3328</v>
      </c>
      <c r="JL9" s="102">
        <v>3136</v>
      </c>
      <c r="JM9" s="102">
        <v>2684</v>
      </c>
      <c r="JN9" s="102">
        <v>2757</v>
      </c>
      <c r="JO9" s="102">
        <v>1741</v>
      </c>
      <c r="JP9" s="103">
        <v>13646</v>
      </c>
      <c r="JQ9" s="104">
        <v>16464</v>
      </c>
      <c r="JR9" s="101">
        <v>151</v>
      </c>
      <c r="JS9" s="102">
        <v>194</v>
      </c>
      <c r="JT9" s="103">
        <v>345</v>
      </c>
      <c r="JU9" s="413">
        <v>0</v>
      </c>
      <c r="JV9" s="102">
        <v>308</v>
      </c>
      <c r="JW9" s="102">
        <v>337</v>
      </c>
      <c r="JX9" s="102">
        <v>215</v>
      </c>
      <c r="JY9" s="102">
        <v>220</v>
      </c>
      <c r="JZ9" s="102">
        <v>218</v>
      </c>
      <c r="KA9" s="103">
        <v>1298</v>
      </c>
      <c r="KB9" s="104">
        <v>1643</v>
      </c>
      <c r="KC9" s="101">
        <v>8398</v>
      </c>
      <c r="KD9" s="102">
        <v>8241</v>
      </c>
      <c r="KE9" s="103">
        <v>16639</v>
      </c>
      <c r="KF9" s="413">
        <v>0</v>
      </c>
      <c r="KG9" s="102">
        <v>14468</v>
      </c>
      <c r="KH9" s="102">
        <v>11720</v>
      </c>
      <c r="KI9" s="102">
        <v>8414</v>
      </c>
      <c r="KJ9" s="102">
        <v>7875</v>
      </c>
      <c r="KK9" s="102">
        <v>5518</v>
      </c>
      <c r="KL9" s="103">
        <v>47995</v>
      </c>
      <c r="KM9" s="104">
        <v>64634</v>
      </c>
    </row>
    <row r="10" spans="2:299" s="70" customFormat="1" ht="21" customHeight="1" x14ac:dyDescent="0.2">
      <c r="B10" s="106" t="s">
        <v>14</v>
      </c>
      <c r="C10" s="96">
        <v>1603</v>
      </c>
      <c r="D10" s="97">
        <v>2009</v>
      </c>
      <c r="E10" s="98">
        <v>3612</v>
      </c>
      <c r="F10" s="413">
        <v>0</v>
      </c>
      <c r="G10" s="97">
        <v>2370</v>
      </c>
      <c r="H10" s="97">
        <v>2665</v>
      </c>
      <c r="I10" s="97">
        <v>1905</v>
      </c>
      <c r="J10" s="97">
        <v>1524</v>
      </c>
      <c r="K10" s="97">
        <v>893</v>
      </c>
      <c r="L10" s="99">
        <v>9357</v>
      </c>
      <c r="M10" s="100">
        <v>12969</v>
      </c>
      <c r="N10" s="101">
        <v>68</v>
      </c>
      <c r="O10" s="102">
        <v>88</v>
      </c>
      <c r="P10" s="103">
        <v>156</v>
      </c>
      <c r="Q10" s="413">
        <v>0</v>
      </c>
      <c r="R10" s="102">
        <v>92</v>
      </c>
      <c r="S10" s="102">
        <v>137</v>
      </c>
      <c r="T10" s="102">
        <v>100</v>
      </c>
      <c r="U10" s="102">
        <v>98</v>
      </c>
      <c r="V10" s="102">
        <v>63</v>
      </c>
      <c r="W10" s="103">
        <v>490</v>
      </c>
      <c r="X10" s="104">
        <v>646</v>
      </c>
      <c r="Y10" s="101">
        <v>145</v>
      </c>
      <c r="Z10" s="102">
        <v>265</v>
      </c>
      <c r="AA10" s="103">
        <v>410</v>
      </c>
      <c r="AB10" s="413">
        <v>0</v>
      </c>
      <c r="AC10" s="102">
        <v>202</v>
      </c>
      <c r="AD10" s="102">
        <v>258</v>
      </c>
      <c r="AE10" s="102">
        <v>187</v>
      </c>
      <c r="AF10" s="102">
        <v>160</v>
      </c>
      <c r="AG10" s="102">
        <v>119</v>
      </c>
      <c r="AH10" s="103">
        <v>926</v>
      </c>
      <c r="AI10" s="104">
        <v>1336</v>
      </c>
      <c r="AJ10" s="101">
        <v>244</v>
      </c>
      <c r="AK10" s="102">
        <v>362</v>
      </c>
      <c r="AL10" s="103">
        <v>606</v>
      </c>
      <c r="AM10" s="413">
        <v>0</v>
      </c>
      <c r="AN10" s="102">
        <v>365</v>
      </c>
      <c r="AO10" s="102">
        <v>437</v>
      </c>
      <c r="AP10" s="102">
        <v>315</v>
      </c>
      <c r="AQ10" s="102">
        <v>256</v>
      </c>
      <c r="AR10" s="102">
        <v>154</v>
      </c>
      <c r="AS10" s="103">
        <v>1527</v>
      </c>
      <c r="AT10" s="104">
        <v>2133</v>
      </c>
      <c r="AU10" s="101">
        <v>484</v>
      </c>
      <c r="AV10" s="102">
        <v>534</v>
      </c>
      <c r="AW10" s="103">
        <v>1018</v>
      </c>
      <c r="AX10" s="413">
        <v>0</v>
      </c>
      <c r="AY10" s="102">
        <v>685</v>
      </c>
      <c r="AZ10" s="102">
        <v>689</v>
      </c>
      <c r="BA10" s="102">
        <v>492</v>
      </c>
      <c r="BB10" s="102">
        <v>382</v>
      </c>
      <c r="BC10" s="102">
        <v>221</v>
      </c>
      <c r="BD10" s="103">
        <v>2469</v>
      </c>
      <c r="BE10" s="104">
        <v>3487</v>
      </c>
      <c r="BF10" s="101">
        <v>454</v>
      </c>
      <c r="BG10" s="102">
        <v>500</v>
      </c>
      <c r="BH10" s="103">
        <v>954</v>
      </c>
      <c r="BI10" s="413">
        <v>0</v>
      </c>
      <c r="BJ10" s="102">
        <v>648</v>
      </c>
      <c r="BK10" s="102">
        <v>690</v>
      </c>
      <c r="BL10" s="102">
        <v>464</v>
      </c>
      <c r="BM10" s="102">
        <v>358</v>
      </c>
      <c r="BN10" s="102">
        <v>198</v>
      </c>
      <c r="BO10" s="103">
        <v>2358</v>
      </c>
      <c r="BP10" s="104">
        <v>3312</v>
      </c>
      <c r="BQ10" s="101">
        <v>208</v>
      </c>
      <c r="BR10" s="102">
        <v>260</v>
      </c>
      <c r="BS10" s="103">
        <v>468</v>
      </c>
      <c r="BT10" s="413">
        <v>0</v>
      </c>
      <c r="BU10" s="102">
        <v>378</v>
      </c>
      <c r="BV10" s="102">
        <v>454</v>
      </c>
      <c r="BW10" s="102">
        <v>347</v>
      </c>
      <c r="BX10" s="102">
        <v>270</v>
      </c>
      <c r="BY10" s="102">
        <v>138</v>
      </c>
      <c r="BZ10" s="103">
        <v>1587</v>
      </c>
      <c r="CA10" s="104">
        <v>2055</v>
      </c>
      <c r="CB10" s="101">
        <v>33</v>
      </c>
      <c r="CC10" s="102">
        <v>101</v>
      </c>
      <c r="CD10" s="103">
        <v>134</v>
      </c>
      <c r="CE10" s="413">
        <v>0</v>
      </c>
      <c r="CF10" s="102">
        <v>42</v>
      </c>
      <c r="CG10" s="102">
        <v>131</v>
      </c>
      <c r="CH10" s="102">
        <v>79</v>
      </c>
      <c r="CI10" s="102">
        <v>67</v>
      </c>
      <c r="CJ10" s="102">
        <v>64</v>
      </c>
      <c r="CK10" s="103">
        <v>383</v>
      </c>
      <c r="CL10" s="104">
        <v>517</v>
      </c>
      <c r="CM10" s="101">
        <v>1636</v>
      </c>
      <c r="CN10" s="102">
        <v>2110</v>
      </c>
      <c r="CO10" s="103">
        <v>3746</v>
      </c>
      <c r="CP10" s="413">
        <v>0</v>
      </c>
      <c r="CQ10" s="102">
        <v>2412</v>
      </c>
      <c r="CR10" s="102">
        <v>2796</v>
      </c>
      <c r="CS10" s="102">
        <v>1984</v>
      </c>
      <c r="CT10" s="102">
        <v>1591</v>
      </c>
      <c r="CU10" s="102">
        <v>957</v>
      </c>
      <c r="CV10" s="103">
        <v>9740</v>
      </c>
      <c r="CW10" s="104">
        <v>13486</v>
      </c>
      <c r="CX10" s="105">
        <v>3111</v>
      </c>
      <c r="CY10" s="97">
        <v>4293</v>
      </c>
      <c r="CZ10" s="98">
        <v>7404</v>
      </c>
      <c r="DA10" s="413">
        <v>0</v>
      </c>
      <c r="DB10" s="97">
        <v>3977</v>
      </c>
      <c r="DC10" s="97">
        <v>4311</v>
      </c>
      <c r="DD10" s="97">
        <v>3346</v>
      </c>
      <c r="DE10" s="97">
        <v>3113</v>
      </c>
      <c r="DF10" s="97">
        <v>1928</v>
      </c>
      <c r="DG10" s="99">
        <v>16675</v>
      </c>
      <c r="DH10" s="100">
        <v>24079</v>
      </c>
      <c r="DI10" s="101">
        <v>69</v>
      </c>
      <c r="DJ10" s="102">
        <v>88</v>
      </c>
      <c r="DK10" s="103">
        <v>157</v>
      </c>
      <c r="DL10" s="413">
        <v>0</v>
      </c>
      <c r="DM10" s="102">
        <v>66</v>
      </c>
      <c r="DN10" s="102">
        <v>104</v>
      </c>
      <c r="DO10" s="102">
        <v>70</v>
      </c>
      <c r="DP10" s="102">
        <v>60</v>
      </c>
      <c r="DQ10" s="102">
        <v>45</v>
      </c>
      <c r="DR10" s="103">
        <v>345</v>
      </c>
      <c r="DS10" s="104">
        <v>502</v>
      </c>
      <c r="DT10" s="101">
        <v>224</v>
      </c>
      <c r="DU10" s="102">
        <v>301</v>
      </c>
      <c r="DV10" s="103">
        <v>525</v>
      </c>
      <c r="DW10" s="413">
        <v>0</v>
      </c>
      <c r="DX10" s="102">
        <v>186</v>
      </c>
      <c r="DY10" s="102">
        <v>254</v>
      </c>
      <c r="DZ10" s="102">
        <v>171</v>
      </c>
      <c r="EA10" s="102">
        <v>144</v>
      </c>
      <c r="EB10" s="102">
        <v>100</v>
      </c>
      <c r="EC10" s="103">
        <v>855</v>
      </c>
      <c r="ED10" s="104">
        <v>1380</v>
      </c>
      <c r="EE10" s="101">
        <v>549</v>
      </c>
      <c r="EF10" s="102">
        <v>717</v>
      </c>
      <c r="EG10" s="103">
        <v>1266</v>
      </c>
      <c r="EH10" s="413">
        <v>0</v>
      </c>
      <c r="EI10" s="102">
        <v>486</v>
      </c>
      <c r="EJ10" s="102">
        <v>550</v>
      </c>
      <c r="EK10" s="102">
        <v>330</v>
      </c>
      <c r="EL10" s="102">
        <v>329</v>
      </c>
      <c r="EM10" s="102">
        <v>231</v>
      </c>
      <c r="EN10" s="103">
        <v>1926</v>
      </c>
      <c r="EO10" s="104">
        <v>3192</v>
      </c>
      <c r="EP10" s="101">
        <v>1031</v>
      </c>
      <c r="EQ10" s="102">
        <v>1302</v>
      </c>
      <c r="ER10" s="103">
        <v>2333</v>
      </c>
      <c r="ES10" s="413">
        <v>0</v>
      </c>
      <c r="ET10" s="102">
        <v>1140</v>
      </c>
      <c r="EU10" s="102">
        <v>1057</v>
      </c>
      <c r="EV10" s="102">
        <v>792</v>
      </c>
      <c r="EW10" s="102">
        <v>589</v>
      </c>
      <c r="EX10" s="102">
        <v>407</v>
      </c>
      <c r="EY10" s="103">
        <v>3985</v>
      </c>
      <c r="EZ10" s="104">
        <v>6318</v>
      </c>
      <c r="FA10" s="101">
        <v>847</v>
      </c>
      <c r="FB10" s="102">
        <v>1188</v>
      </c>
      <c r="FC10" s="103">
        <v>2035</v>
      </c>
      <c r="FD10" s="413">
        <v>0</v>
      </c>
      <c r="FE10" s="102">
        <v>1186</v>
      </c>
      <c r="FF10" s="102">
        <v>1146</v>
      </c>
      <c r="FG10" s="102">
        <v>844</v>
      </c>
      <c r="FH10" s="102">
        <v>793</v>
      </c>
      <c r="FI10" s="102">
        <v>486</v>
      </c>
      <c r="FJ10" s="103">
        <v>4455</v>
      </c>
      <c r="FK10" s="104">
        <v>6490</v>
      </c>
      <c r="FL10" s="101">
        <v>391</v>
      </c>
      <c r="FM10" s="102">
        <v>697</v>
      </c>
      <c r="FN10" s="103">
        <v>1088</v>
      </c>
      <c r="FO10" s="413">
        <v>0</v>
      </c>
      <c r="FP10" s="102">
        <v>913</v>
      </c>
      <c r="FQ10" s="102">
        <v>1200</v>
      </c>
      <c r="FR10" s="102">
        <v>1139</v>
      </c>
      <c r="FS10" s="102">
        <v>1198</v>
      </c>
      <c r="FT10" s="102">
        <v>659</v>
      </c>
      <c r="FU10" s="103">
        <v>5109</v>
      </c>
      <c r="FV10" s="104">
        <v>6197</v>
      </c>
      <c r="FW10" s="101">
        <v>24</v>
      </c>
      <c r="FX10" s="102">
        <v>80</v>
      </c>
      <c r="FY10" s="103">
        <v>104</v>
      </c>
      <c r="FZ10" s="413">
        <v>0</v>
      </c>
      <c r="GA10" s="102">
        <v>51</v>
      </c>
      <c r="GB10" s="102">
        <v>81</v>
      </c>
      <c r="GC10" s="102">
        <v>52</v>
      </c>
      <c r="GD10" s="102">
        <v>56</v>
      </c>
      <c r="GE10" s="102">
        <v>63</v>
      </c>
      <c r="GF10" s="103">
        <v>303</v>
      </c>
      <c r="GG10" s="104">
        <v>407</v>
      </c>
      <c r="GH10" s="101">
        <v>3135</v>
      </c>
      <c r="GI10" s="102">
        <v>4373</v>
      </c>
      <c r="GJ10" s="103">
        <v>7508</v>
      </c>
      <c r="GK10" s="413">
        <v>0</v>
      </c>
      <c r="GL10" s="102">
        <v>4028</v>
      </c>
      <c r="GM10" s="102">
        <v>4392</v>
      </c>
      <c r="GN10" s="102">
        <v>3398</v>
      </c>
      <c r="GO10" s="102">
        <v>3169</v>
      </c>
      <c r="GP10" s="102">
        <v>1991</v>
      </c>
      <c r="GQ10" s="103">
        <v>16978</v>
      </c>
      <c r="GR10" s="104">
        <v>24486</v>
      </c>
      <c r="GS10" s="105">
        <v>4714</v>
      </c>
      <c r="GT10" s="97">
        <v>6302</v>
      </c>
      <c r="GU10" s="98">
        <v>11016</v>
      </c>
      <c r="GV10" s="413">
        <v>0</v>
      </c>
      <c r="GW10" s="97">
        <v>6347</v>
      </c>
      <c r="GX10" s="97">
        <v>6976</v>
      </c>
      <c r="GY10" s="97">
        <v>5251</v>
      </c>
      <c r="GZ10" s="97">
        <v>4637</v>
      </c>
      <c r="HA10" s="97">
        <v>2821</v>
      </c>
      <c r="HB10" s="99">
        <v>26032</v>
      </c>
      <c r="HC10" s="100">
        <v>37048</v>
      </c>
      <c r="HD10" s="101">
        <v>137</v>
      </c>
      <c r="HE10" s="102">
        <v>176</v>
      </c>
      <c r="HF10" s="103">
        <v>313</v>
      </c>
      <c r="HG10" s="416">
        <v>0</v>
      </c>
      <c r="HH10" s="102">
        <v>158</v>
      </c>
      <c r="HI10" s="102">
        <v>241</v>
      </c>
      <c r="HJ10" s="102">
        <v>170</v>
      </c>
      <c r="HK10" s="102">
        <v>158</v>
      </c>
      <c r="HL10" s="102">
        <v>108</v>
      </c>
      <c r="HM10" s="103">
        <v>835</v>
      </c>
      <c r="HN10" s="104">
        <v>1148</v>
      </c>
      <c r="HO10" s="101">
        <v>369</v>
      </c>
      <c r="HP10" s="102">
        <v>566</v>
      </c>
      <c r="HQ10" s="103">
        <v>935</v>
      </c>
      <c r="HR10" s="413">
        <v>0</v>
      </c>
      <c r="HS10" s="102">
        <v>388</v>
      </c>
      <c r="HT10" s="102">
        <v>512</v>
      </c>
      <c r="HU10" s="102">
        <v>358</v>
      </c>
      <c r="HV10" s="102">
        <v>304</v>
      </c>
      <c r="HW10" s="102">
        <v>219</v>
      </c>
      <c r="HX10" s="103">
        <v>1781</v>
      </c>
      <c r="HY10" s="104">
        <v>2716</v>
      </c>
      <c r="HZ10" s="101">
        <v>793</v>
      </c>
      <c r="IA10" s="102">
        <v>1079</v>
      </c>
      <c r="IB10" s="103">
        <v>1872</v>
      </c>
      <c r="IC10" s="413">
        <v>0</v>
      </c>
      <c r="ID10" s="102">
        <v>851</v>
      </c>
      <c r="IE10" s="102">
        <v>987</v>
      </c>
      <c r="IF10" s="102">
        <v>645</v>
      </c>
      <c r="IG10" s="102">
        <v>585</v>
      </c>
      <c r="IH10" s="102">
        <v>385</v>
      </c>
      <c r="II10" s="103">
        <v>3453</v>
      </c>
      <c r="IJ10" s="104">
        <v>5325</v>
      </c>
      <c r="IK10" s="101">
        <v>1515</v>
      </c>
      <c r="IL10" s="102">
        <v>1836</v>
      </c>
      <c r="IM10" s="103">
        <v>3351</v>
      </c>
      <c r="IN10" s="413">
        <v>0</v>
      </c>
      <c r="IO10" s="102">
        <v>1825</v>
      </c>
      <c r="IP10" s="102">
        <v>1746</v>
      </c>
      <c r="IQ10" s="102">
        <v>1284</v>
      </c>
      <c r="IR10" s="102">
        <v>971</v>
      </c>
      <c r="IS10" s="102">
        <v>628</v>
      </c>
      <c r="IT10" s="103">
        <v>6454</v>
      </c>
      <c r="IU10" s="104">
        <v>9805</v>
      </c>
      <c r="IV10" s="101">
        <v>1301</v>
      </c>
      <c r="IW10" s="102">
        <v>1688</v>
      </c>
      <c r="IX10" s="103">
        <v>2989</v>
      </c>
      <c r="IY10" s="413">
        <v>0</v>
      </c>
      <c r="IZ10" s="102">
        <v>1834</v>
      </c>
      <c r="JA10" s="102">
        <v>1836</v>
      </c>
      <c r="JB10" s="102">
        <v>1308</v>
      </c>
      <c r="JC10" s="102">
        <v>1151</v>
      </c>
      <c r="JD10" s="102">
        <v>684</v>
      </c>
      <c r="JE10" s="103">
        <v>6813</v>
      </c>
      <c r="JF10" s="104">
        <v>9802</v>
      </c>
      <c r="JG10" s="101">
        <v>599</v>
      </c>
      <c r="JH10" s="102">
        <v>957</v>
      </c>
      <c r="JI10" s="103">
        <v>1556</v>
      </c>
      <c r="JJ10" s="413">
        <v>0</v>
      </c>
      <c r="JK10" s="102">
        <v>1291</v>
      </c>
      <c r="JL10" s="102">
        <v>1654</v>
      </c>
      <c r="JM10" s="102">
        <v>1486</v>
      </c>
      <c r="JN10" s="102">
        <v>1468</v>
      </c>
      <c r="JO10" s="102">
        <v>797</v>
      </c>
      <c r="JP10" s="103">
        <v>6696</v>
      </c>
      <c r="JQ10" s="104">
        <v>8252</v>
      </c>
      <c r="JR10" s="101">
        <v>57</v>
      </c>
      <c r="JS10" s="102">
        <v>181</v>
      </c>
      <c r="JT10" s="103">
        <v>238</v>
      </c>
      <c r="JU10" s="413">
        <v>0</v>
      </c>
      <c r="JV10" s="102">
        <v>93</v>
      </c>
      <c r="JW10" s="102">
        <v>212</v>
      </c>
      <c r="JX10" s="102">
        <v>131</v>
      </c>
      <c r="JY10" s="102">
        <v>123</v>
      </c>
      <c r="JZ10" s="102">
        <v>127</v>
      </c>
      <c r="KA10" s="103">
        <v>686</v>
      </c>
      <c r="KB10" s="104">
        <v>924</v>
      </c>
      <c r="KC10" s="101">
        <v>4771</v>
      </c>
      <c r="KD10" s="102">
        <v>6483</v>
      </c>
      <c r="KE10" s="103">
        <v>11254</v>
      </c>
      <c r="KF10" s="413">
        <v>0</v>
      </c>
      <c r="KG10" s="102">
        <v>6440</v>
      </c>
      <c r="KH10" s="102">
        <v>7188</v>
      </c>
      <c r="KI10" s="102">
        <v>5382</v>
      </c>
      <c r="KJ10" s="102">
        <v>4760</v>
      </c>
      <c r="KK10" s="102">
        <v>2948</v>
      </c>
      <c r="KL10" s="103">
        <v>26718</v>
      </c>
      <c r="KM10" s="104">
        <v>37972</v>
      </c>
    </row>
    <row r="11" spans="2:299" s="70" customFormat="1" ht="21" customHeight="1" x14ac:dyDescent="0.2">
      <c r="B11" s="106" t="s">
        <v>7</v>
      </c>
      <c r="C11" s="96">
        <v>1083</v>
      </c>
      <c r="D11" s="97">
        <v>789</v>
      </c>
      <c r="E11" s="98">
        <v>1872</v>
      </c>
      <c r="F11" s="413">
        <v>0</v>
      </c>
      <c r="G11" s="97">
        <v>2412</v>
      </c>
      <c r="H11" s="97">
        <v>1543</v>
      </c>
      <c r="I11" s="97">
        <v>905</v>
      </c>
      <c r="J11" s="97">
        <v>861</v>
      </c>
      <c r="K11" s="97">
        <v>499</v>
      </c>
      <c r="L11" s="99">
        <v>6220</v>
      </c>
      <c r="M11" s="100">
        <v>8092</v>
      </c>
      <c r="N11" s="101">
        <v>48</v>
      </c>
      <c r="O11" s="102">
        <v>23</v>
      </c>
      <c r="P11" s="103">
        <v>71</v>
      </c>
      <c r="Q11" s="413">
        <v>0</v>
      </c>
      <c r="R11" s="102">
        <v>96</v>
      </c>
      <c r="S11" s="102">
        <v>68</v>
      </c>
      <c r="T11" s="102">
        <v>29</v>
      </c>
      <c r="U11" s="102">
        <v>40</v>
      </c>
      <c r="V11" s="102">
        <v>34</v>
      </c>
      <c r="W11" s="103">
        <v>267</v>
      </c>
      <c r="X11" s="104">
        <v>338</v>
      </c>
      <c r="Y11" s="101">
        <v>69</v>
      </c>
      <c r="Z11" s="102">
        <v>73</v>
      </c>
      <c r="AA11" s="103">
        <v>142</v>
      </c>
      <c r="AB11" s="413">
        <v>0</v>
      </c>
      <c r="AC11" s="102">
        <v>213</v>
      </c>
      <c r="AD11" s="102">
        <v>158</v>
      </c>
      <c r="AE11" s="102">
        <v>81</v>
      </c>
      <c r="AF11" s="102">
        <v>94</v>
      </c>
      <c r="AG11" s="102">
        <v>63</v>
      </c>
      <c r="AH11" s="103">
        <v>609</v>
      </c>
      <c r="AI11" s="104">
        <v>751</v>
      </c>
      <c r="AJ11" s="101">
        <v>152</v>
      </c>
      <c r="AK11" s="102">
        <v>122</v>
      </c>
      <c r="AL11" s="103">
        <v>274</v>
      </c>
      <c r="AM11" s="413">
        <v>0</v>
      </c>
      <c r="AN11" s="102">
        <v>400</v>
      </c>
      <c r="AO11" s="102">
        <v>249</v>
      </c>
      <c r="AP11" s="102">
        <v>146</v>
      </c>
      <c r="AQ11" s="102">
        <v>140</v>
      </c>
      <c r="AR11" s="102">
        <v>99</v>
      </c>
      <c r="AS11" s="103">
        <v>1034</v>
      </c>
      <c r="AT11" s="104">
        <v>1308</v>
      </c>
      <c r="AU11" s="101">
        <v>318</v>
      </c>
      <c r="AV11" s="102">
        <v>220</v>
      </c>
      <c r="AW11" s="103">
        <v>538</v>
      </c>
      <c r="AX11" s="413">
        <v>0</v>
      </c>
      <c r="AY11" s="102">
        <v>631</v>
      </c>
      <c r="AZ11" s="102">
        <v>360</v>
      </c>
      <c r="BA11" s="102">
        <v>239</v>
      </c>
      <c r="BB11" s="102">
        <v>214</v>
      </c>
      <c r="BC11" s="102">
        <v>123</v>
      </c>
      <c r="BD11" s="103">
        <v>1567</v>
      </c>
      <c r="BE11" s="104">
        <v>2105</v>
      </c>
      <c r="BF11" s="101">
        <v>312</v>
      </c>
      <c r="BG11" s="102">
        <v>209</v>
      </c>
      <c r="BH11" s="103">
        <v>521</v>
      </c>
      <c r="BI11" s="413">
        <v>0</v>
      </c>
      <c r="BJ11" s="102">
        <v>637</v>
      </c>
      <c r="BK11" s="102">
        <v>390</v>
      </c>
      <c r="BL11" s="102">
        <v>223</v>
      </c>
      <c r="BM11" s="102">
        <v>218</v>
      </c>
      <c r="BN11" s="102">
        <v>100</v>
      </c>
      <c r="BO11" s="103">
        <v>1568</v>
      </c>
      <c r="BP11" s="104">
        <v>2089</v>
      </c>
      <c r="BQ11" s="101">
        <v>184</v>
      </c>
      <c r="BR11" s="102">
        <v>142</v>
      </c>
      <c r="BS11" s="103">
        <v>326</v>
      </c>
      <c r="BT11" s="413">
        <v>0</v>
      </c>
      <c r="BU11" s="102">
        <v>435</v>
      </c>
      <c r="BV11" s="102">
        <v>318</v>
      </c>
      <c r="BW11" s="102">
        <v>187</v>
      </c>
      <c r="BX11" s="102">
        <v>155</v>
      </c>
      <c r="BY11" s="102">
        <v>80</v>
      </c>
      <c r="BZ11" s="103">
        <v>1175</v>
      </c>
      <c r="CA11" s="104">
        <v>1501</v>
      </c>
      <c r="CB11" s="101">
        <v>19</v>
      </c>
      <c r="CC11" s="102">
        <v>21</v>
      </c>
      <c r="CD11" s="103">
        <v>40</v>
      </c>
      <c r="CE11" s="413">
        <v>0</v>
      </c>
      <c r="CF11" s="102">
        <v>71</v>
      </c>
      <c r="CG11" s="102">
        <v>61</v>
      </c>
      <c r="CH11" s="102">
        <v>32</v>
      </c>
      <c r="CI11" s="102">
        <v>33</v>
      </c>
      <c r="CJ11" s="102">
        <v>24</v>
      </c>
      <c r="CK11" s="103">
        <v>221</v>
      </c>
      <c r="CL11" s="104">
        <v>261</v>
      </c>
      <c r="CM11" s="101">
        <v>1102</v>
      </c>
      <c r="CN11" s="102">
        <v>810</v>
      </c>
      <c r="CO11" s="103">
        <v>1912</v>
      </c>
      <c r="CP11" s="413">
        <v>0</v>
      </c>
      <c r="CQ11" s="102">
        <v>2483</v>
      </c>
      <c r="CR11" s="102">
        <v>1604</v>
      </c>
      <c r="CS11" s="102">
        <v>937</v>
      </c>
      <c r="CT11" s="102">
        <v>894</v>
      </c>
      <c r="CU11" s="102">
        <v>523</v>
      </c>
      <c r="CV11" s="103">
        <v>6441</v>
      </c>
      <c r="CW11" s="104">
        <v>8353</v>
      </c>
      <c r="CX11" s="105">
        <v>2040</v>
      </c>
      <c r="CY11" s="97">
        <v>2223</v>
      </c>
      <c r="CZ11" s="98">
        <v>4263</v>
      </c>
      <c r="DA11" s="413">
        <v>0</v>
      </c>
      <c r="DB11" s="97">
        <v>4320</v>
      </c>
      <c r="DC11" s="97">
        <v>2625</v>
      </c>
      <c r="DD11" s="97">
        <v>2052</v>
      </c>
      <c r="DE11" s="97">
        <v>2036</v>
      </c>
      <c r="DF11" s="97">
        <v>1175</v>
      </c>
      <c r="DG11" s="99">
        <v>12208</v>
      </c>
      <c r="DH11" s="100">
        <v>16471</v>
      </c>
      <c r="DI11" s="101">
        <v>30</v>
      </c>
      <c r="DJ11" s="102">
        <v>37</v>
      </c>
      <c r="DK11" s="103">
        <v>67</v>
      </c>
      <c r="DL11" s="413">
        <v>0</v>
      </c>
      <c r="DM11" s="102">
        <v>96</v>
      </c>
      <c r="DN11" s="102">
        <v>51</v>
      </c>
      <c r="DO11" s="102">
        <v>38</v>
      </c>
      <c r="DP11" s="102">
        <v>27</v>
      </c>
      <c r="DQ11" s="102">
        <v>38</v>
      </c>
      <c r="DR11" s="103">
        <v>250</v>
      </c>
      <c r="DS11" s="104">
        <v>317</v>
      </c>
      <c r="DT11" s="101">
        <v>116</v>
      </c>
      <c r="DU11" s="102">
        <v>109</v>
      </c>
      <c r="DV11" s="103">
        <v>225</v>
      </c>
      <c r="DW11" s="413">
        <v>0</v>
      </c>
      <c r="DX11" s="102">
        <v>207</v>
      </c>
      <c r="DY11" s="102">
        <v>125</v>
      </c>
      <c r="DZ11" s="102">
        <v>76</v>
      </c>
      <c r="EA11" s="102">
        <v>99</v>
      </c>
      <c r="EB11" s="102">
        <v>48</v>
      </c>
      <c r="EC11" s="103">
        <v>555</v>
      </c>
      <c r="ED11" s="104">
        <v>780</v>
      </c>
      <c r="EE11" s="101">
        <v>313</v>
      </c>
      <c r="EF11" s="102">
        <v>312</v>
      </c>
      <c r="EG11" s="103">
        <v>625</v>
      </c>
      <c r="EH11" s="413">
        <v>0</v>
      </c>
      <c r="EI11" s="102">
        <v>509</v>
      </c>
      <c r="EJ11" s="102">
        <v>269</v>
      </c>
      <c r="EK11" s="102">
        <v>187</v>
      </c>
      <c r="EL11" s="102">
        <v>188</v>
      </c>
      <c r="EM11" s="102">
        <v>128</v>
      </c>
      <c r="EN11" s="103">
        <v>1281</v>
      </c>
      <c r="EO11" s="104">
        <v>1906</v>
      </c>
      <c r="EP11" s="101">
        <v>600</v>
      </c>
      <c r="EQ11" s="102">
        <v>640</v>
      </c>
      <c r="ER11" s="103">
        <v>1240</v>
      </c>
      <c r="ES11" s="413">
        <v>0</v>
      </c>
      <c r="ET11" s="102">
        <v>1034</v>
      </c>
      <c r="EU11" s="102">
        <v>591</v>
      </c>
      <c r="EV11" s="102">
        <v>371</v>
      </c>
      <c r="EW11" s="102">
        <v>374</v>
      </c>
      <c r="EX11" s="102">
        <v>233</v>
      </c>
      <c r="EY11" s="103">
        <v>2603</v>
      </c>
      <c r="EZ11" s="104">
        <v>3843</v>
      </c>
      <c r="FA11" s="101">
        <v>640</v>
      </c>
      <c r="FB11" s="102">
        <v>688</v>
      </c>
      <c r="FC11" s="103">
        <v>1328</v>
      </c>
      <c r="FD11" s="413">
        <v>0</v>
      </c>
      <c r="FE11" s="102">
        <v>1255</v>
      </c>
      <c r="FF11" s="102">
        <v>724</v>
      </c>
      <c r="FG11" s="102">
        <v>541</v>
      </c>
      <c r="FH11" s="102">
        <v>482</v>
      </c>
      <c r="FI11" s="102">
        <v>280</v>
      </c>
      <c r="FJ11" s="103">
        <v>3282</v>
      </c>
      <c r="FK11" s="104">
        <v>4610</v>
      </c>
      <c r="FL11" s="101">
        <v>341</v>
      </c>
      <c r="FM11" s="102">
        <v>437</v>
      </c>
      <c r="FN11" s="103">
        <v>778</v>
      </c>
      <c r="FO11" s="413">
        <v>0</v>
      </c>
      <c r="FP11" s="102">
        <v>1219</v>
      </c>
      <c r="FQ11" s="102">
        <v>865</v>
      </c>
      <c r="FR11" s="102">
        <v>839</v>
      </c>
      <c r="FS11" s="102">
        <v>866</v>
      </c>
      <c r="FT11" s="102">
        <v>448</v>
      </c>
      <c r="FU11" s="103">
        <v>4237</v>
      </c>
      <c r="FV11" s="104">
        <v>5015</v>
      </c>
      <c r="FW11" s="101">
        <v>14</v>
      </c>
      <c r="FX11" s="102">
        <v>22</v>
      </c>
      <c r="FY11" s="103">
        <v>36</v>
      </c>
      <c r="FZ11" s="413">
        <v>0</v>
      </c>
      <c r="GA11" s="102">
        <v>67</v>
      </c>
      <c r="GB11" s="102">
        <v>52</v>
      </c>
      <c r="GC11" s="102">
        <v>29</v>
      </c>
      <c r="GD11" s="102">
        <v>34</v>
      </c>
      <c r="GE11" s="102">
        <v>22</v>
      </c>
      <c r="GF11" s="103">
        <v>204</v>
      </c>
      <c r="GG11" s="104">
        <v>240</v>
      </c>
      <c r="GH11" s="101">
        <v>2054</v>
      </c>
      <c r="GI11" s="102">
        <v>2245</v>
      </c>
      <c r="GJ11" s="103">
        <v>4299</v>
      </c>
      <c r="GK11" s="413">
        <v>0</v>
      </c>
      <c r="GL11" s="102">
        <v>4387</v>
      </c>
      <c r="GM11" s="102">
        <v>2677</v>
      </c>
      <c r="GN11" s="102">
        <v>2081</v>
      </c>
      <c r="GO11" s="102">
        <v>2070</v>
      </c>
      <c r="GP11" s="102">
        <v>1197</v>
      </c>
      <c r="GQ11" s="103">
        <v>12412</v>
      </c>
      <c r="GR11" s="104">
        <v>16711</v>
      </c>
      <c r="GS11" s="105">
        <v>3123</v>
      </c>
      <c r="GT11" s="97">
        <v>3012</v>
      </c>
      <c r="GU11" s="98">
        <v>6135</v>
      </c>
      <c r="GV11" s="413">
        <v>0</v>
      </c>
      <c r="GW11" s="97">
        <v>6732</v>
      </c>
      <c r="GX11" s="97">
        <v>4168</v>
      </c>
      <c r="GY11" s="97">
        <v>2957</v>
      </c>
      <c r="GZ11" s="97">
        <v>2897</v>
      </c>
      <c r="HA11" s="97">
        <v>1674</v>
      </c>
      <c r="HB11" s="99">
        <v>18428</v>
      </c>
      <c r="HC11" s="100">
        <v>24563</v>
      </c>
      <c r="HD11" s="101">
        <v>78</v>
      </c>
      <c r="HE11" s="102">
        <v>60</v>
      </c>
      <c r="HF11" s="103">
        <v>138</v>
      </c>
      <c r="HG11" s="416">
        <v>0</v>
      </c>
      <c r="HH11" s="102">
        <v>192</v>
      </c>
      <c r="HI11" s="102">
        <v>119</v>
      </c>
      <c r="HJ11" s="102">
        <v>67</v>
      </c>
      <c r="HK11" s="102">
        <v>67</v>
      </c>
      <c r="HL11" s="102">
        <v>72</v>
      </c>
      <c r="HM11" s="103">
        <v>517</v>
      </c>
      <c r="HN11" s="104">
        <v>655</v>
      </c>
      <c r="HO11" s="101">
        <v>185</v>
      </c>
      <c r="HP11" s="102">
        <v>182</v>
      </c>
      <c r="HQ11" s="103">
        <v>367</v>
      </c>
      <c r="HR11" s="413">
        <v>0</v>
      </c>
      <c r="HS11" s="102">
        <v>420</v>
      </c>
      <c r="HT11" s="102">
        <v>283</v>
      </c>
      <c r="HU11" s="102">
        <v>157</v>
      </c>
      <c r="HV11" s="102">
        <v>193</v>
      </c>
      <c r="HW11" s="102">
        <v>111</v>
      </c>
      <c r="HX11" s="103">
        <v>1164</v>
      </c>
      <c r="HY11" s="104">
        <v>1531</v>
      </c>
      <c r="HZ11" s="101">
        <v>465</v>
      </c>
      <c r="IA11" s="102">
        <v>434</v>
      </c>
      <c r="IB11" s="103">
        <v>899</v>
      </c>
      <c r="IC11" s="413">
        <v>0</v>
      </c>
      <c r="ID11" s="102">
        <v>909</v>
      </c>
      <c r="IE11" s="102">
        <v>518</v>
      </c>
      <c r="IF11" s="102">
        <v>333</v>
      </c>
      <c r="IG11" s="102">
        <v>328</v>
      </c>
      <c r="IH11" s="102">
        <v>227</v>
      </c>
      <c r="II11" s="103">
        <v>2315</v>
      </c>
      <c r="IJ11" s="104">
        <v>3214</v>
      </c>
      <c r="IK11" s="101">
        <v>918</v>
      </c>
      <c r="IL11" s="102">
        <v>860</v>
      </c>
      <c r="IM11" s="103">
        <v>1778</v>
      </c>
      <c r="IN11" s="413">
        <v>0</v>
      </c>
      <c r="IO11" s="102">
        <v>1665</v>
      </c>
      <c r="IP11" s="102">
        <v>951</v>
      </c>
      <c r="IQ11" s="102">
        <v>610</v>
      </c>
      <c r="IR11" s="102">
        <v>588</v>
      </c>
      <c r="IS11" s="102">
        <v>356</v>
      </c>
      <c r="IT11" s="103">
        <v>4170</v>
      </c>
      <c r="IU11" s="104">
        <v>5948</v>
      </c>
      <c r="IV11" s="101">
        <v>952</v>
      </c>
      <c r="IW11" s="102">
        <v>897</v>
      </c>
      <c r="IX11" s="103">
        <v>1849</v>
      </c>
      <c r="IY11" s="413">
        <v>0</v>
      </c>
      <c r="IZ11" s="102">
        <v>1892</v>
      </c>
      <c r="JA11" s="102">
        <v>1114</v>
      </c>
      <c r="JB11" s="102">
        <v>764</v>
      </c>
      <c r="JC11" s="102">
        <v>700</v>
      </c>
      <c r="JD11" s="102">
        <v>380</v>
      </c>
      <c r="JE11" s="103">
        <v>4850</v>
      </c>
      <c r="JF11" s="104">
        <v>6699</v>
      </c>
      <c r="JG11" s="101">
        <v>525</v>
      </c>
      <c r="JH11" s="102">
        <v>579</v>
      </c>
      <c r="JI11" s="103">
        <v>1104</v>
      </c>
      <c r="JJ11" s="413">
        <v>0</v>
      </c>
      <c r="JK11" s="102">
        <v>1654</v>
      </c>
      <c r="JL11" s="102">
        <v>1183</v>
      </c>
      <c r="JM11" s="102">
        <v>1026</v>
      </c>
      <c r="JN11" s="102">
        <v>1021</v>
      </c>
      <c r="JO11" s="102">
        <v>528</v>
      </c>
      <c r="JP11" s="103">
        <v>5412</v>
      </c>
      <c r="JQ11" s="104">
        <v>6516</v>
      </c>
      <c r="JR11" s="101">
        <v>33</v>
      </c>
      <c r="JS11" s="102">
        <v>43</v>
      </c>
      <c r="JT11" s="103">
        <v>76</v>
      </c>
      <c r="JU11" s="413">
        <v>0</v>
      </c>
      <c r="JV11" s="102">
        <v>138</v>
      </c>
      <c r="JW11" s="102">
        <v>113</v>
      </c>
      <c r="JX11" s="102">
        <v>61</v>
      </c>
      <c r="JY11" s="102">
        <v>67</v>
      </c>
      <c r="JZ11" s="102">
        <v>46</v>
      </c>
      <c r="KA11" s="103">
        <v>425</v>
      </c>
      <c r="KB11" s="104">
        <v>501</v>
      </c>
      <c r="KC11" s="101">
        <v>3156</v>
      </c>
      <c r="KD11" s="102">
        <v>3055</v>
      </c>
      <c r="KE11" s="103">
        <v>6211</v>
      </c>
      <c r="KF11" s="413">
        <v>0</v>
      </c>
      <c r="KG11" s="102">
        <v>6870</v>
      </c>
      <c r="KH11" s="102">
        <v>4281</v>
      </c>
      <c r="KI11" s="102">
        <v>3018</v>
      </c>
      <c r="KJ11" s="102">
        <v>2964</v>
      </c>
      <c r="KK11" s="102">
        <v>1720</v>
      </c>
      <c r="KL11" s="103">
        <v>18853</v>
      </c>
      <c r="KM11" s="104">
        <v>25064</v>
      </c>
    </row>
    <row r="12" spans="2:299" s="70" customFormat="1" ht="21" customHeight="1" x14ac:dyDescent="0.2">
      <c r="B12" s="106" t="s">
        <v>8</v>
      </c>
      <c r="C12" s="96">
        <v>580</v>
      </c>
      <c r="D12" s="97">
        <v>385</v>
      </c>
      <c r="E12" s="98">
        <v>965</v>
      </c>
      <c r="F12" s="413">
        <v>0</v>
      </c>
      <c r="G12" s="97">
        <v>1056</v>
      </c>
      <c r="H12" s="97">
        <v>932</v>
      </c>
      <c r="I12" s="97">
        <v>641</v>
      </c>
      <c r="J12" s="97">
        <v>504</v>
      </c>
      <c r="K12" s="97">
        <v>295</v>
      </c>
      <c r="L12" s="99">
        <v>3428</v>
      </c>
      <c r="M12" s="100">
        <v>4393</v>
      </c>
      <c r="N12" s="101">
        <v>14</v>
      </c>
      <c r="O12" s="102">
        <v>24</v>
      </c>
      <c r="P12" s="103">
        <v>38</v>
      </c>
      <c r="Q12" s="413">
        <v>0</v>
      </c>
      <c r="R12" s="102">
        <v>55</v>
      </c>
      <c r="S12" s="102">
        <v>48</v>
      </c>
      <c r="T12" s="102">
        <v>28</v>
      </c>
      <c r="U12" s="102">
        <v>31</v>
      </c>
      <c r="V12" s="102">
        <v>24</v>
      </c>
      <c r="W12" s="103">
        <v>186</v>
      </c>
      <c r="X12" s="104">
        <v>224</v>
      </c>
      <c r="Y12" s="101">
        <v>51</v>
      </c>
      <c r="Z12" s="102">
        <v>43</v>
      </c>
      <c r="AA12" s="103">
        <v>94</v>
      </c>
      <c r="AB12" s="413">
        <v>0</v>
      </c>
      <c r="AC12" s="102">
        <v>109</v>
      </c>
      <c r="AD12" s="102">
        <v>91</v>
      </c>
      <c r="AE12" s="102">
        <v>60</v>
      </c>
      <c r="AF12" s="102">
        <v>62</v>
      </c>
      <c r="AG12" s="102">
        <v>49</v>
      </c>
      <c r="AH12" s="103">
        <v>371</v>
      </c>
      <c r="AI12" s="104">
        <v>465</v>
      </c>
      <c r="AJ12" s="101">
        <v>105</v>
      </c>
      <c r="AK12" s="102">
        <v>67</v>
      </c>
      <c r="AL12" s="103">
        <v>172</v>
      </c>
      <c r="AM12" s="413">
        <v>0</v>
      </c>
      <c r="AN12" s="102">
        <v>179</v>
      </c>
      <c r="AO12" s="102">
        <v>178</v>
      </c>
      <c r="AP12" s="102">
        <v>102</v>
      </c>
      <c r="AQ12" s="102">
        <v>78</v>
      </c>
      <c r="AR12" s="102">
        <v>50</v>
      </c>
      <c r="AS12" s="103">
        <v>587</v>
      </c>
      <c r="AT12" s="104">
        <v>759</v>
      </c>
      <c r="AU12" s="101">
        <v>160</v>
      </c>
      <c r="AV12" s="102">
        <v>90</v>
      </c>
      <c r="AW12" s="103">
        <v>250</v>
      </c>
      <c r="AX12" s="413">
        <v>0</v>
      </c>
      <c r="AY12" s="102">
        <v>283</v>
      </c>
      <c r="AZ12" s="102">
        <v>245</v>
      </c>
      <c r="BA12" s="102">
        <v>143</v>
      </c>
      <c r="BB12" s="102">
        <v>130</v>
      </c>
      <c r="BC12" s="102">
        <v>73</v>
      </c>
      <c r="BD12" s="103">
        <v>874</v>
      </c>
      <c r="BE12" s="104">
        <v>1124</v>
      </c>
      <c r="BF12" s="101">
        <v>149</v>
      </c>
      <c r="BG12" s="102">
        <v>92</v>
      </c>
      <c r="BH12" s="103">
        <v>241</v>
      </c>
      <c r="BI12" s="413">
        <v>0</v>
      </c>
      <c r="BJ12" s="102">
        <v>259</v>
      </c>
      <c r="BK12" s="102">
        <v>214</v>
      </c>
      <c r="BL12" s="102">
        <v>168</v>
      </c>
      <c r="BM12" s="102">
        <v>100</v>
      </c>
      <c r="BN12" s="102">
        <v>58</v>
      </c>
      <c r="BO12" s="103">
        <v>799</v>
      </c>
      <c r="BP12" s="104">
        <v>1040</v>
      </c>
      <c r="BQ12" s="101">
        <v>101</v>
      </c>
      <c r="BR12" s="102">
        <v>69</v>
      </c>
      <c r="BS12" s="103">
        <v>170</v>
      </c>
      <c r="BT12" s="413">
        <v>0</v>
      </c>
      <c r="BU12" s="102">
        <v>171</v>
      </c>
      <c r="BV12" s="102">
        <v>156</v>
      </c>
      <c r="BW12" s="102">
        <v>140</v>
      </c>
      <c r="BX12" s="102">
        <v>103</v>
      </c>
      <c r="BY12" s="102">
        <v>41</v>
      </c>
      <c r="BZ12" s="103">
        <v>611</v>
      </c>
      <c r="CA12" s="104">
        <v>781</v>
      </c>
      <c r="CB12" s="101">
        <v>16</v>
      </c>
      <c r="CC12" s="102">
        <v>19</v>
      </c>
      <c r="CD12" s="103">
        <v>35</v>
      </c>
      <c r="CE12" s="413">
        <v>0</v>
      </c>
      <c r="CF12" s="102">
        <v>33</v>
      </c>
      <c r="CG12" s="102">
        <v>48</v>
      </c>
      <c r="CH12" s="102">
        <v>25</v>
      </c>
      <c r="CI12" s="102">
        <v>21</v>
      </c>
      <c r="CJ12" s="102">
        <v>14</v>
      </c>
      <c r="CK12" s="103">
        <v>141</v>
      </c>
      <c r="CL12" s="104">
        <v>176</v>
      </c>
      <c r="CM12" s="101">
        <v>596</v>
      </c>
      <c r="CN12" s="102">
        <v>404</v>
      </c>
      <c r="CO12" s="103">
        <v>1000</v>
      </c>
      <c r="CP12" s="413">
        <v>0</v>
      </c>
      <c r="CQ12" s="102">
        <v>1089</v>
      </c>
      <c r="CR12" s="102">
        <v>980</v>
      </c>
      <c r="CS12" s="102">
        <v>666</v>
      </c>
      <c r="CT12" s="102">
        <v>525</v>
      </c>
      <c r="CU12" s="102">
        <v>309</v>
      </c>
      <c r="CV12" s="103">
        <v>3569</v>
      </c>
      <c r="CW12" s="104">
        <v>4569</v>
      </c>
      <c r="CX12" s="105">
        <v>1160</v>
      </c>
      <c r="CY12" s="97">
        <v>995</v>
      </c>
      <c r="CZ12" s="98">
        <v>2155</v>
      </c>
      <c r="DA12" s="413">
        <v>0</v>
      </c>
      <c r="DB12" s="97">
        <v>1797</v>
      </c>
      <c r="DC12" s="97">
        <v>1640</v>
      </c>
      <c r="DD12" s="97">
        <v>1314</v>
      </c>
      <c r="DE12" s="97">
        <v>1132</v>
      </c>
      <c r="DF12" s="97">
        <v>699</v>
      </c>
      <c r="DG12" s="99">
        <v>6582</v>
      </c>
      <c r="DH12" s="100">
        <v>8737</v>
      </c>
      <c r="DI12" s="101">
        <v>31</v>
      </c>
      <c r="DJ12" s="102">
        <v>24</v>
      </c>
      <c r="DK12" s="103">
        <v>55</v>
      </c>
      <c r="DL12" s="413">
        <v>0</v>
      </c>
      <c r="DM12" s="102">
        <v>43</v>
      </c>
      <c r="DN12" s="102">
        <v>34</v>
      </c>
      <c r="DO12" s="102">
        <v>11</v>
      </c>
      <c r="DP12" s="102">
        <v>27</v>
      </c>
      <c r="DQ12" s="102">
        <v>17</v>
      </c>
      <c r="DR12" s="103">
        <v>132</v>
      </c>
      <c r="DS12" s="104">
        <v>187</v>
      </c>
      <c r="DT12" s="101">
        <v>76</v>
      </c>
      <c r="DU12" s="102">
        <v>60</v>
      </c>
      <c r="DV12" s="103">
        <v>136</v>
      </c>
      <c r="DW12" s="413">
        <v>0</v>
      </c>
      <c r="DX12" s="102">
        <v>98</v>
      </c>
      <c r="DY12" s="102">
        <v>83</v>
      </c>
      <c r="DZ12" s="102">
        <v>54</v>
      </c>
      <c r="EA12" s="102">
        <v>59</v>
      </c>
      <c r="EB12" s="102">
        <v>40</v>
      </c>
      <c r="EC12" s="103">
        <v>334</v>
      </c>
      <c r="ED12" s="104">
        <v>470</v>
      </c>
      <c r="EE12" s="101">
        <v>164</v>
      </c>
      <c r="EF12" s="102">
        <v>153</v>
      </c>
      <c r="EG12" s="103">
        <v>317</v>
      </c>
      <c r="EH12" s="413">
        <v>0</v>
      </c>
      <c r="EI12" s="102">
        <v>210</v>
      </c>
      <c r="EJ12" s="102">
        <v>166</v>
      </c>
      <c r="EK12" s="102">
        <v>119</v>
      </c>
      <c r="EL12" s="102">
        <v>104</v>
      </c>
      <c r="EM12" s="102">
        <v>63</v>
      </c>
      <c r="EN12" s="103">
        <v>662</v>
      </c>
      <c r="EO12" s="104">
        <v>979</v>
      </c>
      <c r="EP12" s="101">
        <v>358</v>
      </c>
      <c r="EQ12" s="102">
        <v>286</v>
      </c>
      <c r="ER12" s="103">
        <v>644</v>
      </c>
      <c r="ES12" s="413">
        <v>0</v>
      </c>
      <c r="ET12" s="102">
        <v>483</v>
      </c>
      <c r="EU12" s="102">
        <v>354</v>
      </c>
      <c r="EV12" s="102">
        <v>238</v>
      </c>
      <c r="EW12" s="102">
        <v>223</v>
      </c>
      <c r="EX12" s="102">
        <v>136</v>
      </c>
      <c r="EY12" s="103">
        <v>1434</v>
      </c>
      <c r="EZ12" s="104">
        <v>2078</v>
      </c>
      <c r="FA12" s="101">
        <v>350</v>
      </c>
      <c r="FB12" s="102">
        <v>281</v>
      </c>
      <c r="FC12" s="103">
        <v>631</v>
      </c>
      <c r="FD12" s="413">
        <v>0</v>
      </c>
      <c r="FE12" s="102">
        <v>522</v>
      </c>
      <c r="FF12" s="102">
        <v>455</v>
      </c>
      <c r="FG12" s="102">
        <v>377</v>
      </c>
      <c r="FH12" s="102">
        <v>260</v>
      </c>
      <c r="FI12" s="102">
        <v>171</v>
      </c>
      <c r="FJ12" s="103">
        <v>1785</v>
      </c>
      <c r="FK12" s="104">
        <v>2416</v>
      </c>
      <c r="FL12" s="101">
        <v>181</v>
      </c>
      <c r="FM12" s="102">
        <v>191</v>
      </c>
      <c r="FN12" s="103">
        <v>372</v>
      </c>
      <c r="FO12" s="413">
        <v>0</v>
      </c>
      <c r="FP12" s="102">
        <v>441</v>
      </c>
      <c r="FQ12" s="102">
        <v>548</v>
      </c>
      <c r="FR12" s="102">
        <v>515</v>
      </c>
      <c r="FS12" s="102">
        <v>459</v>
      </c>
      <c r="FT12" s="102">
        <v>272</v>
      </c>
      <c r="FU12" s="103">
        <v>2235</v>
      </c>
      <c r="FV12" s="104">
        <v>2607</v>
      </c>
      <c r="FW12" s="101">
        <v>8</v>
      </c>
      <c r="FX12" s="102">
        <v>15</v>
      </c>
      <c r="FY12" s="103">
        <v>23</v>
      </c>
      <c r="FZ12" s="413">
        <v>0</v>
      </c>
      <c r="GA12" s="102">
        <v>28</v>
      </c>
      <c r="GB12" s="102">
        <v>39</v>
      </c>
      <c r="GC12" s="102">
        <v>16</v>
      </c>
      <c r="GD12" s="102">
        <v>16</v>
      </c>
      <c r="GE12" s="102">
        <v>16</v>
      </c>
      <c r="GF12" s="103">
        <v>115</v>
      </c>
      <c r="GG12" s="104">
        <v>138</v>
      </c>
      <c r="GH12" s="101">
        <v>1168</v>
      </c>
      <c r="GI12" s="102">
        <v>1010</v>
      </c>
      <c r="GJ12" s="103">
        <v>2178</v>
      </c>
      <c r="GK12" s="413">
        <v>0</v>
      </c>
      <c r="GL12" s="102">
        <v>1825</v>
      </c>
      <c r="GM12" s="102">
        <v>1679</v>
      </c>
      <c r="GN12" s="102">
        <v>1330</v>
      </c>
      <c r="GO12" s="102">
        <v>1148</v>
      </c>
      <c r="GP12" s="102">
        <v>715</v>
      </c>
      <c r="GQ12" s="103">
        <v>6697</v>
      </c>
      <c r="GR12" s="104">
        <v>8875</v>
      </c>
      <c r="GS12" s="105">
        <v>1740</v>
      </c>
      <c r="GT12" s="97">
        <v>1380</v>
      </c>
      <c r="GU12" s="98">
        <v>3120</v>
      </c>
      <c r="GV12" s="413">
        <v>0</v>
      </c>
      <c r="GW12" s="97">
        <v>2853</v>
      </c>
      <c r="GX12" s="97">
        <v>2572</v>
      </c>
      <c r="GY12" s="97">
        <v>1955</v>
      </c>
      <c r="GZ12" s="97">
        <v>1636</v>
      </c>
      <c r="HA12" s="97">
        <v>994</v>
      </c>
      <c r="HB12" s="99">
        <v>10010</v>
      </c>
      <c r="HC12" s="100">
        <v>13130</v>
      </c>
      <c r="HD12" s="101">
        <v>45</v>
      </c>
      <c r="HE12" s="102">
        <v>48</v>
      </c>
      <c r="HF12" s="103">
        <v>93</v>
      </c>
      <c r="HG12" s="416">
        <v>0</v>
      </c>
      <c r="HH12" s="102">
        <v>98</v>
      </c>
      <c r="HI12" s="102">
        <v>82</v>
      </c>
      <c r="HJ12" s="102">
        <v>39</v>
      </c>
      <c r="HK12" s="102">
        <v>58</v>
      </c>
      <c r="HL12" s="102">
        <v>41</v>
      </c>
      <c r="HM12" s="103">
        <v>318</v>
      </c>
      <c r="HN12" s="104">
        <v>411</v>
      </c>
      <c r="HO12" s="101">
        <v>127</v>
      </c>
      <c r="HP12" s="102">
        <v>103</v>
      </c>
      <c r="HQ12" s="103">
        <v>230</v>
      </c>
      <c r="HR12" s="413">
        <v>0</v>
      </c>
      <c r="HS12" s="102">
        <v>207</v>
      </c>
      <c r="HT12" s="102">
        <v>174</v>
      </c>
      <c r="HU12" s="102">
        <v>114</v>
      </c>
      <c r="HV12" s="102">
        <v>121</v>
      </c>
      <c r="HW12" s="102">
        <v>89</v>
      </c>
      <c r="HX12" s="103">
        <v>705</v>
      </c>
      <c r="HY12" s="104">
        <v>935</v>
      </c>
      <c r="HZ12" s="101">
        <v>269</v>
      </c>
      <c r="IA12" s="102">
        <v>220</v>
      </c>
      <c r="IB12" s="103">
        <v>489</v>
      </c>
      <c r="IC12" s="413">
        <v>0</v>
      </c>
      <c r="ID12" s="102">
        <v>389</v>
      </c>
      <c r="IE12" s="102">
        <v>344</v>
      </c>
      <c r="IF12" s="102">
        <v>221</v>
      </c>
      <c r="IG12" s="102">
        <v>182</v>
      </c>
      <c r="IH12" s="102">
        <v>113</v>
      </c>
      <c r="II12" s="103">
        <v>1249</v>
      </c>
      <c r="IJ12" s="104">
        <v>1738</v>
      </c>
      <c r="IK12" s="101">
        <v>518</v>
      </c>
      <c r="IL12" s="102">
        <v>376</v>
      </c>
      <c r="IM12" s="103">
        <v>894</v>
      </c>
      <c r="IN12" s="413">
        <v>0</v>
      </c>
      <c r="IO12" s="102">
        <v>766</v>
      </c>
      <c r="IP12" s="102">
        <v>599</v>
      </c>
      <c r="IQ12" s="102">
        <v>381</v>
      </c>
      <c r="IR12" s="102">
        <v>353</v>
      </c>
      <c r="IS12" s="102">
        <v>209</v>
      </c>
      <c r="IT12" s="103">
        <v>2308</v>
      </c>
      <c r="IU12" s="104">
        <v>3202</v>
      </c>
      <c r="IV12" s="101">
        <v>499</v>
      </c>
      <c r="IW12" s="102">
        <v>373</v>
      </c>
      <c r="IX12" s="103">
        <v>872</v>
      </c>
      <c r="IY12" s="413">
        <v>0</v>
      </c>
      <c r="IZ12" s="102">
        <v>781</v>
      </c>
      <c r="JA12" s="102">
        <v>669</v>
      </c>
      <c r="JB12" s="102">
        <v>545</v>
      </c>
      <c r="JC12" s="102">
        <v>360</v>
      </c>
      <c r="JD12" s="102">
        <v>229</v>
      </c>
      <c r="JE12" s="103">
        <v>2584</v>
      </c>
      <c r="JF12" s="104">
        <v>3456</v>
      </c>
      <c r="JG12" s="101">
        <v>282</v>
      </c>
      <c r="JH12" s="102">
        <v>260</v>
      </c>
      <c r="JI12" s="103">
        <v>542</v>
      </c>
      <c r="JJ12" s="413">
        <v>0</v>
      </c>
      <c r="JK12" s="102">
        <v>612</v>
      </c>
      <c r="JL12" s="102">
        <v>704</v>
      </c>
      <c r="JM12" s="102">
        <v>655</v>
      </c>
      <c r="JN12" s="102">
        <v>562</v>
      </c>
      <c r="JO12" s="102">
        <v>313</v>
      </c>
      <c r="JP12" s="103">
        <v>2846</v>
      </c>
      <c r="JQ12" s="104">
        <v>3388</v>
      </c>
      <c r="JR12" s="101">
        <v>24</v>
      </c>
      <c r="JS12" s="102">
        <v>34</v>
      </c>
      <c r="JT12" s="103">
        <v>58</v>
      </c>
      <c r="JU12" s="413">
        <v>0</v>
      </c>
      <c r="JV12" s="102">
        <v>61</v>
      </c>
      <c r="JW12" s="102">
        <v>87</v>
      </c>
      <c r="JX12" s="102">
        <v>41</v>
      </c>
      <c r="JY12" s="102">
        <v>37</v>
      </c>
      <c r="JZ12" s="102">
        <v>30</v>
      </c>
      <c r="KA12" s="103">
        <v>256</v>
      </c>
      <c r="KB12" s="104">
        <v>314</v>
      </c>
      <c r="KC12" s="101">
        <v>1764</v>
      </c>
      <c r="KD12" s="102">
        <v>1414</v>
      </c>
      <c r="KE12" s="103">
        <v>3178</v>
      </c>
      <c r="KF12" s="413">
        <v>0</v>
      </c>
      <c r="KG12" s="102">
        <v>2914</v>
      </c>
      <c r="KH12" s="102">
        <v>2659</v>
      </c>
      <c r="KI12" s="102">
        <v>1996</v>
      </c>
      <c r="KJ12" s="102">
        <v>1673</v>
      </c>
      <c r="KK12" s="102">
        <v>1024</v>
      </c>
      <c r="KL12" s="103">
        <v>10266</v>
      </c>
      <c r="KM12" s="104">
        <v>13444</v>
      </c>
    </row>
    <row r="13" spans="2:299" s="70" customFormat="1" ht="21" customHeight="1" x14ac:dyDescent="0.2">
      <c r="B13" s="106" t="s">
        <v>9</v>
      </c>
      <c r="C13" s="96">
        <v>747</v>
      </c>
      <c r="D13" s="97">
        <v>386</v>
      </c>
      <c r="E13" s="98">
        <v>1133</v>
      </c>
      <c r="F13" s="413">
        <v>0</v>
      </c>
      <c r="G13" s="97">
        <v>870</v>
      </c>
      <c r="H13" s="97">
        <v>591</v>
      </c>
      <c r="I13" s="97">
        <v>482</v>
      </c>
      <c r="J13" s="97">
        <v>391</v>
      </c>
      <c r="K13" s="97">
        <v>214</v>
      </c>
      <c r="L13" s="99">
        <v>2548</v>
      </c>
      <c r="M13" s="100">
        <v>3681</v>
      </c>
      <c r="N13" s="101">
        <v>18</v>
      </c>
      <c r="O13" s="102">
        <v>16</v>
      </c>
      <c r="P13" s="103">
        <v>34</v>
      </c>
      <c r="Q13" s="413">
        <v>0</v>
      </c>
      <c r="R13" s="102">
        <v>22</v>
      </c>
      <c r="S13" s="102">
        <v>25</v>
      </c>
      <c r="T13" s="102">
        <v>13</v>
      </c>
      <c r="U13" s="102">
        <v>12</v>
      </c>
      <c r="V13" s="102">
        <v>12</v>
      </c>
      <c r="W13" s="103">
        <v>84</v>
      </c>
      <c r="X13" s="104">
        <v>118</v>
      </c>
      <c r="Y13" s="101">
        <v>40</v>
      </c>
      <c r="Z13" s="102">
        <v>28</v>
      </c>
      <c r="AA13" s="103">
        <v>68</v>
      </c>
      <c r="AB13" s="413">
        <v>0</v>
      </c>
      <c r="AC13" s="102">
        <v>55</v>
      </c>
      <c r="AD13" s="102">
        <v>39</v>
      </c>
      <c r="AE13" s="102">
        <v>29</v>
      </c>
      <c r="AF13" s="102">
        <v>26</v>
      </c>
      <c r="AG13" s="102">
        <v>22</v>
      </c>
      <c r="AH13" s="103">
        <v>171</v>
      </c>
      <c r="AI13" s="104">
        <v>239</v>
      </c>
      <c r="AJ13" s="101">
        <v>93</v>
      </c>
      <c r="AK13" s="102">
        <v>46</v>
      </c>
      <c r="AL13" s="103">
        <v>139</v>
      </c>
      <c r="AM13" s="413">
        <v>0</v>
      </c>
      <c r="AN13" s="102">
        <v>88</v>
      </c>
      <c r="AO13" s="102">
        <v>79</v>
      </c>
      <c r="AP13" s="102">
        <v>76</v>
      </c>
      <c r="AQ13" s="102">
        <v>56</v>
      </c>
      <c r="AR13" s="102">
        <v>28</v>
      </c>
      <c r="AS13" s="103">
        <v>327</v>
      </c>
      <c r="AT13" s="104">
        <v>466</v>
      </c>
      <c r="AU13" s="101">
        <v>173</v>
      </c>
      <c r="AV13" s="102">
        <v>97</v>
      </c>
      <c r="AW13" s="103">
        <v>270</v>
      </c>
      <c r="AX13" s="413">
        <v>0</v>
      </c>
      <c r="AY13" s="102">
        <v>221</v>
      </c>
      <c r="AZ13" s="102">
        <v>116</v>
      </c>
      <c r="BA13" s="102">
        <v>86</v>
      </c>
      <c r="BB13" s="102">
        <v>63</v>
      </c>
      <c r="BC13" s="102">
        <v>50</v>
      </c>
      <c r="BD13" s="103">
        <v>536</v>
      </c>
      <c r="BE13" s="104">
        <v>806</v>
      </c>
      <c r="BF13" s="101">
        <v>255</v>
      </c>
      <c r="BG13" s="102">
        <v>115</v>
      </c>
      <c r="BH13" s="103">
        <v>370</v>
      </c>
      <c r="BI13" s="413">
        <v>0</v>
      </c>
      <c r="BJ13" s="102">
        <v>251</v>
      </c>
      <c r="BK13" s="102">
        <v>141</v>
      </c>
      <c r="BL13" s="102">
        <v>129</v>
      </c>
      <c r="BM13" s="102">
        <v>102</v>
      </c>
      <c r="BN13" s="102">
        <v>56</v>
      </c>
      <c r="BO13" s="103">
        <v>679</v>
      </c>
      <c r="BP13" s="104">
        <v>1049</v>
      </c>
      <c r="BQ13" s="101">
        <v>168</v>
      </c>
      <c r="BR13" s="102">
        <v>84</v>
      </c>
      <c r="BS13" s="103">
        <v>252</v>
      </c>
      <c r="BT13" s="413">
        <v>0</v>
      </c>
      <c r="BU13" s="102">
        <v>233</v>
      </c>
      <c r="BV13" s="102">
        <v>191</v>
      </c>
      <c r="BW13" s="102">
        <v>149</v>
      </c>
      <c r="BX13" s="102">
        <v>132</v>
      </c>
      <c r="BY13" s="102">
        <v>46</v>
      </c>
      <c r="BZ13" s="103">
        <v>751</v>
      </c>
      <c r="CA13" s="104">
        <v>1003</v>
      </c>
      <c r="CB13" s="101">
        <v>5</v>
      </c>
      <c r="CC13" s="102">
        <v>15</v>
      </c>
      <c r="CD13" s="103">
        <v>20</v>
      </c>
      <c r="CE13" s="413">
        <v>0</v>
      </c>
      <c r="CF13" s="102">
        <v>32</v>
      </c>
      <c r="CG13" s="102">
        <v>26</v>
      </c>
      <c r="CH13" s="102">
        <v>12</v>
      </c>
      <c r="CI13" s="102">
        <v>17</v>
      </c>
      <c r="CJ13" s="102">
        <v>10</v>
      </c>
      <c r="CK13" s="103">
        <v>97</v>
      </c>
      <c r="CL13" s="104">
        <v>117</v>
      </c>
      <c r="CM13" s="101">
        <v>752</v>
      </c>
      <c r="CN13" s="102">
        <v>401</v>
      </c>
      <c r="CO13" s="103">
        <v>1153</v>
      </c>
      <c r="CP13" s="413">
        <v>0</v>
      </c>
      <c r="CQ13" s="102">
        <v>902</v>
      </c>
      <c r="CR13" s="102">
        <v>617</v>
      </c>
      <c r="CS13" s="102">
        <v>494</v>
      </c>
      <c r="CT13" s="102">
        <v>408</v>
      </c>
      <c r="CU13" s="102">
        <v>224</v>
      </c>
      <c r="CV13" s="103">
        <v>2645</v>
      </c>
      <c r="CW13" s="104">
        <v>3798</v>
      </c>
      <c r="CX13" s="105">
        <v>1475</v>
      </c>
      <c r="CY13" s="97">
        <v>1045</v>
      </c>
      <c r="CZ13" s="98">
        <v>2520</v>
      </c>
      <c r="DA13" s="413">
        <v>0</v>
      </c>
      <c r="DB13" s="97">
        <v>1734</v>
      </c>
      <c r="DC13" s="97">
        <v>1176</v>
      </c>
      <c r="DD13" s="97">
        <v>980</v>
      </c>
      <c r="DE13" s="97">
        <v>1037</v>
      </c>
      <c r="DF13" s="97">
        <v>787</v>
      </c>
      <c r="DG13" s="99">
        <v>5714</v>
      </c>
      <c r="DH13" s="100">
        <v>8234</v>
      </c>
      <c r="DI13" s="101">
        <v>30</v>
      </c>
      <c r="DJ13" s="102">
        <v>25</v>
      </c>
      <c r="DK13" s="103">
        <v>55</v>
      </c>
      <c r="DL13" s="413">
        <v>0</v>
      </c>
      <c r="DM13" s="102">
        <v>13</v>
      </c>
      <c r="DN13" s="102">
        <v>15</v>
      </c>
      <c r="DO13" s="102">
        <v>14</v>
      </c>
      <c r="DP13" s="102">
        <v>8</v>
      </c>
      <c r="DQ13" s="102">
        <v>12</v>
      </c>
      <c r="DR13" s="103">
        <v>62</v>
      </c>
      <c r="DS13" s="104">
        <v>117</v>
      </c>
      <c r="DT13" s="101">
        <v>58</v>
      </c>
      <c r="DU13" s="102">
        <v>53</v>
      </c>
      <c r="DV13" s="103">
        <v>111</v>
      </c>
      <c r="DW13" s="413">
        <v>0</v>
      </c>
      <c r="DX13" s="102">
        <v>59</v>
      </c>
      <c r="DY13" s="102">
        <v>29</v>
      </c>
      <c r="DZ13" s="102">
        <v>32</v>
      </c>
      <c r="EA13" s="102">
        <v>22</v>
      </c>
      <c r="EB13" s="102">
        <v>31</v>
      </c>
      <c r="EC13" s="103">
        <v>173</v>
      </c>
      <c r="ED13" s="104">
        <v>284</v>
      </c>
      <c r="EE13" s="101">
        <v>208</v>
      </c>
      <c r="EF13" s="102">
        <v>131</v>
      </c>
      <c r="EG13" s="103">
        <v>339</v>
      </c>
      <c r="EH13" s="413">
        <v>0</v>
      </c>
      <c r="EI13" s="102">
        <v>186</v>
      </c>
      <c r="EJ13" s="102">
        <v>101</v>
      </c>
      <c r="EK13" s="102">
        <v>66</v>
      </c>
      <c r="EL13" s="102">
        <v>56</v>
      </c>
      <c r="EM13" s="102">
        <v>69</v>
      </c>
      <c r="EN13" s="103">
        <v>478</v>
      </c>
      <c r="EO13" s="104">
        <v>817</v>
      </c>
      <c r="EP13" s="101">
        <v>415</v>
      </c>
      <c r="EQ13" s="102">
        <v>273</v>
      </c>
      <c r="ER13" s="103">
        <v>688</v>
      </c>
      <c r="ES13" s="413">
        <v>0</v>
      </c>
      <c r="ET13" s="102">
        <v>402</v>
      </c>
      <c r="EU13" s="102">
        <v>199</v>
      </c>
      <c r="EV13" s="102">
        <v>162</v>
      </c>
      <c r="EW13" s="102">
        <v>166</v>
      </c>
      <c r="EX13" s="102">
        <v>128</v>
      </c>
      <c r="EY13" s="103">
        <v>1057</v>
      </c>
      <c r="EZ13" s="104">
        <v>1745</v>
      </c>
      <c r="FA13" s="101">
        <v>472</v>
      </c>
      <c r="FB13" s="102">
        <v>314</v>
      </c>
      <c r="FC13" s="103">
        <v>786</v>
      </c>
      <c r="FD13" s="413">
        <v>0</v>
      </c>
      <c r="FE13" s="102">
        <v>498</v>
      </c>
      <c r="FF13" s="102">
        <v>325</v>
      </c>
      <c r="FG13" s="102">
        <v>254</v>
      </c>
      <c r="FH13" s="102">
        <v>264</v>
      </c>
      <c r="FI13" s="102">
        <v>171</v>
      </c>
      <c r="FJ13" s="103">
        <v>1512</v>
      </c>
      <c r="FK13" s="104">
        <v>2298</v>
      </c>
      <c r="FL13" s="101">
        <v>292</v>
      </c>
      <c r="FM13" s="102">
        <v>249</v>
      </c>
      <c r="FN13" s="103">
        <v>541</v>
      </c>
      <c r="FO13" s="413">
        <v>0</v>
      </c>
      <c r="FP13" s="102">
        <v>576</v>
      </c>
      <c r="FQ13" s="102">
        <v>507</v>
      </c>
      <c r="FR13" s="102">
        <v>452</v>
      </c>
      <c r="FS13" s="102">
        <v>521</v>
      </c>
      <c r="FT13" s="102">
        <v>376</v>
      </c>
      <c r="FU13" s="103">
        <v>2432</v>
      </c>
      <c r="FV13" s="104">
        <v>2973</v>
      </c>
      <c r="FW13" s="101">
        <v>5</v>
      </c>
      <c r="FX13" s="102">
        <v>17</v>
      </c>
      <c r="FY13" s="103">
        <v>22</v>
      </c>
      <c r="FZ13" s="413">
        <v>0</v>
      </c>
      <c r="GA13" s="102">
        <v>14</v>
      </c>
      <c r="GB13" s="102">
        <v>22</v>
      </c>
      <c r="GC13" s="102">
        <v>12</v>
      </c>
      <c r="GD13" s="102">
        <v>9</v>
      </c>
      <c r="GE13" s="102">
        <v>10</v>
      </c>
      <c r="GF13" s="103">
        <v>67</v>
      </c>
      <c r="GG13" s="104">
        <v>89</v>
      </c>
      <c r="GH13" s="101">
        <v>1480</v>
      </c>
      <c r="GI13" s="102">
        <v>1062</v>
      </c>
      <c r="GJ13" s="103">
        <v>2542</v>
      </c>
      <c r="GK13" s="413">
        <v>0</v>
      </c>
      <c r="GL13" s="102">
        <v>1748</v>
      </c>
      <c r="GM13" s="102">
        <v>1198</v>
      </c>
      <c r="GN13" s="102">
        <v>992</v>
      </c>
      <c r="GO13" s="102">
        <v>1046</v>
      </c>
      <c r="GP13" s="102">
        <v>797</v>
      </c>
      <c r="GQ13" s="103">
        <v>5781</v>
      </c>
      <c r="GR13" s="104">
        <v>8323</v>
      </c>
      <c r="GS13" s="105">
        <v>2222</v>
      </c>
      <c r="GT13" s="97">
        <v>1431</v>
      </c>
      <c r="GU13" s="98">
        <v>3653</v>
      </c>
      <c r="GV13" s="413">
        <v>0</v>
      </c>
      <c r="GW13" s="97">
        <v>2604</v>
      </c>
      <c r="GX13" s="97">
        <v>1767</v>
      </c>
      <c r="GY13" s="97">
        <v>1462</v>
      </c>
      <c r="GZ13" s="97">
        <v>1428</v>
      </c>
      <c r="HA13" s="97">
        <v>1001</v>
      </c>
      <c r="HB13" s="99">
        <v>8262</v>
      </c>
      <c r="HC13" s="100">
        <v>11915</v>
      </c>
      <c r="HD13" s="101">
        <v>48</v>
      </c>
      <c r="HE13" s="102">
        <v>41</v>
      </c>
      <c r="HF13" s="103">
        <v>89</v>
      </c>
      <c r="HG13" s="416">
        <v>0</v>
      </c>
      <c r="HH13" s="102">
        <v>35</v>
      </c>
      <c r="HI13" s="102">
        <v>40</v>
      </c>
      <c r="HJ13" s="102">
        <v>27</v>
      </c>
      <c r="HK13" s="102">
        <v>20</v>
      </c>
      <c r="HL13" s="102">
        <v>24</v>
      </c>
      <c r="HM13" s="103">
        <v>146</v>
      </c>
      <c r="HN13" s="104">
        <v>235</v>
      </c>
      <c r="HO13" s="101">
        <v>98</v>
      </c>
      <c r="HP13" s="102">
        <v>81</v>
      </c>
      <c r="HQ13" s="103">
        <v>179</v>
      </c>
      <c r="HR13" s="413">
        <v>0</v>
      </c>
      <c r="HS13" s="102">
        <v>114</v>
      </c>
      <c r="HT13" s="102">
        <v>68</v>
      </c>
      <c r="HU13" s="102">
        <v>61</v>
      </c>
      <c r="HV13" s="102">
        <v>48</v>
      </c>
      <c r="HW13" s="102">
        <v>53</v>
      </c>
      <c r="HX13" s="103">
        <v>344</v>
      </c>
      <c r="HY13" s="104">
        <v>523</v>
      </c>
      <c r="HZ13" s="101">
        <v>301</v>
      </c>
      <c r="IA13" s="102">
        <v>177</v>
      </c>
      <c r="IB13" s="103">
        <v>478</v>
      </c>
      <c r="IC13" s="413">
        <v>0</v>
      </c>
      <c r="ID13" s="102">
        <v>274</v>
      </c>
      <c r="IE13" s="102">
        <v>180</v>
      </c>
      <c r="IF13" s="102">
        <v>142</v>
      </c>
      <c r="IG13" s="102">
        <v>112</v>
      </c>
      <c r="IH13" s="102">
        <v>97</v>
      </c>
      <c r="II13" s="103">
        <v>805</v>
      </c>
      <c r="IJ13" s="104">
        <v>1283</v>
      </c>
      <c r="IK13" s="101">
        <v>588</v>
      </c>
      <c r="IL13" s="102">
        <v>370</v>
      </c>
      <c r="IM13" s="103">
        <v>958</v>
      </c>
      <c r="IN13" s="413">
        <v>0</v>
      </c>
      <c r="IO13" s="102">
        <v>623</v>
      </c>
      <c r="IP13" s="102">
        <v>315</v>
      </c>
      <c r="IQ13" s="102">
        <v>248</v>
      </c>
      <c r="IR13" s="102">
        <v>229</v>
      </c>
      <c r="IS13" s="102">
        <v>178</v>
      </c>
      <c r="IT13" s="103">
        <v>1593</v>
      </c>
      <c r="IU13" s="104">
        <v>2551</v>
      </c>
      <c r="IV13" s="101">
        <v>727</v>
      </c>
      <c r="IW13" s="102">
        <v>429</v>
      </c>
      <c r="IX13" s="103">
        <v>1156</v>
      </c>
      <c r="IY13" s="413">
        <v>0</v>
      </c>
      <c r="IZ13" s="102">
        <v>749</v>
      </c>
      <c r="JA13" s="102">
        <v>466</v>
      </c>
      <c r="JB13" s="102">
        <v>383</v>
      </c>
      <c r="JC13" s="102">
        <v>366</v>
      </c>
      <c r="JD13" s="102">
        <v>227</v>
      </c>
      <c r="JE13" s="103">
        <v>2191</v>
      </c>
      <c r="JF13" s="104">
        <v>3347</v>
      </c>
      <c r="JG13" s="101">
        <v>460</v>
      </c>
      <c r="JH13" s="102">
        <v>333</v>
      </c>
      <c r="JI13" s="103">
        <v>793</v>
      </c>
      <c r="JJ13" s="413">
        <v>0</v>
      </c>
      <c r="JK13" s="102">
        <v>809</v>
      </c>
      <c r="JL13" s="102">
        <v>698</v>
      </c>
      <c r="JM13" s="102">
        <v>601</v>
      </c>
      <c r="JN13" s="102">
        <v>653</v>
      </c>
      <c r="JO13" s="102">
        <v>422</v>
      </c>
      <c r="JP13" s="103">
        <v>3183</v>
      </c>
      <c r="JQ13" s="104">
        <v>3976</v>
      </c>
      <c r="JR13" s="101">
        <v>10</v>
      </c>
      <c r="JS13" s="102">
        <v>32</v>
      </c>
      <c r="JT13" s="103">
        <v>42</v>
      </c>
      <c r="JU13" s="413">
        <v>0</v>
      </c>
      <c r="JV13" s="102">
        <v>46</v>
      </c>
      <c r="JW13" s="102">
        <v>48</v>
      </c>
      <c r="JX13" s="102">
        <v>24</v>
      </c>
      <c r="JY13" s="102">
        <v>26</v>
      </c>
      <c r="JZ13" s="102">
        <v>20</v>
      </c>
      <c r="KA13" s="103">
        <v>164</v>
      </c>
      <c r="KB13" s="104">
        <v>206</v>
      </c>
      <c r="KC13" s="101">
        <v>2232</v>
      </c>
      <c r="KD13" s="102">
        <v>1463</v>
      </c>
      <c r="KE13" s="103">
        <v>3695</v>
      </c>
      <c r="KF13" s="413">
        <v>0</v>
      </c>
      <c r="KG13" s="102">
        <v>2650</v>
      </c>
      <c r="KH13" s="102">
        <v>1815</v>
      </c>
      <c r="KI13" s="102">
        <v>1486</v>
      </c>
      <c r="KJ13" s="102">
        <v>1454</v>
      </c>
      <c r="KK13" s="102">
        <v>1021</v>
      </c>
      <c r="KL13" s="103">
        <v>8426</v>
      </c>
      <c r="KM13" s="104">
        <v>12121</v>
      </c>
    </row>
    <row r="14" spans="2:299" s="70" customFormat="1" ht="21" customHeight="1" x14ac:dyDescent="0.2">
      <c r="B14" s="106" t="s">
        <v>10</v>
      </c>
      <c r="C14" s="96">
        <v>1556</v>
      </c>
      <c r="D14" s="97">
        <v>985</v>
      </c>
      <c r="E14" s="98">
        <v>2541</v>
      </c>
      <c r="F14" s="413">
        <v>0</v>
      </c>
      <c r="G14" s="97">
        <v>1807</v>
      </c>
      <c r="H14" s="97">
        <v>1017</v>
      </c>
      <c r="I14" s="97">
        <v>749</v>
      </c>
      <c r="J14" s="97">
        <v>642</v>
      </c>
      <c r="K14" s="97">
        <v>454</v>
      </c>
      <c r="L14" s="99">
        <v>4669</v>
      </c>
      <c r="M14" s="100">
        <v>7210</v>
      </c>
      <c r="N14" s="101">
        <v>58</v>
      </c>
      <c r="O14" s="102">
        <v>56</v>
      </c>
      <c r="P14" s="103">
        <v>114</v>
      </c>
      <c r="Q14" s="413">
        <v>0</v>
      </c>
      <c r="R14" s="102">
        <v>75</v>
      </c>
      <c r="S14" s="102">
        <v>54</v>
      </c>
      <c r="T14" s="102">
        <v>32</v>
      </c>
      <c r="U14" s="102">
        <v>46</v>
      </c>
      <c r="V14" s="102">
        <v>26</v>
      </c>
      <c r="W14" s="103">
        <v>233</v>
      </c>
      <c r="X14" s="104">
        <v>347</v>
      </c>
      <c r="Y14" s="101">
        <v>130</v>
      </c>
      <c r="Z14" s="102">
        <v>89</v>
      </c>
      <c r="AA14" s="103">
        <v>219</v>
      </c>
      <c r="AB14" s="413">
        <v>0</v>
      </c>
      <c r="AC14" s="102">
        <v>155</v>
      </c>
      <c r="AD14" s="102">
        <v>115</v>
      </c>
      <c r="AE14" s="102">
        <v>70</v>
      </c>
      <c r="AF14" s="102">
        <v>53</v>
      </c>
      <c r="AG14" s="102">
        <v>67</v>
      </c>
      <c r="AH14" s="103">
        <v>460</v>
      </c>
      <c r="AI14" s="104">
        <v>679</v>
      </c>
      <c r="AJ14" s="101">
        <v>229</v>
      </c>
      <c r="AK14" s="102">
        <v>170</v>
      </c>
      <c r="AL14" s="103">
        <v>399</v>
      </c>
      <c r="AM14" s="413">
        <v>0</v>
      </c>
      <c r="AN14" s="102">
        <v>297</v>
      </c>
      <c r="AO14" s="102">
        <v>154</v>
      </c>
      <c r="AP14" s="102">
        <v>109</v>
      </c>
      <c r="AQ14" s="102">
        <v>115</v>
      </c>
      <c r="AR14" s="102">
        <v>82</v>
      </c>
      <c r="AS14" s="103">
        <v>757</v>
      </c>
      <c r="AT14" s="104">
        <v>1156</v>
      </c>
      <c r="AU14" s="101">
        <v>398</v>
      </c>
      <c r="AV14" s="102">
        <v>237</v>
      </c>
      <c r="AW14" s="103">
        <v>635</v>
      </c>
      <c r="AX14" s="413">
        <v>0</v>
      </c>
      <c r="AY14" s="102">
        <v>467</v>
      </c>
      <c r="AZ14" s="102">
        <v>231</v>
      </c>
      <c r="BA14" s="102">
        <v>159</v>
      </c>
      <c r="BB14" s="102">
        <v>153</v>
      </c>
      <c r="BC14" s="102">
        <v>109</v>
      </c>
      <c r="BD14" s="103">
        <v>1119</v>
      </c>
      <c r="BE14" s="104">
        <v>1754</v>
      </c>
      <c r="BF14" s="101">
        <v>464</v>
      </c>
      <c r="BG14" s="102">
        <v>248</v>
      </c>
      <c r="BH14" s="103">
        <v>712</v>
      </c>
      <c r="BI14" s="413">
        <v>0</v>
      </c>
      <c r="BJ14" s="102">
        <v>476</v>
      </c>
      <c r="BK14" s="102">
        <v>258</v>
      </c>
      <c r="BL14" s="102">
        <v>186</v>
      </c>
      <c r="BM14" s="102">
        <v>140</v>
      </c>
      <c r="BN14" s="102">
        <v>86</v>
      </c>
      <c r="BO14" s="103">
        <v>1146</v>
      </c>
      <c r="BP14" s="104">
        <v>1858</v>
      </c>
      <c r="BQ14" s="101">
        <v>277</v>
      </c>
      <c r="BR14" s="102">
        <v>185</v>
      </c>
      <c r="BS14" s="103">
        <v>462</v>
      </c>
      <c r="BT14" s="413">
        <v>0</v>
      </c>
      <c r="BU14" s="102">
        <v>337</v>
      </c>
      <c r="BV14" s="102">
        <v>205</v>
      </c>
      <c r="BW14" s="102">
        <v>193</v>
      </c>
      <c r="BX14" s="102">
        <v>135</v>
      </c>
      <c r="BY14" s="102">
        <v>84</v>
      </c>
      <c r="BZ14" s="103">
        <v>954</v>
      </c>
      <c r="CA14" s="104">
        <v>1416</v>
      </c>
      <c r="CB14" s="101">
        <v>50</v>
      </c>
      <c r="CC14" s="102">
        <v>28</v>
      </c>
      <c r="CD14" s="103">
        <v>78</v>
      </c>
      <c r="CE14" s="413">
        <v>0</v>
      </c>
      <c r="CF14" s="102">
        <v>76</v>
      </c>
      <c r="CG14" s="102">
        <v>53</v>
      </c>
      <c r="CH14" s="102">
        <v>36</v>
      </c>
      <c r="CI14" s="102">
        <v>35</v>
      </c>
      <c r="CJ14" s="102">
        <v>36</v>
      </c>
      <c r="CK14" s="103">
        <v>236</v>
      </c>
      <c r="CL14" s="104">
        <v>314</v>
      </c>
      <c r="CM14" s="101">
        <v>1606</v>
      </c>
      <c r="CN14" s="102">
        <v>1013</v>
      </c>
      <c r="CO14" s="103">
        <v>2619</v>
      </c>
      <c r="CP14" s="413">
        <v>0</v>
      </c>
      <c r="CQ14" s="102">
        <v>1883</v>
      </c>
      <c r="CR14" s="102">
        <v>1070</v>
      </c>
      <c r="CS14" s="102">
        <v>785</v>
      </c>
      <c r="CT14" s="102">
        <v>677</v>
      </c>
      <c r="CU14" s="102">
        <v>490</v>
      </c>
      <c r="CV14" s="103">
        <v>4905</v>
      </c>
      <c r="CW14" s="104">
        <v>7524</v>
      </c>
      <c r="CX14" s="105">
        <v>3200</v>
      </c>
      <c r="CY14" s="97">
        <v>2250</v>
      </c>
      <c r="CZ14" s="98">
        <v>5450</v>
      </c>
      <c r="DA14" s="413">
        <v>0</v>
      </c>
      <c r="DB14" s="97">
        <v>3413</v>
      </c>
      <c r="DC14" s="97">
        <v>1832</v>
      </c>
      <c r="DD14" s="97">
        <v>1442</v>
      </c>
      <c r="DE14" s="97">
        <v>1622</v>
      </c>
      <c r="DF14" s="97">
        <v>1183</v>
      </c>
      <c r="DG14" s="99">
        <v>9492</v>
      </c>
      <c r="DH14" s="100">
        <v>14942</v>
      </c>
      <c r="DI14" s="101">
        <v>63</v>
      </c>
      <c r="DJ14" s="102">
        <v>53</v>
      </c>
      <c r="DK14" s="103">
        <v>116</v>
      </c>
      <c r="DL14" s="413">
        <v>0</v>
      </c>
      <c r="DM14" s="102">
        <v>68</v>
      </c>
      <c r="DN14" s="102">
        <v>32</v>
      </c>
      <c r="DO14" s="102">
        <v>21</v>
      </c>
      <c r="DP14" s="102">
        <v>26</v>
      </c>
      <c r="DQ14" s="102">
        <v>25</v>
      </c>
      <c r="DR14" s="103">
        <v>172</v>
      </c>
      <c r="DS14" s="104">
        <v>288</v>
      </c>
      <c r="DT14" s="101">
        <v>189</v>
      </c>
      <c r="DU14" s="102">
        <v>117</v>
      </c>
      <c r="DV14" s="103">
        <v>306</v>
      </c>
      <c r="DW14" s="413">
        <v>0</v>
      </c>
      <c r="DX14" s="102">
        <v>179</v>
      </c>
      <c r="DY14" s="102">
        <v>90</v>
      </c>
      <c r="DZ14" s="102">
        <v>57</v>
      </c>
      <c r="EA14" s="102">
        <v>44</v>
      </c>
      <c r="EB14" s="102">
        <v>47</v>
      </c>
      <c r="EC14" s="103">
        <v>417</v>
      </c>
      <c r="ED14" s="104">
        <v>723</v>
      </c>
      <c r="EE14" s="101">
        <v>457</v>
      </c>
      <c r="EF14" s="102">
        <v>280</v>
      </c>
      <c r="EG14" s="103">
        <v>737</v>
      </c>
      <c r="EH14" s="413">
        <v>0</v>
      </c>
      <c r="EI14" s="102">
        <v>370</v>
      </c>
      <c r="EJ14" s="102">
        <v>200</v>
      </c>
      <c r="EK14" s="102">
        <v>109</v>
      </c>
      <c r="EL14" s="102">
        <v>138</v>
      </c>
      <c r="EM14" s="102">
        <v>94</v>
      </c>
      <c r="EN14" s="103">
        <v>911</v>
      </c>
      <c r="EO14" s="104">
        <v>1648</v>
      </c>
      <c r="EP14" s="101">
        <v>970</v>
      </c>
      <c r="EQ14" s="102">
        <v>610</v>
      </c>
      <c r="ER14" s="103">
        <v>1580</v>
      </c>
      <c r="ES14" s="413">
        <v>0</v>
      </c>
      <c r="ET14" s="102">
        <v>808</v>
      </c>
      <c r="EU14" s="102">
        <v>353</v>
      </c>
      <c r="EV14" s="102">
        <v>257</v>
      </c>
      <c r="EW14" s="102">
        <v>250</v>
      </c>
      <c r="EX14" s="102">
        <v>226</v>
      </c>
      <c r="EY14" s="103">
        <v>1894</v>
      </c>
      <c r="EZ14" s="104">
        <v>3474</v>
      </c>
      <c r="FA14" s="101">
        <v>991</v>
      </c>
      <c r="FB14" s="102">
        <v>686</v>
      </c>
      <c r="FC14" s="103">
        <v>1677</v>
      </c>
      <c r="FD14" s="413">
        <v>0</v>
      </c>
      <c r="FE14" s="102">
        <v>1007</v>
      </c>
      <c r="FF14" s="102">
        <v>476</v>
      </c>
      <c r="FG14" s="102">
        <v>393</v>
      </c>
      <c r="FH14" s="102">
        <v>383</v>
      </c>
      <c r="FI14" s="102">
        <v>306</v>
      </c>
      <c r="FJ14" s="103">
        <v>2565</v>
      </c>
      <c r="FK14" s="104">
        <v>4242</v>
      </c>
      <c r="FL14" s="101">
        <v>530</v>
      </c>
      <c r="FM14" s="102">
        <v>504</v>
      </c>
      <c r="FN14" s="103">
        <v>1034</v>
      </c>
      <c r="FO14" s="413">
        <v>0</v>
      </c>
      <c r="FP14" s="102">
        <v>981</v>
      </c>
      <c r="FQ14" s="102">
        <v>681</v>
      </c>
      <c r="FR14" s="102">
        <v>605</v>
      </c>
      <c r="FS14" s="102">
        <v>781</v>
      </c>
      <c r="FT14" s="102">
        <v>485</v>
      </c>
      <c r="FU14" s="103">
        <v>3533</v>
      </c>
      <c r="FV14" s="104">
        <v>4567</v>
      </c>
      <c r="FW14" s="101">
        <v>27</v>
      </c>
      <c r="FX14" s="102">
        <v>45</v>
      </c>
      <c r="FY14" s="103">
        <v>72</v>
      </c>
      <c r="FZ14" s="413">
        <v>0</v>
      </c>
      <c r="GA14" s="102">
        <v>56</v>
      </c>
      <c r="GB14" s="102">
        <v>42</v>
      </c>
      <c r="GC14" s="102">
        <v>29</v>
      </c>
      <c r="GD14" s="102">
        <v>23</v>
      </c>
      <c r="GE14" s="102">
        <v>26</v>
      </c>
      <c r="GF14" s="103">
        <v>176</v>
      </c>
      <c r="GG14" s="104">
        <v>248</v>
      </c>
      <c r="GH14" s="101">
        <v>3227</v>
      </c>
      <c r="GI14" s="102">
        <v>2295</v>
      </c>
      <c r="GJ14" s="103">
        <v>5522</v>
      </c>
      <c r="GK14" s="413">
        <v>0</v>
      </c>
      <c r="GL14" s="102">
        <v>3469</v>
      </c>
      <c r="GM14" s="102">
        <v>1874</v>
      </c>
      <c r="GN14" s="102">
        <v>1471</v>
      </c>
      <c r="GO14" s="102">
        <v>1645</v>
      </c>
      <c r="GP14" s="102">
        <v>1209</v>
      </c>
      <c r="GQ14" s="103">
        <v>9668</v>
      </c>
      <c r="GR14" s="104">
        <v>15190</v>
      </c>
      <c r="GS14" s="105">
        <v>4756</v>
      </c>
      <c r="GT14" s="97">
        <v>3235</v>
      </c>
      <c r="GU14" s="98">
        <v>7991</v>
      </c>
      <c r="GV14" s="413">
        <v>0</v>
      </c>
      <c r="GW14" s="97">
        <v>5220</v>
      </c>
      <c r="GX14" s="97">
        <v>2849</v>
      </c>
      <c r="GY14" s="97">
        <v>2191</v>
      </c>
      <c r="GZ14" s="97">
        <v>2264</v>
      </c>
      <c r="HA14" s="97">
        <v>1637</v>
      </c>
      <c r="HB14" s="99">
        <v>14161</v>
      </c>
      <c r="HC14" s="100">
        <v>22152</v>
      </c>
      <c r="HD14" s="101">
        <v>121</v>
      </c>
      <c r="HE14" s="102">
        <v>109</v>
      </c>
      <c r="HF14" s="103">
        <v>230</v>
      </c>
      <c r="HG14" s="416">
        <v>0</v>
      </c>
      <c r="HH14" s="102">
        <v>143</v>
      </c>
      <c r="HI14" s="102">
        <v>86</v>
      </c>
      <c r="HJ14" s="102">
        <v>53</v>
      </c>
      <c r="HK14" s="102">
        <v>72</v>
      </c>
      <c r="HL14" s="102">
        <v>51</v>
      </c>
      <c r="HM14" s="103">
        <v>405</v>
      </c>
      <c r="HN14" s="104">
        <v>635</v>
      </c>
      <c r="HO14" s="101">
        <v>319</v>
      </c>
      <c r="HP14" s="102">
        <v>206</v>
      </c>
      <c r="HQ14" s="103">
        <v>525</v>
      </c>
      <c r="HR14" s="413">
        <v>0</v>
      </c>
      <c r="HS14" s="102">
        <v>334</v>
      </c>
      <c r="HT14" s="102">
        <v>205</v>
      </c>
      <c r="HU14" s="102">
        <v>127</v>
      </c>
      <c r="HV14" s="102">
        <v>97</v>
      </c>
      <c r="HW14" s="102">
        <v>114</v>
      </c>
      <c r="HX14" s="103">
        <v>877</v>
      </c>
      <c r="HY14" s="104">
        <v>1402</v>
      </c>
      <c r="HZ14" s="101">
        <v>686</v>
      </c>
      <c r="IA14" s="102">
        <v>450</v>
      </c>
      <c r="IB14" s="103">
        <v>1136</v>
      </c>
      <c r="IC14" s="413">
        <v>0</v>
      </c>
      <c r="ID14" s="102">
        <v>667</v>
      </c>
      <c r="IE14" s="102">
        <v>354</v>
      </c>
      <c r="IF14" s="102">
        <v>218</v>
      </c>
      <c r="IG14" s="102">
        <v>253</v>
      </c>
      <c r="IH14" s="102">
        <v>176</v>
      </c>
      <c r="II14" s="103">
        <v>1668</v>
      </c>
      <c r="IJ14" s="104">
        <v>2804</v>
      </c>
      <c r="IK14" s="101">
        <v>1368</v>
      </c>
      <c r="IL14" s="102">
        <v>847</v>
      </c>
      <c r="IM14" s="103">
        <v>2215</v>
      </c>
      <c r="IN14" s="413">
        <v>0</v>
      </c>
      <c r="IO14" s="102">
        <v>1275</v>
      </c>
      <c r="IP14" s="102">
        <v>584</v>
      </c>
      <c r="IQ14" s="102">
        <v>416</v>
      </c>
      <c r="IR14" s="102">
        <v>403</v>
      </c>
      <c r="IS14" s="102">
        <v>335</v>
      </c>
      <c r="IT14" s="103">
        <v>3013</v>
      </c>
      <c r="IU14" s="104">
        <v>5228</v>
      </c>
      <c r="IV14" s="101">
        <v>1455</v>
      </c>
      <c r="IW14" s="102">
        <v>934</v>
      </c>
      <c r="IX14" s="103">
        <v>2389</v>
      </c>
      <c r="IY14" s="413">
        <v>0</v>
      </c>
      <c r="IZ14" s="102">
        <v>1483</v>
      </c>
      <c r="JA14" s="102">
        <v>734</v>
      </c>
      <c r="JB14" s="102">
        <v>579</v>
      </c>
      <c r="JC14" s="102">
        <v>523</v>
      </c>
      <c r="JD14" s="102">
        <v>392</v>
      </c>
      <c r="JE14" s="103">
        <v>3711</v>
      </c>
      <c r="JF14" s="104">
        <v>6100</v>
      </c>
      <c r="JG14" s="101">
        <v>807</v>
      </c>
      <c r="JH14" s="102">
        <v>689</v>
      </c>
      <c r="JI14" s="103">
        <v>1496</v>
      </c>
      <c r="JJ14" s="413">
        <v>0</v>
      </c>
      <c r="JK14" s="102">
        <v>1318</v>
      </c>
      <c r="JL14" s="102">
        <v>886</v>
      </c>
      <c r="JM14" s="102">
        <v>798</v>
      </c>
      <c r="JN14" s="102">
        <v>916</v>
      </c>
      <c r="JO14" s="102">
        <v>569</v>
      </c>
      <c r="JP14" s="103">
        <v>4487</v>
      </c>
      <c r="JQ14" s="104">
        <v>5983</v>
      </c>
      <c r="JR14" s="101">
        <v>77</v>
      </c>
      <c r="JS14" s="102">
        <v>73</v>
      </c>
      <c r="JT14" s="103">
        <v>150</v>
      </c>
      <c r="JU14" s="413">
        <v>0</v>
      </c>
      <c r="JV14" s="102">
        <v>132</v>
      </c>
      <c r="JW14" s="102">
        <v>95</v>
      </c>
      <c r="JX14" s="102">
        <v>65</v>
      </c>
      <c r="JY14" s="102">
        <v>58</v>
      </c>
      <c r="JZ14" s="102">
        <v>62</v>
      </c>
      <c r="KA14" s="103">
        <v>412</v>
      </c>
      <c r="KB14" s="104">
        <v>562</v>
      </c>
      <c r="KC14" s="101">
        <v>4833</v>
      </c>
      <c r="KD14" s="102">
        <v>3308</v>
      </c>
      <c r="KE14" s="103">
        <v>8141</v>
      </c>
      <c r="KF14" s="413">
        <v>0</v>
      </c>
      <c r="KG14" s="102">
        <v>5352</v>
      </c>
      <c r="KH14" s="102">
        <v>2944</v>
      </c>
      <c r="KI14" s="102">
        <v>2256</v>
      </c>
      <c r="KJ14" s="102">
        <v>2322</v>
      </c>
      <c r="KK14" s="102">
        <v>1699</v>
      </c>
      <c r="KL14" s="103">
        <v>14573</v>
      </c>
      <c r="KM14" s="104">
        <v>22714</v>
      </c>
    </row>
    <row r="15" spans="2:299" s="70" customFormat="1" ht="21" customHeight="1" x14ac:dyDescent="0.2">
      <c r="B15" s="106" t="s">
        <v>11</v>
      </c>
      <c r="C15" s="96">
        <v>446</v>
      </c>
      <c r="D15" s="97">
        <v>359</v>
      </c>
      <c r="E15" s="98">
        <v>805</v>
      </c>
      <c r="F15" s="413">
        <v>0</v>
      </c>
      <c r="G15" s="97">
        <v>903</v>
      </c>
      <c r="H15" s="97">
        <v>590</v>
      </c>
      <c r="I15" s="97">
        <v>466</v>
      </c>
      <c r="J15" s="97">
        <v>441</v>
      </c>
      <c r="K15" s="97">
        <v>250</v>
      </c>
      <c r="L15" s="99">
        <v>2650</v>
      </c>
      <c r="M15" s="100">
        <v>3455</v>
      </c>
      <c r="N15" s="101">
        <v>16</v>
      </c>
      <c r="O15" s="102">
        <v>15</v>
      </c>
      <c r="P15" s="103">
        <v>31</v>
      </c>
      <c r="Q15" s="413">
        <v>0</v>
      </c>
      <c r="R15" s="102">
        <v>49</v>
      </c>
      <c r="S15" s="102">
        <v>24</v>
      </c>
      <c r="T15" s="102">
        <v>25</v>
      </c>
      <c r="U15" s="102">
        <v>16</v>
      </c>
      <c r="V15" s="102">
        <v>11</v>
      </c>
      <c r="W15" s="103">
        <v>125</v>
      </c>
      <c r="X15" s="104">
        <v>156</v>
      </c>
      <c r="Y15" s="101">
        <v>41</v>
      </c>
      <c r="Z15" s="102">
        <v>40</v>
      </c>
      <c r="AA15" s="103">
        <v>81</v>
      </c>
      <c r="AB15" s="413">
        <v>0</v>
      </c>
      <c r="AC15" s="102">
        <v>94</v>
      </c>
      <c r="AD15" s="102">
        <v>58</v>
      </c>
      <c r="AE15" s="102">
        <v>51</v>
      </c>
      <c r="AF15" s="102">
        <v>45</v>
      </c>
      <c r="AG15" s="102">
        <v>29</v>
      </c>
      <c r="AH15" s="103">
        <v>277</v>
      </c>
      <c r="AI15" s="104">
        <v>358</v>
      </c>
      <c r="AJ15" s="101">
        <v>59</v>
      </c>
      <c r="AK15" s="102">
        <v>66</v>
      </c>
      <c r="AL15" s="103">
        <v>125</v>
      </c>
      <c r="AM15" s="413">
        <v>0</v>
      </c>
      <c r="AN15" s="102">
        <v>135</v>
      </c>
      <c r="AO15" s="102">
        <v>100</v>
      </c>
      <c r="AP15" s="102">
        <v>83</v>
      </c>
      <c r="AQ15" s="102">
        <v>72</v>
      </c>
      <c r="AR15" s="102">
        <v>38</v>
      </c>
      <c r="AS15" s="103">
        <v>428</v>
      </c>
      <c r="AT15" s="104">
        <v>553</v>
      </c>
      <c r="AU15" s="101">
        <v>115</v>
      </c>
      <c r="AV15" s="102">
        <v>95</v>
      </c>
      <c r="AW15" s="103">
        <v>210</v>
      </c>
      <c r="AX15" s="413">
        <v>0</v>
      </c>
      <c r="AY15" s="102">
        <v>230</v>
      </c>
      <c r="AZ15" s="102">
        <v>143</v>
      </c>
      <c r="BA15" s="102">
        <v>110</v>
      </c>
      <c r="BB15" s="102">
        <v>108</v>
      </c>
      <c r="BC15" s="102">
        <v>68</v>
      </c>
      <c r="BD15" s="103">
        <v>659</v>
      </c>
      <c r="BE15" s="104">
        <v>869</v>
      </c>
      <c r="BF15" s="101">
        <v>137</v>
      </c>
      <c r="BG15" s="102">
        <v>78</v>
      </c>
      <c r="BH15" s="103">
        <v>215</v>
      </c>
      <c r="BI15" s="413">
        <v>0</v>
      </c>
      <c r="BJ15" s="102">
        <v>207</v>
      </c>
      <c r="BK15" s="102">
        <v>146</v>
      </c>
      <c r="BL15" s="102">
        <v>108</v>
      </c>
      <c r="BM15" s="102">
        <v>108</v>
      </c>
      <c r="BN15" s="102">
        <v>51</v>
      </c>
      <c r="BO15" s="103">
        <v>620</v>
      </c>
      <c r="BP15" s="104">
        <v>835</v>
      </c>
      <c r="BQ15" s="101">
        <v>78</v>
      </c>
      <c r="BR15" s="102">
        <v>65</v>
      </c>
      <c r="BS15" s="103">
        <v>143</v>
      </c>
      <c r="BT15" s="413">
        <v>0</v>
      </c>
      <c r="BU15" s="102">
        <v>188</v>
      </c>
      <c r="BV15" s="102">
        <v>119</v>
      </c>
      <c r="BW15" s="102">
        <v>89</v>
      </c>
      <c r="BX15" s="102">
        <v>92</v>
      </c>
      <c r="BY15" s="102">
        <v>53</v>
      </c>
      <c r="BZ15" s="103">
        <v>541</v>
      </c>
      <c r="CA15" s="104">
        <v>684</v>
      </c>
      <c r="CB15" s="101">
        <v>6</v>
      </c>
      <c r="CC15" s="102">
        <v>14</v>
      </c>
      <c r="CD15" s="103">
        <v>20</v>
      </c>
      <c r="CE15" s="413">
        <v>0</v>
      </c>
      <c r="CF15" s="102">
        <v>24</v>
      </c>
      <c r="CG15" s="102">
        <v>14</v>
      </c>
      <c r="CH15" s="102">
        <v>15</v>
      </c>
      <c r="CI15" s="102">
        <v>23</v>
      </c>
      <c r="CJ15" s="102">
        <v>13</v>
      </c>
      <c r="CK15" s="103">
        <v>89</v>
      </c>
      <c r="CL15" s="104">
        <v>109</v>
      </c>
      <c r="CM15" s="101">
        <v>452</v>
      </c>
      <c r="CN15" s="102">
        <v>373</v>
      </c>
      <c r="CO15" s="103">
        <v>825</v>
      </c>
      <c r="CP15" s="413">
        <v>0</v>
      </c>
      <c r="CQ15" s="102">
        <v>927</v>
      </c>
      <c r="CR15" s="102">
        <v>604</v>
      </c>
      <c r="CS15" s="102">
        <v>481</v>
      </c>
      <c r="CT15" s="102">
        <v>464</v>
      </c>
      <c r="CU15" s="102">
        <v>263</v>
      </c>
      <c r="CV15" s="103">
        <v>2739</v>
      </c>
      <c r="CW15" s="104">
        <v>3564</v>
      </c>
      <c r="CX15" s="105">
        <v>953</v>
      </c>
      <c r="CY15" s="97">
        <v>856</v>
      </c>
      <c r="CZ15" s="98">
        <v>1809</v>
      </c>
      <c r="DA15" s="413">
        <v>0</v>
      </c>
      <c r="DB15" s="97">
        <v>1688</v>
      </c>
      <c r="DC15" s="97">
        <v>1090</v>
      </c>
      <c r="DD15" s="97">
        <v>946</v>
      </c>
      <c r="DE15" s="97">
        <v>980</v>
      </c>
      <c r="DF15" s="97">
        <v>589</v>
      </c>
      <c r="DG15" s="99">
        <v>5293</v>
      </c>
      <c r="DH15" s="100">
        <v>7102</v>
      </c>
      <c r="DI15" s="101">
        <v>23</v>
      </c>
      <c r="DJ15" s="102">
        <v>18</v>
      </c>
      <c r="DK15" s="103">
        <v>41</v>
      </c>
      <c r="DL15" s="413">
        <v>0</v>
      </c>
      <c r="DM15" s="102">
        <v>41</v>
      </c>
      <c r="DN15" s="102">
        <v>17</v>
      </c>
      <c r="DO15" s="102">
        <v>16</v>
      </c>
      <c r="DP15" s="102">
        <v>20</v>
      </c>
      <c r="DQ15" s="102">
        <v>19</v>
      </c>
      <c r="DR15" s="103">
        <v>113</v>
      </c>
      <c r="DS15" s="104">
        <v>154</v>
      </c>
      <c r="DT15" s="101">
        <v>52</v>
      </c>
      <c r="DU15" s="102">
        <v>69</v>
      </c>
      <c r="DV15" s="103">
        <v>121</v>
      </c>
      <c r="DW15" s="413">
        <v>0</v>
      </c>
      <c r="DX15" s="102">
        <v>86</v>
      </c>
      <c r="DY15" s="102">
        <v>49</v>
      </c>
      <c r="DZ15" s="102">
        <v>45</v>
      </c>
      <c r="EA15" s="102">
        <v>44</v>
      </c>
      <c r="EB15" s="102">
        <v>24</v>
      </c>
      <c r="EC15" s="103">
        <v>248</v>
      </c>
      <c r="ED15" s="104">
        <v>369</v>
      </c>
      <c r="EE15" s="101">
        <v>139</v>
      </c>
      <c r="EF15" s="102">
        <v>110</v>
      </c>
      <c r="EG15" s="103">
        <v>249</v>
      </c>
      <c r="EH15" s="413">
        <v>0</v>
      </c>
      <c r="EI15" s="102">
        <v>159</v>
      </c>
      <c r="EJ15" s="102">
        <v>105</v>
      </c>
      <c r="EK15" s="102">
        <v>78</v>
      </c>
      <c r="EL15" s="102">
        <v>75</v>
      </c>
      <c r="EM15" s="102">
        <v>61</v>
      </c>
      <c r="EN15" s="103">
        <v>478</v>
      </c>
      <c r="EO15" s="104">
        <v>727</v>
      </c>
      <c r="EP15" s="101">
        <v>272</v>
      </c>
      <c r="EQ15" s="102">
        <v>231</v>
      </c>
      <c r="ER15" s="103">
        <v>503</v>
      </c>
      <c r="ES15" s="413">
        <v>0</v>
      </c>
      <c r="ET15" s="102">
        <v>407</v>
      </c>
      <c r="EU15" s="102">
        <v>242</v>
      </c>
      <c r="EV15" s="102">
        <v>180</v>
      </c>
      <c r="EW15" s="102">
        <v>168</v>
      </c>
      <c r="EX15" s="102">
        <v>105</v>
      </c>
      <c r="EY15" s="103">
        <v>1102</v>
      </c>
      <c r="EZ15" s="104">
        <v>1605</v>
      </c>
      <c r="FA15" s="101">
        <v>300</v>
      </c>
      <c r="FB15" s="102">
        <v>241</v>
      </c>
      <c r="FC15" s="103">
        <v>541</v>
      </c>
      <c r="FD15" s="413">
        <v>0</v>
      </c>
      <c r="FE15" s="102">
        <v>511</v>
      </c>
      <c r="FF15" s="102">
        <v>305</v>
      </c>
      <c r="FG15" s="102">
        <v>240</v>
      </c>
      <c r="FH15" s="102">
        <v>208</v>
      </c>
      <c r="FI15" s="102">
        <v>143</v>
      </c>
      <c r="FJ15" s="103">
        <v>1407</v>
      </c>
      <c r="FK15" s="104">
        <v>1948</v>
      </c>
      <c r="FL15" s="101">
        <v>167</v>
      </c>
      <c r="FM15" s="102">
        <v>187</v>
      </c>
      <c r="FN15" s="103">
        <v>354</v>
      </c>
      <c r="FO15" s="413">
        <v>0</v>
      </c>
      <c r="FP15" s="102">
        <v>484</v>
      </c>
      <c r="FQ15" s="102">
        <v>372</v>
      </c>
      <c r="FR15" s="102">
        <v>387</v>
      </c>
      <c r="FS15" s="102">
        <v>465</v>
      </c>
      <c r="FT15" s="102">
        <v>237</v>
      </c>
      <c r="FU15" s="103">
        <v>1945</v>
      </c>
      <c r="FV15" s="104">
        <v>2299</v>
      </c>
      <c r="FW15" s="101">
        <v>15</v>
      </c>
      <c r="FX15" s="102">
        <v>10</v>
      </c>
      <c r="FY15" s="103">
        <v>25</v>
      </c>
      <c r="FZ15" s="413">
        <v>0</v>
      </c>
      <c r="GA15" s="102">
        <v>27</v>
      </c>
      <c r="GB15" s="102">
        <v>12</v>
      </c>
      <c r="GC15" s="102">
        <v>21</v>
      </c>
      <c r="GD15" s="102">
        <v>10</v>
      </c>
      <c r="GE15" s="102">
        <v>9</v>
      </c>
      <c r="GF15" s="103">
        <v>79</v>
      </c>
      <c r="GG15" s="104">
        <v>104</v>
      </c>
      <c r="GH15" s="101">
        <v>968</v>
      </c>
      <c r="GI15" s="102">
        <v>866</v>
      </c>
      <c r="GJ15" s="103">
        <v>1834</v>
      </c>
      <c r="GK15" s="413">
        <v>0</v>
      </c>
      <c r="GL15" s="102">
        <v>1715</v>
      </c>
      <c r="GM15" s="102">
        <v>1102</v>
      </c>
      <c r="GN15" s="102">
        <v>967</v>
      </c>
      <c r="GO15" s="102">
        <v>990</v>
      </c>
      <c r="GP15" s="102">
        <v>598</v>
      </c>
      <c r="GQ15" s="103">
        <v>5372</v>
      </c>
      <c r="GR15" s="104">
        <v>7206</v>
      </c>
      <c r="GS15" s="105">
        <v>1399</v>
      </c>
      <c r="GT15" s="97">
        <v>1215</v>
      </c>
      <c r="GU15" s="98">
        <v>2614</v>
      </c>
      <c r="GV15" s="413">
        <v>0</v>
      </c>
      <c r="GW15" s="97">
        <v>2591</v>
      </c>
      <c r="GX15" s="97">
        <v>1680</v>
      </c>
      <c r="GY15" s="97">
        <v>1412</v>
      </c>
      <c r="GZ15" s="97">
        <v>1421</v>
      </c>
      <c r="HA15" s="97">
        <v>839</v>
      </c>
      <c r="HB15" s="99">
        <v>7943</v>
      </c>
      <c r="HC15" s="100">
        <v>10557</v>
      </c>
      <c r="HD15" s="101">
        <v>39</v>
      </c>
      <c r="HE15" s="102">
        <v>33</v>
      </c>
      <c r="HF15" s="103">
        <v>72</v>
      </c>
      <c r="HG15" s="416">
        <v>0</v>
      </c>
      <c r="HH15" s="102">
        <v>90</v>
      </c>
      <c r="HI15" s="102">
        <v>41</v>
      </c>
      <c r="HJ15" s="102">
        <v>41</v>
      </c>
      <c r="HK15" s="102">
        <v>36</v>
      </c>
      <c r="HL15" s="102">
        <v>30</v>
      </c>
      <c r="HM15" s="103">
        <v>238</v>
      </c>
      <c r="HN15" s="104">
        <v>310</v>
      </c>
      <c r="HO15" s="101">
        <v>93</v>
      </c>
      <c r="HP15" s="102">
        <v>109</v>
      </c>
      <c r="HQ15" s="103">
        <v>202</v>
      </c>
      <c r="HR15" s="413">
        <v>0</v>
      </c>
      <c r="HS15" s="102">
        <v>180</v>
      </c>
      <c r="HT15" s="102">
        <v>107</v>
      </c>
      <c r="HU15" s="102">
        <v>96</v>
      </c>
      <c r="HV15" s="102">
        <v>89</v>
      </c>
      <c r="HW15" s="102">
        <v>53</v>
      </c>
      <c r="HX15" s="103">
        <v>525</v>
      </c>
      <c r="HY15" s="104">
        <v>727</v>
      </c>
      <c r="HZ15" s="101">
        <v>198</v>
      </c>
      <c r="IA15" s="102">
        <v>176</v>
      </c>
      <c r="IB15" s="103">
        <v>374</v>
      </c>
      <c r="IC15" s="413">
        <v>0</v>
      </c>
      <c r="ID15" s="102">
        <v>294</v>
      </c>
      <c r="IE15" s="102">
        <v>205</v>
      </c>
      <c r="IF15" s="102">
        <v>161</v>
      </c>
      <c r="IG15" s="102">
        <v>147</v>
      </c>
      <c r="IH15" s="102">
        <v>99</v>
      </c>
      <c r="II15" s="103">
        <v>906</v>
      </c>
      <c r="IJ15" s="104">
        <v>1280</v>
      </c>
      <c r="IK15" s="101">
        <v>387</v>
      </c>
      <c r="IL15" s="102">
        <v>326</v>
      </c>
      <c r="IM15" s="103">
        <v>713</v>
      </c>
      <c r="IN15" s="413">
        <v>0</v>
      </c>
      <c r="IO15" s="102">
        <v>637</v>
      </c>
      <c r="IP15" s="102">
        <v>385</v>
      </c>
      <c r="IQ15" s="102">
        <v>290</v>
      </c>
      <c r="IR15" s="102">
        <v>276</v>
      </c>
      <c r="IS15" s="102">
        <v>173</v>
      </c>
      <c r="IT15" s="103">
        <v>1761</v>
      </c>
      <c r="IU15" s="104">
        <v>2474</v>
      </c>
      <c r="IV15" s="101">
        <v>437</v>
      </c>
      <c r="IW15" s="102">
        <v>319</v>
      </c>
      <c r="IX15" s="103">
        <v>756</v>
      </c>
      <c r="IY15" s="413">
        <v>0</v>
      </c>
      <c r="IZ15" s="102">
        <v>718</v>
      </c>
      <c r="JA15" s="102">
        <v>451</v>
      </c>
      <c r="JB15" s="102">
        <v>348</v>
      </c>
      <c r="JC15" s="102">
        <v>316</v>
      </c>
      <c r="JD15" s="102">
        <v>194</v>
      </c>
      <c r="JE15" s="103">
        <v>2027</v>
      </c>
      <c r="JF15" s="104">
        <v>2783</v>
      </c>
      <c r="JG15" s="101">
        <v>245</v>
      </c>
      <c r="JH15" s="102">
        <v>252</v>
      </c>
      <c r="JI15" s="103">
        <v>497</v>
      </c>
      <c r="JJ15" s="413">
        <v>0</v>
      </c>
      <c r="JK15" s="102">
        <v>672</v>
      </c>
      <c r="JL15" s="102">
        <v>491</v>
      </c>
      <c r="JM15" s="102">
        <v>476</v>
      </c>
      <c r="JN15" s="102">
        <v>557</v>
      </c>
      <c r="JO15" s="102">
        <v>290</v>
      </c>
      <c r="JP15" s="103">
        <v>2486</v>
      </c>
      <c r="JQ15" s="104">
        <v>2983</v>
      </c>
      <c r="JR15" s="101">
        <v>21</v>
      </c>
      <c r="JS15" s="102">
        <v>24</v>
      </c>
      <c r="JT15" s="103">
        <v>45</v>
      </c>
      <c r="JU15" s="413">
        <v>0</v>
      </c>
      <c r="JV15" s="102">
        <v>51</v>
      </c>
      <c r="JW15" s="102">
        <v>26</v>
      </c>
      <c r="JX15" s="102">
        <v>36</v>
      </c>
      <c r="JY15" s="102">
        <v>33</v>
      </c>
      <c r="JZ15" s="102">
        <v>22</v>
      </c>
      <c r="KA15" s="103">
        <v>168</v>
      </c>
      <c r="KB15" s="104">
        <v>213</v>
      </c>
      <c r="KC15" s="101">
        <v>1420</v>
      </c>
      <c r="KD15" s="102">
        <v>1239</v>
      </c>
      <c r="KE15" s="103">
        <v>2659</v>
      </c>
      <c r="KF15" s="413">
        <v>0</v>
      </c>
      <c r="KG15" s="102">
        <v>2642</v>
      </c>
      <c r="KH15" s="102">
        <v>1706</v>
      </c>
      <c r="KI15" s="102">
        <v>1448</v>
      </c>
      <c r="KJ15" s="102">
        <v>1454</v>
      </c>
      <c r="KK15" s="102">
        <v>861</v>
      </c>
      <c r="KL15" s="103">
        <v>8111</v>
      </c>
      <c r="KM15" s="104">
        <v>10770</v>
      </c>
    </row>
    <row r="16" spans="2:299" s="70" customFormat="1" ht="21" customHeight="1" x14ac:dyDescent="0.2">
      <c r="B16" s="106" t="s">
        <v>12</v>
      </c>
      <c r="C16" s="96">
        <v>717</v>
      </c>
      <c r="D16" s="97">
        <v>678</v>
      </c>
      <c r="E16" s="98">
        <v>1395</v>
      </c>
      <c r="F16" s="413">
        <v>0</v>
      </c>
      <c r="G16" s="97">
        <v>705</v>
      </c>
      <c r="H16" s="97">
        <v>714</v>
      </c>
      <c r="I16" s="97">
        <v>475</v>
      </c>
      <c r="J16" s="97">
        <v>460</v>
      </c>
      <c r="K16" s="97">
        <v>201</v>
      </c>
      <c r="L16" s="99">
        <v>2555</v>
      </c>
      <c r="M16" s="100">
        <v>3950</v>
      </c>
      <c r="N16" s="107">
        <v>24</v>
      </c>
      <c r="O16" s="102">
        <v>21</v>
      </c>
      <c r="P16" s="103">
        <v>45</v>
      </c>
      <c r="Q16" s="413">
        <v>0</v>
      </c>
      <c r="R16" s="102">
        <v>16</v>
      </c>
      <c r="S16" s="102">
        <v>30</v>
      </c>
      <c r="T16" s="102">
        <v>16</v>
      </c>
      <c r="U16" s="102">
        <v>19</v>
      </c>
      <c r="V16" s="102">
        <v>7</v>
      </c>
      <c r="W16" s="103">
        <v>88</v>
      </c>
      <c r="X16" s="104">
        <v>133</v>
      </c>
      <c r="Y16" s="101">
        <v>58</v>
      </c>
      <c r="Z16" s="102">
        <v>64</v>
      </c>
      <c r="AA16" s="103">
        <v>122</v>
      </c>
      <c r="AB16" s="413">
        <v>0</v>
      </c>
      <c r="AC16" s="102">
        <v>41</v>
      </c>
      <c r="AD16" s="102">
        <v>55</v>
      </c>
      <c r="AE16" s="102">
        <v>41</v>
      </c>
      <c r="AF16" s="102">
        <v>53</v>
      </c>
      <c r="AG16" s="102">
        <v>16</v>
      </c>
      <c r="AH16" s="103">
        <v>206</v>
      </c>
      <c r="AI16" s="104">
        <v>328</v>
      </c>
      <c r="AJ16" s="107">
        <v>94</v>
      </c>
      <c r="AK16" s="102">
        <v>105</v>
      </c>
      <c r="AL16" s="103">
        <v>199</v>
      </c>
      <c r="AM16" s="413">
        <v>0</v>
      </c>
      <c r="AN16" s="102">
        <v>95</v>
      </c>
      <c r="AO16" s="102">
        <v>108</v>
      </c>
      <c r="AP16" s="102">
        <v>66</v>
      </c>
      <c r="AQ16" s="102">
        <v>63</v>
      </c>
      <c r="AR16" s="102">
        <v>35</v>
      </c>
      <c r="AS16" s="103">
        <v>367</v>
      </c>
      <c r="AT16" s="104">
        <v>566</v>
      </c>
      <c r="AU16" s="101">
        <v>182</v>
      </c>
      <c r="AV16" s="102">
        <v>175</v>
      </c>
      <c r="AW16" s="103">
        <v>357</v>
      </c>
      <c r="AX16" s="413">
        <v>0</v>
      </c>
      <c r="AY16" s="102">
        <v>181</v>
      </c>
      <c r="AZ16" s="102">
        <v>181</v>
      </c>
      <c r="BA16" s="102">
        <v>119</v>
      </c>
      <c r="BB16" s="102">
        <v>96</v>
      </c>
      <c r="BC16" s="102">
        <v>50</v>
      </c>
      <c r="BD16" s="103">
        <v>627</v>
      </c>
      <c r="BE16" s="104">
        <v>984</v>
      </c>
      <c r="BF16" s="107">
        <v>227</v>
      </c>
      <c r="BG16" s="102">
        <v>178</v>
      </c>
      <c r="BH16" s="103">
        <v>405</v>
      </c>
      <c r="BI16" s="413">
        <v>0</v>
      </c>
      <c r="BJ16" s="102">
        <v>207</v>
      </c>
      <c r="BK16" s="102">
        <v>183</v>
      </c>
      <c r="BL16" s="102">
        <v>128</v>
      </c>
      <c r="BM16" s="102">
        <v>118</v>
      </c>
      <c r="BN16" s="102">
        <v>53</v>
      </c>
      <c r="BO16" s="103">
        <v>689</v>
      </c>
      <c r="BP16" s="104">
        <v>1094</v>
      </c>
      <c r="BQ16" s="101">
        <v>132</v>
      </c>
      <c r="BR16" s="102">
        <v>135</v>
      </c>
      <c r="BS16" s="103">
        <v>267</v>
      </c>
      <c r="BT16" s="413">
        <v>0</v>
      </c>
      <c r="BU16" s="102">
        <v>165</v>
      </c>
      <c r="BV16" s="102">
        <v>157</v>
      </c>
      <c r="BW16" s="102">
        <v>105</v>
      </c>
      <c r="BX16" s="102">
        <v>111</v>
      </c>
      <c r="BY16" s="102">
        <v>40</v>
      </c>
      <c r="BZ16" s="103">
        <v>578</v>
      </c>
      <c r="CA16" s="104">
        <v>845</v>
      </c>
      <c r="CB16" s="101">
        <v>16</v>
      </c>
      <c r="CC16" s="102">
        <v>35</v>
      </c>
      <c r="CD16" s="103">
        <v>51</v>
      </c>
      <c r="CE16" s="413">
        <v>0</v>
      </c>
      <c r="CF16" s="102">
        <v>12</v>
      </c>
      <c r="CG16" s="102">
        <v>30</v>
      </c>
      <c r="CH16" s="102">
        <v>16</v>
      </c>
      <c r="CI16" s="102">
        <v>19</v>
      </c>
      <c r="CJ16" s="102">
        <v>17</v>
      </c>
      <c r="CK16" s="103">
        <v>94</v>
      </c>
      <c r="CL16" s="104">
        <v>145</v>
      </c>
      <c r="CM16" s="101">
        <v>733</v>
      </c>
      <c r="CN16" s="102">
        <v>713</v>
      </c>
      <c r="CO16" s="103">
        <v>1446</v>
      </c>
      <c r="CP16" s="413">
        <v>0</v>
      </c>
      <c r="CQ16" s="102">
        <v>717</v>
      </c>
      <c r="CR16" s="102">
        <v>744</v>
      </c>
      <c r="CS16" s="102">
        <v>491</v>
      </c>
      <c r="CT16" s="102">
        <v>479</v>
      </c>
      <c r="CU16" s="102">
        <v>218</v>
      </c>
      <c r="CV16" s="103">
        <v>2649</v>
      </c>
      <c r="CW16" s="104">
        <v>4095</v>
      </c>
      <c r="CX16" s="105">
        <v>1410</v>
      </c>
      <c r="CY16" s="97">
        <v>1509</v>
      </c>
      <c r="CZ16" s="98">
        <v>2919</v>
      </c>
      <c r="DA16" s="413">
        <v>0</v>
      </c>
      <c r="DB16" s="97">
        <v>1563</v>
      </c>
      <c r="DC16" s="97">
        <v>1144</v>
      </c>
      <c r="DD16" s="97">
        <v>998</v>
      </c>
      <c r="DE16" s="97">
        <v>1080</v>
      </c>
      <c r="DF16" s="97">
        <v>667</v>
      </c>
      <c r="DG16" s="99">
        <v>5452</v>
      </c>
      <c r="DH16" s="100">
        <v>8371</v>
      </c>
      <c r="DI16" s="107">
        <v>19</v>
      </c>
      <c r="DJ16" s="102">
        <v>31</v>
      </c>
      <c r="DK16" s="103">
        <v>50</v>
      </c>
      <c r="DL16" s="413">
        <v>0</v>
      </c>
      <c r="DM16" s="102">
        <v>22</v>
      </c>
      <c r="DN16" s="102">
        <v>20</v>
      </c>
      <c r="DO16" s="102">
        <v>20</v>
      </c>
      <c r="DP16" s="102">
        <v>14</v>
      </c>
      <c r="DQ16" s="102">
        <v>12</v>
      </c>
      <c r="DR16" s="103">
        <v>88</v>
      </c>
      <c r="DS16" s="104">
        <v>138</v>
      </c>
      <c r="DT16" s="101">
        <v>85</v>
      </c>
      <c r="DU16" s="102">
        <v>92</v>
      </c>
      <c r="DV16" s="103">
        <v>177</v>
      </c>
      <c r="DW16" s="413">
        <v>0</v>
      </c>
      <c r="DX16" s="102">
        <v>43</v>
      </c>
      <c r="DY16" s="102">
        <v>41</v>
      </c>
      <c r="DZ16" s="102">
        <v>38</v>
      </c>
      <c r="EA16" s="102">
        <v>42</v>
      </c>
      <c r="EB16" s="102">
        <v>36</v>
      </c>
      <c r="EC16" s="103">
        <v>200</v>
      </c>
      <c r="ED16" s="104">
        <v>377</v>
      </c>
      <c r="EE16" s="107">
        <v>199</v>
      </c>
      <c r="EF16" s="102">
        <v>219</v>
      </c>
      <c r="EG16" s="103">
        <v>418</v>
      </c>
      <c r="EH16" s="413">
        <v>0</v>
      </c>
      <c r="EI16" s="102">
        <v>157</v>
      </c>
      <c r="EJ16" s="102">
        <v>99</v>
      </c>
      <c r="EK16" s="102">
        <v>84</v>
      </c>
      <c r="EL16" s="102">
        <v>97</v>
      </c>
      <c r="EM16" s="102">
        <v>73</v>
      </c>
      <c r="EN16" s="103">
        <v>510</v>
      </c>
      <c r="EO16" s="104">
        <v>928</v>
      </c>
      <c r="EP16" s="101">
        <v>434</v>
      </c>
      <c r="EQ16" s="102">
        <v>408</v>
      </c>
      <c r="ER16" s="103">
        <v>842</v>
      </c>
      <c r="ES16" s="413">
        <v>0</v>
      </c>
      <c r="ET16" s="102">
        <v>358</v>
      </c>
      <c r="EU16" s="102">
        <v>242</v>
      </c>
      <c r="EV16" s="102">
        <v>176</v>
      </c>
      <c r="EW16" s="102">
        <v>175</v>
      </c>
      <c r="EX16" s="102">
        <v>119</v>
      </c>
      <c r="EY16" s="103">
        <v>1070</v>
      </c>
      <c r="EZ16" s="104">
        <v>1912</v>
      </c>
      <c r="FA16" s="107">
        <v>423</v>
      </c>
      <c r="FB16" s="102">
        <v>425</v>
      </c>
      <c r="FC16" s="103">
        <v>848</v>
      </c>
      <c r="FD16" s="413">
        <v>0</v>
      </c>
      <c r="FE16" s="102">
        <v>510</v>
      </c>
      <c r="FF16" s="102">
        <v>329</v>
      </c>
      <c r="FG16" s="102">
        <v>269</v>
      </c>
      <c r="FH16" s="102">
        <v>272</v>
      </c>
      <c r="FI16" s="102">
        <v>163</v>
      </c>
      <c r="FJ16" s="103">
        <v>1543</v>
      </c>
      <c r="FK16" s="104">
        <v>2391</v>
      </c>
      <c r="FL16" s="101">
        <v>250</v>
      </c>
      <c r="FM16" s="102">
        <v>334</v>
      </c>
      <c r="FN16" s="103">
        <v>584</v>
      </c>
      <c r="FO16" s="413">
        <v>0</v>
      </c>
      <c r="FP16" s="102">
        <v>473</v>
      </c>
      <c r="FQ16" s="102">
        <v>413</v>
      </c>
      <c r="FR16" s="102">
        <v>411</v>
      </c>
      <c r="FS16" s="102">
        <v>480</v>
      </c>
      <c r="FT16" s="102">
        <v>264</v>
      </c>
      <c r="FU16" s="103">
        <v>2041</v>
      </c>
      <c r="FV16" s="104">
        <v>2625</v>
      </c>
      <c r="FW16" s="101">
        <v>11</v>
      </c>
      <c r="FX16" s="102">
        <v>28</v>
      </c>
      <c r="FY16" s="103">
        <v>39</v>
      </c>
      <c r="FZ16" s="413">
        <v>0</v>
      </c>
      <c r="GA16" s="102">
        <v>16</v>
      </c>
      <c r="GB16" s="102">
        <v>18</v>
      </c>
      <c r="GC16" s="102">
        <v>18</v>
      </c>
      <c r="GD16" s="102">
        <v>12</v>
      </c>
      <c r="GE16" s="102">
        <v>11</v>
      </c>
      <c r="GF16" s="103">
        <v>75</v>
      </c>
      <c r="GG16" s="104">
        <v>114</v>
      </c>
      <c r="GH16" s="101">
        <v>1421</v>
      </c>
      <c r="GI16" s="102">
        <v>1537</v>
      </c>
      <c r="GJ16" s="103">
        <v>2958</v>
      </c>
      <c r="GK16" s="413">
        <v>0</v>
      </c>
      <c r="GL16" s="102">
        <v>1579</v>
      </c>
      <c r="GM16" s="102">
        <v>1162</v>
      </c>
      <c r="GN16" s="102">
        <v>1016</v>
      </c>
      <c r="GO16" s="102">
        <v>1092</v>
      </c>
      <c r="GP16" s="102">
        <v>678</v>
      </c>
      <c r="GQ16" s="103">
        <v>5527</v>
      </c>
      <c r="GR16" s="104">
        <v>8485</v>
      </c>
      <c r="GS16" s="105">
        <v>2127</v>
      </c>
      <c r="GT16" s="97">
        <v>2187</v>
      </c>
      <c r="GU16" s="98">
        <v>4314</v>
      </c>
      <c r="GV16" s="413">
        <v>0</v>
      </c>
      <c r="GW16" s="97">
        <v>2268</v>
      </c>
      <c r="GX16" s="97">
        <v>1858</v>
      </c>
      <c r="GY16" s="97">
        <v>1473</v>
      </c>
      <c r="GZ16" s="97">
        <v>1540</v>
      </c>
      <c r="HA16" s="97">
        <v>868</v>
      </c>
      <c r="HB16" s="99">
        <v>8007</v>
      </c>
      <c r="HC16" s="100">
        <v>12321</v>
      </c>
      <c r="HD16" s="107">
        <v>43</v>
      </c>
      <c r="HE16" s="102">
        <v>52</v>
      </c>
      <c r="HF16" s="103">
        <v>95</v>
      </c>
      <c r="HG16" s="416">
        <v>0</v>
      </c>
      <c r="HH16" s="102">
        <v>38</v>
      </c>
      <c r="HI16" s="102">
        <v>50</v>
      </c>
      <c r="HJ16" s="102">
        <v>36</v>
      </c>
      <c r="HK16" s="102">
        <v>33</v>
      </c>
      <c r="HL16" s="102">
        <v>19</v>
      </c>
      <c r="HM16" s="103">
        <v>176</v>
      </c>
      <c r="HN16" s="104">
        <v>271</v>
      </c>
      <c r="HO16" s="101">
        <v>143</v>
      </c>
      <c r="HP16" s="102">
        <v>156</v>
      </c>
      <c r="HQ16" s="103">
        <v>299</v>
      </c>
      <c r="HR16" s="413">
        <v>0</v>
      </c>
      <c r="HS16" s="102">
        <v>84</v>
      </c>
      <c r="HT16" s="102">
        <v>96</v>
      </c>
      <c r="HU16" s="102">
        <v>79</v>
      </c>
      <c r="HV16" s="102">
        <v>95</v>
      </c>
      <c r="HW16" s="102">
        <v>52</v>
      </c>
      <c r="HX16" s="103">
        <v>406</v>
      </c>
      <c r="HY16" s="104">
        <v>705</v>
      </c>
      <c r="HZ16" s="107">
        <v>293</v>
      </c>
      <c r="IA16" s="102">
        <v>324</v>
      </c>
      <c r="IB16" s="103">
        <v>617</v>
      </c>
      <c r="IC16" s="413">
        <v>0</v>
      </c>
      <c r="ID16" s="102">
        <v>252</v>
      </c>
      <c r="IE16" s="102">
        <v>207</v>
      </c>
      <c r="IF16" s="102">
        <v>150</v>
      </c>
      <c r="IG16" s="102">
        <v>160</v>
      </c>
      <c r="IH16" s="102">
        <v>108</v>
      </c>
      <c r="II16" s="103">
        <v>877</v>
      </c>
      <c r="IJ16" s="104">
        <v>1494</v>
      </c>
      <c r="IK16" s="101">
        <v>616</v>
      </c>
      <c r="IL16" s="102">
        <v>583</v>
      </c>
      <c r="IM16" s="103">
        <v>1199</v>
      </c>
      <c r="IN16" s="413">
        <v>0</v>
      </c>
      <c r="IO16" s="102">
        <v>539</v>
      </c>
      <c r="IP16" s="102">
        <v>423</v>
      </c>
      <c r="IQ16" s="102">
        <v>295</v>
      </c>
      <c r="IR16" s="102">
        <v>271</v>
      </c>
      <c r="IS16" s="102">
        <v>169</v>
      </c>
      <c r="IT16" s="103">
        <v>1697</v>
      </c>
      <c r="IU16" s="104">
        <v>2896</v>
      </c>
      <c r="IV16" s="107">
        <v>650</v>
      </c>
      <c r="IW16" s="102">
        <v>603</v>
      </c>
      <c r="IX16" s="103">
        <v>1253</v>
      </c>
      <c r="IY16" s="413">
        <v>0</v>
      </c>
      <c r="IZ16" s="102">
        <v>717</v>
      </c>
      <c r="JA16" s="102">
        <v>512</v>
      </c>
      <c r="JB16" s="102">
        <v>397</v>
      </c>
      <c r="JC16" s="102">
        <v>390</v>
      </c>
      <c r="JD16" s="102">
        <v>216</v>
      </c>
      <c r="JE16" s="103">
        <v>2232</v>
      </c>
      <c r="JF16" s="104">
        <v>3485</v>
      </c>
      <c r="JG16" s="101">
        <v>382</v>
      </c>
      <c r="JH16" s="102">
        <v>469</v>
      </c>
      <c r="JI16" s="103">
        <v>851</v>
      </c>
      <c r="JJ16" s="413">
        <v>0</v>
      </c>
      <c r="JK16" s="102">
        <v>638</v>
      </c>
      <c r="JL16" s="102">
        <v>570</v>
      </c>
      <c r="JM16" s="102">
        <v>516</v>
      </c>
      <c r="JN16" s="102">
        <v>591</v>
      </c>
      <c r="JO16" s="102">
        <v>304</v>
      </c>
      <c r="JP16" s="103">
        <v>2619</v>
      </c>
      <c r="JQ16" s="104">
        <v>3470</v>
      </c>
      <c r="JR16" s="101">
        <v>27</v>
      </c>
      <c r="JS16" s="102">
        <v>63</v>
      </c>
      <c r="JT16" s="103">
        <v>90</v>
      </c>
      <c r="JU16" s="413">
        <v>0</v>
      </c>
      <c r="JV16" s="102">
        <v>28</v>
      </c>
      <c r="JW16" s="102">
        <v>48</v>
      </c>
      <c r="JX16" s="102">
        <v>34</v>
      </c>
      <c r="JY16" s="102">
        <v>31</v>
      </c>
      <c r="JZ16" s="102">
        <v>28</v>
      </c>
      <c r="KA16" s="103">
        <v>169</v>
      </c>
      <c r="KB16" s="104">
        <v>259</v>
      </c>
      <c r="KC16" s="101">
        <v>2154</v>
      </c>
      <c r="KD16" s="102">
        <v>2250</v>
      </c>
      <c r="KE16" s="103">
        <v>4404</v>
      </c>
      <c r="KF16" s="413">
        <v>0</v>
      </c>
      <c r="KG16" s="102">
        <v>2296</v>
      </c>
      <c r="KH16" s="102">
        <v>1906</v>
      </c>
      <c r="KI16" s="102">
        <v>1507</v>
      </c>
      <c r="KJ16" s="102">
        <v>1571</v>
      </c>
      <c r="KK16" s="102">
        <v>896</v>
      </c>
      <c r="KL16" s="103">
        <v>8176</v>
      </c>
      <c r="KM16" s="104">
        <v>12580</v>
      </c>
    </row>
    <row r="17" spans="2:299" s="70" customFormat="1" ht="21" customHeight="1" x14ac:dyDescent="0.2">
      <c r="B17" s="106" t="s">
        <v>13</v>
      </c>
      <c r="C17" s="96">
        <v>170</v>
      </c>
      <c r="D17" s="97">
        <v>166</v>
      </c>
      <c r="E17" s="98">
        <v>336</v>
      </c>
      <c r="F17" s="413">
        <v>0</v>
      </c>
      <c r="G17" s="97">
        <v>319</v>
      </c>
      <c r="H17" s="97">
        <v>280</v>
      </c>
      <c r="I17" s="97">
        <v>187</v>
      </c>
      <c r="J17" s="97">
        <v>139</v>
      </c>
      <c r="K17" s="97">
        <v>102</v>
      </c>
      <c r="L17" s="99">
        <v>1027</v>
      </c>
      <c r="M17" s="100">
        <v>1363</v>
      </c>
      <c r="N17" s="101">
        <v>5</v>
      </c>
      <c r="O17" s="102">
        <v>5</v>
      </c>
      <c r="P17" s="103">
        <v>10</v>
      </c>
      <c r="Q17" s="413">
        <v>0</v>
      </c>
      <c r="R17" s="102">
        <v>11</v>
      </c>
      <c r="S17" s="102">
        <v>6</v>
      </c>
      <c r="T17" s="102">
        <v>5</v>
      </c>
      <c r="U17" s="102">
        <v>7</v>
      </c>
      <c r="V17" s="102">
        <v>6</v>
      </c>
      <c r="W17" s="103">
        <v>35</v>
      </c>
      <c r="X17" s="104">
        <v>45</v>
      </c>
      <c r="Y17" s="101">
        <v>10</v>
      </c>
      <c r="Z17" s="102">
        <v>11</v>
      </c>
      <c r="AA17" s="103">
        <v>21</v>
      </c>
      <c r="AB17" s="413">
        <v>0</v>
      </c>
      <c r="AC17" s="102">
        <v>19</v>
      </c>
      <c r="AD17" s="102">
        <v>18</v>
      </c>
      <c r="AE17" s="102">
        <v>17</v>
      </c>
      <c r="AF17" s="102">
        <v>13</v>
      </c>
      <c r="AG17" s="102">
        <v>10</v>
      </c>
      <c r="AH17" s="103">
        <v>77</v>
      </c>
      <c r="AI17" s="104">
        <v>98</v>
      </c>
      <c r="AJ17" s="101">
        <v>20</v>
      </c>
      <c r="AK17" s="102">
        <v>15</v>
      </c>
      <c r="AL17" s="103">
        <v>35</v>
      </c>
      <c r="AM17" s="413">
        <v>0</v>
      </c>
      <c r="AN17" s="102">
        <v>40</v>
      </c>
      <c r="AO17" s="102">
        <v>44</v>
      </c>
      <c r="AP17" s="102">
        <v>19</v>
      </c>
      <c r="AQ17" s="102">
        <v>17</v>
      </c>
      <c r="AR17" s="102">
        <v>11</v>
      </c>
      <c r="AS17" s="103">
        <v>131</v>
      </c>
      <c r="AT17" s="104">
        <v>166</v>
      </c>
      <c r="AU17" s="101">
        <v>45</v>
      </c>
      <c r="AV17" s="102">
        <v>39</v>
      </c>
      <c r="AW17" s="103">
        <v>84</v>
      </c>
      <c r="AX17" s="413">
        <v>0</v>
      </c>
      <c r="AY17" s="102">
        <v>83</v>
      </c>
      <c r="AZ17" s="102">
        <v>50</v>
      </c>
      <c r="BA17" s="102">
        <v>44</v>
      </c>
      <c r="BB17" s="102">
        <v>31</v>
      </c>
      <c r="BC17" s="102">
        <v>20</v>
      </c>
      <c r="BD17" s="103">
        <v>228</v>
      </c>
      <c r="BE17" s="104">
        <v>312</v>
      </c>
      <c r="BF17" s="101">
        <v>54</v>
      </c>
      <c r="BG17" s="102">
        <v>59</v>
      </c>
      <c r="BH17" s="103">
        <v>113</v>
      </c>
      <c r="BI17" s="413">
        <v>0</v>
      </c>
      <c r="BJ17" s="102">
        <v>90</v>
      </c>
      <c r="BK17" s="102">
        <v>90</v>
      </c>
      <c r="BL17" s="102">
        <v>53</v>
      </c>
      <c r="BM17" s="102">
        <v>35</v>
      </c>
      <c r="BN17" s="102">
        <v>22</v>
      </c>
      <c r="BO17" s="103">
        <v>290</v>
      </c>
      <c r="BP17" s="104">
        <v>403</v>
      </c>
      <c r="BQ17" s="101">
        <v>36</v>
      </c>
      <c r="BR17" s="102">
        <v>37</v>
      </c>
      <c r="BS17" s="103">
        <v>73</v>
      </c>
      <c r="BT17" s="413">
        <v>0</v>
      </c>
      <c r="BU17" s="102">
        <v>76</v>
      </c>
      <c r="BV17" s="102">
        <v>72</v>
      </c>
      <c r="BW17" s="102">
        <v>49</v>
      </c>
      <c r="BX17" s="102">
        <v>36</v>
      </c>
      <c r="BY17" s="102">
        <v>33</v>
      </c>
      <c r="BZ17" s="103">
        <v>266</v>
      </c>
      <c r="CA17" s="104">
        <v>339</v>
      </c>
      <c r="CB17" s="101">
        <v>6</v>
      </c>
      <c r="CC17" s="102">
        <v>3</v>
      </c>
      <c r="CD17" s="103">
        <v>9</v>
      </c>
      <c r="CE17" s="413">
        <v>0</v>
      </c>
      <c r="CF17" s="102">
        <v>7</v>
      </c>
      <c r="CG17" s="102">
        <v>12</v>
      </c>
      <c r="CH17" s="102">
        <v>6</v>
      </c>
      <c r="CI17" s="102">
        <v>2</v>
      </c>
      <c r="CJ17" s="102">
        <v>7</v>
      </c>
      <c r="CK17" s="103">
        <v>34</v>
      </c>
      <c r="CL17" s="104">
        <v>43</v>
      </c>
      <c r="CM17" s="101">
        <v>176</v>
      </c>
      <c r="CN17" s="102">
        <v>169</v>
      </c>
      <c r="CO17" s="103">
        <v>345</v>
      </c>
      <c r="CP17" s="413">
        <v>0</v>
      </c>
      <c r="CQ17" s="102">
        <v>326</v>
      </c>
      <c r="CR17" s="102">
        <v>292</v>
      </c>
      <c r="CS17" s="102">
        <v>193</v>
      </c>
      <c r="CT17" s="102">
        <v>141</v>
      </c>
      <c r="CU17" s="102">
        <v>109</v>
      </c>
      <c r="CV17" s="103">
        <v>1061</v>
      </c>
      <c r="CW17" s="104">
        <v>1406</v>
      </c>
      <c r="CX17" s="105">
        <v>397</v>
      </c>
      <c r="CY17" s="97">
        <v>410</v>
      </c>
      <c r="CZ17" s="98">
        <v>807</v>
      </c>
      <c r="DA17" s="413">
        <v>0</v>
      </c>
      <c r="DB17" s="97">
        <v>594</v>
      </c>
      <c r="DC17" s="97">
        <v>520</v>
      </c>
      <c r="DD17" s="97">
        <v>341</v>
      </c>
      <c r="DE17" s="97">
        <v>390</v>
      </c>
      <c r="DF17" s="97">
        <v>294</v>
      </c>
      <c r="DG17" s="99">
        <v>2139</v>
      </c>
      <c r="DH17" s="100">
        <v>2946</v>
      </c>
      <c r="DI17" s="101">
        <v>4</v>
      </c>
      <c r="DJ17" s="102">
        <v>4</v>
      </c>
      <c r="DK17" s="103">
        <v>8</v>
      </c>
      <c r="DL17" s="413">
        <v>0</v>
      </c>
      <c r="DM17" s="102">
        <v>9</v>
      </c>
      <c r="DN17" s="102">
        <v>5</v>
      </c>
      <c r="DO17" s="102">
        <v>4</v>
      </c>
      <c r="DP17" s="102">
        <v>7</v>
      </c>
      <c r="DQ17" s="102">
        <v>2</v>
      </c>
      <c r="DR17" s="103">
        <v>27</v>
      </c>
      <c r="DS17" s="104">
        <v>35</v>
      </c>
      <c r="DT17" s="101">
        <v>23</v>
      </c>
      <c r="DU17" s="102">
        <v>24</v>
      </c>
      <c r="DV17" s="103">
        <v>47</v>
      </c>
      <c r="DW17" s="413">
        <v>0</v>
      </c>
      <c r="DX17" s="102">
        <v>16</v>
      </c>
      <c r="DY17" s="102">
        <v>14</v>
      </c>
      <c r="DZ17" s="102">
        <v>14</v>
      </c>
      <c r="EA17" s="102">
        <v>10</v>
      </c>
      <c r="EB17" s="102">
        <v>11</v>
      </c>
      <c r="EC17" s="103">
        <v>65</v>
      </c>
      <c r="ED17" s="104">
        <v>112</v>
      </c>
      <c r="EE17" s="101">
        <v>43</v>
      </c>
      <c r="EF17" s="102">
        <v>39</v>
      </c>
      <c r="EG17" s="103">
        <v>82</v>
      </c>
      <c r="EH17" s="413">
        <v>0</v>
      </c>
      <c r="EI17" s="102">
        <v>64</v>
      </c>
      <c r="EJ17" s="102">
        <v>42</v>
      </c>
      <c r="EK17" s="102">
        <v>32</v>
      </c>
      <c r="EL17" s="102">
        <v>25</v>
      </c>
      <c r="EM17" s="102">
        <v>25</v>
      </c>
      <c r="EN17" s="103">
        <v>188</v>
      </c>
      <c r="EO17" s="104">
        <v>270</v>
      </c>
      <c r="EP17" s="101">
        <v>118</v>
      </c>
      <c r="EQ17" s="102">
        <v>129</v>
      </c>
      <c r="ER17" s="103">
        <v>247</v>
      </c>
      <c r="ES17" s="413">
        <v>0</v>
      </c>
      <c r="ET17" s="102">
        <v>141</v>
      </c>
      <c r="EU17" s="102">
        <v>105</v>
      </c>
      <c r="EV17" s="102">
        <v>53</v>
      </c>
      <c r="EW17" s="102">
        <v>62</v>
      </c>
      <c r="EX17" s="102">
        <v>53</v>
      </c>
      <c r="EY17" s="103">
        <v>414</v>
      </c>
      <c r="EZ17" s="104">
        <v>661</v>
      </c>
      <c r="FA17" s="101">
        <v>139</v>
      </c>
      <c r="FB17" s="102">
        <v>120</v>
      </c>
      <c r="FC17" s="103">
        <v>259</v>
      </c>
      <c r="FD17" s="413">
        <v>0</v>
      </c>
      <c r="FE17" s="102">
        <v>187</v>
      </c>
      <c r="FF17" s="102">
        <v>153</v>
      </c>
      <c r="FG17" s="102">
        <v>81</v>
      </c>
      <c r="FH17" s="102">
        <v>89</v>
      </c>
      <c r="FI17" s="102">
        <v>68</v>
      </c>
      <c r="FJ17" s="103">
        <v>578</v>
      </c>
      <c r="FK17" s="104">
        <v>837</v>
      </c>
      <c r="FL17" s="101">
        <v>70</v>
      </c>
      <c r="FM17" s="102">
        <v>94</v>
      </c>
      <c r="FN17" s="103">
        <v>164</v>
      </c>
      <c r="FO17" s="413">
        <v>0</v>
      </c>
      <c r="FP17" s="102">
        <v>177</v>
      </c>
      <c r="FQ17" s="102">
        <v>201</v>
      </c>
      <c r="FR17" s="102">
        <v>157</v>
      </c>
      <c r="FS17" s="102">
        <v>197</v>
      </c>
      <c r="FT17" s="102">
        <v>135</v>
      </c>
      <c r="FU17" s="103">
        <v>867</v>
      </c>
      <c r="FV17" s="104">
        <v>1031</v>
      </c>
      <c r="FW17" s="101">
        <v>1</v>
      </c>
      <c r="FX17" s="102">
        <v>2</v>
      </c>
      <c r="FY17" s="103">
        <v>3</v>
      </c>
      <c r="FZ17" s="413">
        <v>0</v>
      </c>
      <c r="GA17" s="102">
        <v>12</v>
      </c>
      <c r="GB17" s="102">
        <v>9</v>
      </c>
      <c r="GC17" s="102">
        <v>5</v>
      </c>
      <c r="GD17" s="102">
        <v>0</v>
      </c>
      <c r="GE17" s="102">
        <v>6</v>
      </c>
      <c r="GF17" s="103">
        <v>32</v>
      </c>
      <c r="GG17" s="104">
        <v>35</v>
      </c>
      <c r="GH17" s="101">
        <v>398</v>
      </c>
      <c r="GI17" s="102">
        <v>412</v>
      </c>
      <c r="GJ17" s="103">
        <v>810</v>
      </c>
      <c r="GK17" s="413">
        <v>0</v>
      </c>
      <c r="GL17" s="102">
        <v>606</v>
      </c>
      <c r="GM17" s="102">
        <v>529</v>
      </c>
      <c r="GN17" s="102">
        <v>346</v>
      </c>
      <c r="GO17" s="102">
        <v>390</v>
      </c>
      <c r="GP17" s="102">
        <v>300</v>
      </c>
      <c r="GQ17" s="103">
        <v>2171</v>
      </c>
      <c r="GR17" s="104">
        <v>2981</v>
      </c>
      <c r="GS17" s="105">
        <v>567</v>
      </c>
      <c r="GT17" s="97">
        <v>576</v>
      </c>
      <c r="GU17" s="98">
        <v>1143</v>
      </c>
      <c r="GV17" s="413">
        <v>0</v>
      </c>
      <c r="GW17" s="97">
        <v>913</v>
      </c>
      <c r="GX17" s="97">
        <v>800</v>
      </c>
      <c r="GY17" s="97">
        <v>528</v>
      </c>
      <c r="GZ17" s="97">
        <v>529</v>
      </c>
      <c r="HA17" s="97">
        <v>396</v>
      </c>
      <c r="HB17" s="99">
        <v>3166</v>
      </c>
      <c r="HC17" s="100">
        <v>4309</v>
      </c>
      <c r="HD17" s="101">
        <v>9</v>
      </c>
      <c r="HE17" s="102">
        <v>9</v>
      </c>
      <c r="HF17" s="103">
        <v>18</v>
      </c>
      <c r="HG17" s="416">
        <v>0</v>
      </c>
      <c r="HH17" s="102">
        <v>20</v>
      </c>
      <c r="HI17" s="102">
        <v>11</v>
      </c>
      <c r="HJ17" s="102">
        <v>9</v>
      </c>
      <c r="HK17" s="102">
        <v>14</v>
      </c>
      <c r="HL17" s="102">
        <v>8</v>
      </c>
      <c r="HM17" s="103">
        <v>62</v>
      </c>
      <c r="HN17" s="104">
        <v>80</v>
      </c>
      <c r="HO17" s="101">
        <v>33</v>
      </c>
      <c r="HP17" s="102">
        <v>35</v>
      </c>
      <c r="HQ17" s="103">
        <v>68</v>
      </c>
      <c r="HR17" s="413">
        <v>0</v>
      </c>
      <c r="HS17" s="102">
        <v>35</v>
      </c>
      <c r="HT17" s="102">
        <v>32</v>
      </c>
      <c r="HU17" s="102">
        <v>31</v>
      </c>
      <c r="HV17" s="102">
        <v>23</v>
      </c>
      <c r="HW17" s="102">
        <v>21</v>
      </c>
      <c r="HX17" s="103">
        <v>142</v>
      </c>
      <c r="HY17" s="104">
        <v>210</v>
      </c>
      <c r="HZ17" s="101">
        <v>63</v>
      </c>
      <c r="IA17" s="102">
        <v>54</v>
      </c>
      <c r="IB17" s="103">
        <v>117</v>
      </c>
      <c r="IC17" s="413">
        <v>0</v>
      </c>
      <c r="ID17" s="102">
        <v>104</v>
      </c>
      <c r="IE17" s="102">
        <v>86</v>
      </c>
      <c r="IF17" s="102">
        <v>51</v>
      </c>
      <c r="IG17" s="102">
        <v>42</v>
      </c>
      <c r="IH17" s="102">
        <v>36</v>
      </c>
      <c r="II17" s="103">
        <v>319</v>
      </c>
      <c r="IJ17" s="104">
        <v>436</v>
      </c>
      <c r="IK17" s="101">
        <v>163</v>
      </c>
      <c r="IL17" s="102">
        <v>168</v>
      </c>
      <c r="IM17" s="103">
        <v>331</v>
      </c>
      <c r="IN17" s="413">
        <v>0</v>
      </c>
      <c r="IO17" s="102">
        <v>224</v>
      </c>
      <c r="IP17" s="102">
        <v>155</v>
      </c>
      <c r="IQ17" s="102">
        <v>97</v>
      </c>
      <c r="IR17" s="102">
        <v>93</v>
      </c>
      <c r="IS17" s="102">
        <v>73</v>
      </c>
      <c r="IT17" s="103">
        <v>642</v>
      </c>
      <c r="IU17" s="104">
        <v>973</v>
      </c>
      <c r="IV17" s="101">
        <v>193</v>
      </c>
      <c r="IW17" s="102">
        <v>179</v>
      </c>
      <c r="IX17" s="103">
        <v>372</v>
      </c>
      <c r="IY17" s="413">
        <v>0</v>
      </c>
      <c r="IZ17" s="102">
        <v>277</v>
      </c>
      <c r="JA17" s="102">
        <v>243</v>
      </c>
      <c r="JB17" s="102">
        <v>134</v>
      </c>
      <c r="JC17" s="102">
        <v>124</v>
      </c>
      <c r="JD17" s="102">
        <v>90</v>
      </c>
      <c r="JE17" s="103">
        <v>868</v>
      </c>
      <c r="JF17" s="104">
        <v>1240</v>
      </c>
      <c r="JG17" s="101">
        <v>106</v>
      </c>
      <c r="JH17" s="102">
        <v>131</v>
      </c>
      <c r="JI17" s="103">
        <v>237</v>
      </c>
      <c r="JJ17" s="413">
        <v>0</v>
      </c>
      <c r="JK17" s="102">
        <v>253</v>
      </c>
      <c r="JL17" s="102">
        <v>273</v>
      </c>
      <c r="JM17" s="102">
        <v>206</v>
      </c>
      <c r="JN17" s="102">
        <v>233</v>
      </c>
      <c r="JO17" s="102">
        <v>168</v>
      </c>
      <c r="JP17" s="103">
        <v>1133</v>
      </c>
      <c r="JQ17" s="104">
        <v>1370</v>
      </c>
      <c r="JR17" s="101">
        <v>7</v>
      </c>
      <c r="JS17" s="102">
        <v>5</v>
      </c>
      <c r="JT17" s="103">
        <v>12</v>
      </c>
      <c r="JU17" s="413">
        <v>0</v>
      </c>
      <c r="JV17" s="102">
        <v>19</v>
      </c>
      <c r="JW17" s="102">
        <v>21</v>
      </c>
      <c r="JX17" s="102">
        <v>11</v>
      </c>
      <c r="JY17" s="102">
        <v>2</v>
      </c>
      <c r="JZ17" s="102">
        <v>13</v>
      </c>
      <c r="KA17" s="103">
        <v>66</v>
      </c>
      <c r="KB17" s="104">
        <v>78</v>
      </c>
      <c r="KC17" s="101">
        <v>574</v>
      </c>
      <c r="KD17" s="102">
        <v>581</v>
      </c>
      <c r="KE17" s="103">
        <v>1155</v>
      </c>
      <c r="KF17" s="413">
        <v>0</v>
      </c>
      <c r="KG17" s="102">
        <v>932</v>
      </c>
      <c r="KH17" s="102">
        <v>821</v>
      </c>
      <c r="KI17" s="102">
        <v>539</v>
      </c>
      <c r="KJ17" s="102">
        <v>531</v>
      </c>
      <c r="KK17" s="102">
        <v>409</v>
      </c>
      <c r="KL17" s="103">
        <v>3232</v>
      </c>
      <c r="KM17" s="104">
        <v>4387</v>
      </c>
    </row>
    <row r="18" spans="2:299" s="70" customFormat="1" ht="21" customHeight="1" x14ac:dyDescent="0.2">
      <c r="B18" s="106" t="s">
        <v>15</v>
      </c>
      <c r="C18" s="96">
        <v>124</v>
      </c>
      <c r="D18" s="97">
        <v>136</v>
      </c>
      <c r="E18" s="98">
        <v>260</v>
      </c>
      <c r="F18" s="413">
        <v>0</v>
      </c>
      <c r="G18" s="97">
        <v>262</v>
      </c>
      <c r="H18" s="97">
        <v>221</v>
      </c>
      <c r="I18" s="97">
        <v>144</v>
      </c>
      <c r="J18" s="97">
        <v>149</v>
      </c>
      <c r="K18" s="97">
        <v>68</v>
      </c>
      <c r="L18" s="99">
        <v>844</v>
      </c>
      <c r="M18" s="100">
        <v>1104</v>
      </c>
      <c r="N18" s="101">
        <v>5</v>
      </c>
      <c r="O18" s="102">
        <v>6</v>
      </c>
      <c r="P18" s="103">
        <v>11</v>
      </c>
      <c r="Q18" s="413">
        <v>0</v>
      </c>
      <c r="R18" s="102">
        <v>14</v>
      </c>
      <c r="S18" s="102">
        <v>17</v>
      </c>
      <c r="T18" s="102">
        <v>4</v>
      </c>
      <c r="U18" s="102">
        <v>5</v>
      </c>
      <c r="V18" s="102">
        <v>4</v>
      </c>
      <c r="W18" s="103">
        <v>44</v>
      </c>
      <c r="X18" s="104">
        <v>55</v>
      </c>
      <c r="Y18" s="101">
        <v>14</v>
      </c>
      <c r="Z18" s="102">
        <v>16</v>
      </c>
      <c r="AA18" s="103">
        <v>30</v>
      </c>
      <c r="AB18" s="413">
        <v>0</v>
      </c>
      <c r="AC18" s="102">
        <v>31</v>
      </c>
      <c r="AD18" s="102">
        <v>23</v>
      </c>
      <c r="AE18" s="102">
        <v>19</v>
      </c>
      <c r="AF18" s="102">
        <v>16</v>
      </c>
      <c r="AG18" s="102">
        <v>5</v>
      </c>
      <c r="AH18" s="103">
        <v>94</v>
      </c>
      <c r="AI18" s="104">
        <v>124</v>
      </c>
      <c r="AJ18" s="101">
        <v>23</v>
      </c>
      <c r="AK18" s="102">
        <v>22</v>
      </c>
      <c r="AL18" s="103">
        <v>45</v>
      </c>
      <c r="AM18" s="413">
        <v>0</v>
      </c>
      <c r="AN18" s="102">
        <v>38</v>
      </c>
      <c r="AO18" s="102">
        <v>47</v>
      </c>
      <c r="AP18" s="102">
        <v>21</v>
      </c>
      <c r="AQ18" s="102">
        <v>33</v>
      </c>
      <c r="AR18" s="102">
        <v>19</v>
      </c>
      <c r="AS18" s="103">
        <v>158</v>
      </c>
      <c r="AT18" s="104">
        <v>203</v>
      </c>
      <c r="AU18" s="101">
        <v>36</v>
      </c>
      <c r="AV18" s="102">
        <v>33</v>
      </c>
      <c r="AW18" s="103">
        <v>69</v>
      </c>
      <c r="AX18" s="413">
        <v>0</v>
      </c>
      <c r="AY18" s="102">
        <v>74</v>
      </c>
      <c r="AZ18" s="102">
        <v>48</v>
      </c>
      <c r="BA18" s="102">
        <v>29</v>
      </c>
      <c r="BB18" s="102">
        <v>30</v>
      </c>
      <c r="BC18" s="102">
        <v>18</v>
      </c>
      <c r="BD18" s="103">
        <v>199</v>
      </c>
      <c r="BE18" s="104">
        <v>268</v>
      </c>
      <c r="BF18" s="101">
        <v>29</v>
      </c>
      <c r="BG18" s="102">
        <v>40</v>
      </c>
      <c r="BH18" s="103">
        <v>69</v>
      </c>
      <c r="BI18" s="413">
        <v>0</v>
      </c>
      <c r="BJ18" s="102">
        <v>61</v>
      </c>
      <c r="BK18" s="102">
        <v>51</v>
      </c>
      <c r="BL18" s="102">
        <v>38</v>
      </c>
      <c r="BM18" s="102">
        <v>36</v>
      </c>
      <c r="BN18" s="102">
        <v>15</v>
      </c>
      <c r="BO18" s="103">
        <v>201</v>
      </c>
      <c r="BP18" s="104">
        <v>270</v>
      </c>
      <c r="BQ18" s="101">
        <v>17</v>
      </c>
      <c r="BR18" s="102">
        <v>19</v>
      </c>
      <c r="BS18" s="103">
        <v>36</v>
      </c>
      <c r="BT18" s="413">
        <v>0</v>
      </c>
      <c r="BU18" s="102">
        <v>44</v>
      </c>
      <c r="BV18" s="102">
        <v>35</v>
      </c>
      <c r="BW18" s="102">
        <v>33</v>
      </c>
      <c r="BX18" s="102">
        <v>29</v>
      </c>
      <c r="BY18" s="102">
        <v>7</v>
      </c>
      <c r="BZ18" s="103">
        <v>148</v>
      </c>
      <c r="CA18" s="104">
        <v>184</v>
      </c>
      <c r="CB18" s="101">
        <v>2</v>
      </c>
      <c r="CC18" s="102">
        <v>4</v>
      </c>
      <c r="CD18" s="103">
        <v>6</v>
      </c>
      <c r="CE18" s="413">
        <v>0</v>
      </c>
      <c r="CF18" s="102">
        <v>5</v>
      </c>
      <c r="CG18" s="102">
        <v>10</v>
      </c>
      <c r="CH18" s="102">
        <v>5</v>
      </c>
      <c r="CI18" s="102">
        <v>6</v>
      </c>
      <c r="CJ18" s="102">
        <v>7</v>
      </c>
      <c r="CK18" s="103">
        <v>33</v>
      </c>
      <c r="CL18" s="104">
        <v>39</v>
      </c>
      <c r="CM18" s="101">
        <v>126</v>
      </c>
      <c r="CN18" s="102">
        <v>140</v>
      </c>
      <c r="CO18" s="103">
        <v>266</v>
      </c>
      <c r="CP18" s="413">
        <v>0</v>
      </c>
      <c r="CQ18" s="102">
        <v>267</v>
      </c>
      <c r="CR18" s="102">
        <v>231</v>
      </c>
      <c r="CS18" s="102">
        <v>149</v>
      </c>
      <c r="CT18" s="102">
        <v>155</v>
      </c>
      <c r="CU18" s="102">
        <v>75</v>
      </c>
      <c r="CV18" s="103">
        <v>877</v>
      </c>
      <c r="CW18" s="104">
        <v>1143</v>
      </c>
      <c r="CX18" s="105">
        <v>288</v>
      </c>
      <c r="CY18" s="97">
        <v>380</v>
      </c>
      <c r="CZ18" s="98">
        <v>668</v>
      </c>
      <c r="DA18" s="413">
        <v>0</v>
      </c>
      <c r="DB18" s="97">
        <v>457</v>
      </c>
      <c r="DC18" s="97">
        <v>442</v>
      </c>
      <c r="DD18" s="97">
        <v>299</v>
      </c>
      <c r="DE18" s="97">
        <v>326</v>
      </c>
      <c r="DF18" s="97">
        <v>171</v>
      </c>
      <c r="DG18" s="99">
        <v>1695</v>
      </c>
      <c r="DH18" s="100">
        <v>2363</v>
      </c>
      <c r="DI18" s="101">
        <v>5</v>
      </c>
      <c r="DJ18" s="102">
        <v>7</v>
      </c>
      <c r="DK18" s="103">
        <v>12</v>
      </c>
      <c r="DL18" s="413">
        <v>0</v>
      </c>
      <c r="DM18" s="102">
        <v>7</v>
      </c>
      <c r="DN18" s="102">
        <v>10</v>
      </c>
      <c r="DO18" s="102">
        <v>4</v>
      </c>
      <c r="DP18" s="102">
        <v>1</v>
      </c>
      <c r="DQ18" s="102">
        <v>3</v>
      </c>
      <c r="DR18" s="103">
        <v>25</v>
      </c>
      <c r="DS18" s="104">
        <v>37</v>
      </c>
      <c r="DT18" s="101">
        <v>22</v>
      </c>
      <c r="DU18" s="102">
        <v>21</v>
      </c>
      <c r="DV18" s="103">
        <v>43</v>
      </c>
      <c r="DW18" s="413">
        <v>0</v>
      </c>
      <c r="DX18" s="102">
        <v>30</v>
      </c>
      <c r="DY18" s="102">
        <v>25</v>
      </c>
      <c r="DZ18" s="102">
        <v>16</v>
      </c>
      <c r="EA18" s="102">
        <v>11</v>
      </c>
      <c r="EB18" s="102">
        <v>9</v>
      </c>
      <c r="EC18" s="103">
        <v>91</v>
      </c>
      <c r="ED18" s="104">
        <v>134</v>
      </c>
      <c r="EE18" s="101">
        <v>50</v>
      </c>
      <c r="EF18" s="102">
        <v>58</v>
      </c>
      <c r="EG18" s="103">
        <v>108</v>
      </c>
      <c r="EH18" s="413">
        <v>0</v>
      </c>
      <c r="EI18" s="102">
        <v>50</v>
      </c>
      <c r="EJ18" s="102">
        <v>58</v>
      </c>
      <c r="EK18" s="102">
        <v>27</v>
      </c>
      <c r="EL18" s="102">
        <v>16</v>
      </c>
      <c r="EM18" s="102">
        <v>22</v>
      </c>
      <c r="EN18" s="103">
        <v>173</v>
      </c>
      <c r="EO18" s="104">
        <v>281</v>
      </c>
      <c r="EP18" s="101">
        <v>93</v>
      </c>
      <c r="EQ18" s="102">
        <v>118</v>
      </c>
      <c r="ER18" s="103">
        <v>211</v>
      </c>
      <c r="ES18" s="413">
        <v>0</v>
      </c>
      <c r="ET18" s="102">
        <v>107</v>
      </c>
      <c r="EU18" s="102">
        <v>100</v>
      </c>
      <c r="EV18" s="102">
        <v>55</v>
      </c>
      <c r="EW18" s="102">
        <v>51</v>
      </c>
      <c r="EX18" s="102">
        <v>32</v>
      </c>
      <c r="EY18" s="103">
        <v>345</v>
      </c>
      <c r="EZ18" s="104">
        <v>556</v>
      </c>
      <c r="FA18" s="101">
        <v>77</v>
      </c>
      <c r="FB18" s="102">
        <v>108</v>
      </c>
      <c r="FC18" s="103">
        <v>185</v>
      </c>
      <c r="FD18" s="413">
        <v>0</v>
      </c>
      <c r="FE18" s="102">
        <v>130</v>
      </c>
      <c r="FF18" s="102">
        <v>125</v>
      </c>
      <c r="FG18" s="102">
        <v>85</v>
      </c>
      <c r="FH18" s="102">
        <v>91</v>
      </c>
      <c r="FI18" s="102">
        <v>43</v>
      </c>
      <c r="FJ18" s="103">
        <v>474</v>
      </c>
      <c r="FK18" s="104">
        <v>659</v>
      </c>
      <c r="FL18" s="101">
        <v>41</v>
      </c>
      <c r="FM18" s="102">
        <v>68</v>
      </c>
      <c r="FN18" s="103">
        <v>109</v>
      </c>
      <c r="FO18" s="413">
        <v>0</v>
      </c>
      <c r="FP18" s="102">
        <v>133</v>
      </c>
      <c r="FQ18" s="102">
        <v>124</v>
      </c>
      <c r="FR18" s="102">
        <v>112</v>
      </c>
      <c r="FS18" s="102">
        <v>156</v>
      </c>
      <c r="FT18" s="102">
        <v>62</v>
      </c>
      <c r="FU18" s="103">
        <v>587</v>
      </c>
      <c r="FV18" s="104">
        <v>696</v>
      </c>
      <c r="FW18" s="101">
        <v>1</v>
      </c>
      <c r="FX18" s="102">
        <v>3</v>
      </c>
      <c r="FY18" s="103">
        <v>4</v>
      </c>
      <c r="FZ18" s="413">
        <v>0</v>
      </c>
      <c r="GA18" s="102">
        <v>4</v>
      </c>
      <c r="GB18" s="102">
        <v>8</v>
      </c>
      <c r="GC18" s="102">
        <v>1</v>
      </c>
      <c r="GD18" s="102">
        <v>3</v>
      </c>
      <c r="GE18" s="102">
        <v>6</v>
      </c>
      <c r="GF18" s="103">
        <v>22</v>
      </c>
      <c r="GG18" s="104">
        <v>26</v>
      </c>
      <c r="GH18" s="101">
        <v>289</v>
      </c>
      <c r="GI18" s="102">
        <v>383</v>
      </c>
      <c r="GJ18" s="103">
        <v>672</v>
      </c>
      <c r="GK18" s="413">
        <v>0</v>
      </c>
      <c r="GL18" s="102">
        <v>461</v>
      </c>
      <c r="GM18" s="102">
        <v>450</v>
      </c>
      <c r="GN18" s="102">
        <v>300</v>
      </c>
      <c r="GO18" s="102">
        <v>329</v>
      </c>
      <c r="GP18" s="102">
        <v>177</v>
      </c>
      <c r="GQ18" s="103">
        <v>1717</v>
      </c>
      <c r="GR18" s="104">
        <v>2389</v>
      </c>
      <c r="GS18" s="105">
        <v>412</v>
      </c>
      <c r="GT18" s="97">
        <v>516</v>
      </c>
      <c r="GU18" s="98">
        <v>928</v>
      </c>
      <c r="GV18" s="413">
        <v>0</v>
      </c>
      <c r="GW18" s="97">
        <v>719</v>
      </c>
      <c r="GX18" s="97">
        <v>663</v>
      </c>
      <c r="GY18" s="97">
        <v>443</v>
      </c>
      <c r="GZ18" s="97">
        <v>475</v>
      </c>
      <c r="HA18" s="97">
        <v>239</v>
      </c>
      <c r="HB18" s="99">
        <v>2539</v>
      </c>
      <c r="HC18" s="100">
        <v>3467</v>
      </c>
      <c r="HD18" s="101">
        <v>10</v>
      </c>
      <c r="HE18" s="102">
        <v>13</v>
      </c>
      <c r="HF18" s="103">
        <v>23</v>
      </c>
      <c r="HG18" s="416">
        <v>0</v>
      </c>
      <c r="HH18" s="102">
        <v>21</v>
      </c>
      <c r="HI18" s="102">
        <v>27</v>
      </c>
      <c r="HJ18" s="102">
        <v>8</v>
      </c>
      <c r="HK18" s="102">
        <v>6</v>
      </c>
      <c r="HL18" s="102">
        <v>7</v>
      </c>
      <c r="HM18" s="103">
        <v>69</v>
      </c>
      <c r="HN18" s="104">
        <v>92</v>
      </c>
      <c r="HO18" s="101">
        <v>36</v>
      </c>
      <c r="HP18" s="102">
        <v>37</v>
      </c>
      <c r="HQ18" s="103">
        <v>73</v>
      </c>
      <c r="HR18" s="413">
        <v>0</v>
      </c>
      <c r="HS18" s="102">
        <v>61</v>
      </c>
      <c r="HT18" s="102">
        <v>48</v>
      </c>
      <c r="HU18" s="102">
        <v>35</v>
      </c>
      <c r="HV18" s="102">
        <v>27</v>
      </c>
      <c r="HW18" s="102">
        <v>14</v>
      </c>
      <c r="HX18" s="103">
        <v>185</v>
      </c>
      <c r="HY18" s="104">
        <v>258</v>
      </c>
      <c r="HZ18" s="101">
        <v>73</v>
      </c>
      <c r="IA18" s="102">
        <v>80</v>
      </c>
      <c r="IB18" s="103">
        <v>153</v>
      </c>
      <c r="IC18" s="413">
        <v>0</v>
      </c>
      <c r="ID18" s="102">
        <v>88</v>
      </c>
      <c r="IE18" s="102">
        <v>105</v>
      </c>
      <c r="IF18" s="102">
        <v>48</v>
      </c>
      <c r="IG18" s="102">
        <v>49</v>
      </c>
      <c r="IH18" s="102">
        <v>41</v>
      </c>
      <c r="II18" s="103">
        <v>331</v>
      </c>
      <c r="IJ18" s="104">
        <v>484</v>
      </c>
      <c r="IK18" s="101">
        <v>129</v>
      </c>
      <c r="IL18" s="102">
        <v>151</v>
      </c>
      <c r="IM18" s="103">
        <v>280</v>
      </c>
      <c r="IN18" s="413">
        <v>0</v>
      </c>
      <c r="IO18" s="102">
        <v>181</v>
      </c>
      <c r="IP18" s="102">
        <v>148</v>
      </c>
      <c r="IQ18" s="102">
        <v>84</v>
      </c>
      <c r="IR18" s="102">
        <v>81</v>
      </c>
      <c r="IS18" s="102">
        <v>50</v>
      </c>
      <c r="IT18" s="103">
        <v>544</v>
      </c>
      <c r="IU18" s="104">
        <v>824</v>
      </c>
      <c r="IV18" s="101">
        <v>106</v>
      </c>
      <c r="IW18" s="102">
        <v>148</v>
      </c>
      <c r="IX18" s="103">
        <v>254</v>
      </c>
      <c r="IY18" s="413">
        <v>0</v>
      </c>
      <c r="IZ18" s="102">
        <v>191</v>
      </c>
      <c r="JA18" s="102">
        <v>176</v>
      </c>
      <c r="JB18" s="102">
        <v>123</v>
      </c>
      <c r="JC18" s="102">
        <v>127</v>
      </c>
      <c r="JD18" s="102">
        <v>58</v>
      </c>
      <c r="JE18" s="103">
        <v>675</v>
      </c>
      <c r="JF18" s="104">
        <v>929</v>
      </c>
      <c r="JG18" s="101">
        <v>58</v>
      </c>
      <c r="JH18" s="102">
        <v>87</v>
      </c>
      <c r="JI18" s="103">
        <v>145</v>
      </c>
      <c r="JJ18" s="413">
        <v>0</v>
      </c>
      <c r="JK18" s="102">
        <v>177</v>
      </c>
      <c r="JL18" s="102">
        <v>159</v>
      </c>
      <c r="JM18" s="102">
        <v>145</v>
      </c>
      <c r="JN18" s="102">
        <v>185</v>
      </c>
      <c r="JO18" s="102">
        <v>69</v>
      </c>
      <c r="JP18" s="103">
        <v>735</v>
      </c>
      <c r="JQ18" s="104">
        <v>880</v>
      </c>
      <c r="JR18" s="101">
        <v>3</v>
      </c>
      <c r="JS18" s="102">
        <v>7</v>
      </c>
      <c r="JT18" s="103">
        <v>10</v>
      </c>
      <c r="JU18" s="413">
        <v>0</v>
      </c>
      <c r="JV18" s="102">
        <v>9</v>
      </c>
      <c r="JW18" s="102">
        <v>18</v>
      </c>
      <c r="JX18" s="102">
        <v>6</v>
      </c>
      <c r="JY18" s="102">
        <v>9</v>
      </c>
      <c r="JZ18" s="102">
        <v>13</v>
      </c>
      <c r="KA18" s="103">
        <v>55</v>
      </c>
      <c r="KB18" s="104">
        <v>65</v>
      </c>
      <c r="KC18" s="101">
        <v>415</v>
      </c>
      <c r="KD18" s="102">
        <v>523</v>
      </c>
      <c r="KE18" s="103">
        <v>938</v>
      </c>
      <c r="KF18" s="413">
        <v>0</v>
      </c>
      <c r="KG18" s="102">
        <v>728</v>
      </c>
      <c r="KH18" s="102">
        <v>681</v>
      </c>
      <c r="KI18" s="102">
        <v>449</v>
      </c>
      <c r="KJ18" s="102">
        <v>484</v>
      </c>
      <c r="KK18" s="102">
        <v>252</v>
      </c>
      <c r="KL18" s="103">
        <v>2594</v>
      </c>
      <c r="KM18" s="104">
        <v>3532</v>
      </c>
    </row>
    <row r="19" spans="2:299" s="70" customFormat="1" ht="21" customHeight="1" x14ac:dyDescent="0.2">
      <c r="B19" s="106" t="s">
        <v>16</v>
      </c>
      <c r="C19" s="96">
        <v>248</v>
      </c>
      <c r="D19" s="97">
        <v>304</v>
      </c>
      <c r="E19" s="98">
        <v>552</v>
      </c>
      <c r="F19" s="413">
        <v>0</v>
      </c>
      <c r="G19" s="97">
        <v>512</v>
      </c>
      <c r="H19" s="97">
        <v>641</v>
      </c>
      <c r="I19" s="97">
        <v>412</v>
      </c>
      <c r="J19" s="97">
        <v>312</v>
      </c>
      <c r="K19" s="97">
        <v>200</v>
      </c>
      <c r="L19" s="99">
        <v>2077</v>
      </c>
      <c r="M19" s="100">
        <v>2629</v>
      </c>
      <c r="N19" s="101">
        <v>7</v>
      </c>
      <c r="O19" s="102">
        <v>11</v>
      </c>
      <c r="P19" s="103">
        <v>18</v>
      </c>
      <c r="Q19" s="413">
        <v>0</v>
      </c>
      <c r="R19" s="102">
        <v>16</v>
      </c>
      <c r="S19" s="102">
        <v>28</v>
      </c>
      <c r="T19" s="102">
        <v>22</v>
      </c>
      <c r="U19" s="102">
        <v>17</v>
      </c>
      <c r="V19" s="102">
        <v>15</v>
      </c>
      <c r="W19" s="103">
        <v>98</v>
      </c>
      <c r="X19" s="104">
        <v>116</v>
      </c>
      <c r="Y19" s="101">
        <v>27</v>
      </c>
      <c r="Z19" s="102">
        <v>46</v>
      </c>
      <c r="AA19" s="103">
        <v>73</v>
      </c>
      <c r="AB19" s="413">
        <v>0</v>
      </c>
      <c r="AC19" s="102">
        <v>51</v>
      </c>
      <c r="AD19" s="102">
        <v>76</v>
      </c>
      <c r="AE19" s="102">
        <v>47</v>
      </c>
      <c r="AF19" s="102">
        <v>38</v>
      </c>
      <c r="AG19" s="102">
        <v>26</v>
      </c>
      <c r="AH19" s="103">
        <v>238</v>
      </c>
      <c r="AI19" s="104">
        <v>311</v>
      </c>
      <c r="AJ19" s="101">
        <v>48</v>
      </c>
      <c r="AK19" s="102">
        <v>56</v>
      </c>
      <c r="AL19" s="103">
        <v>104</v>
      </c>
      <c r="AM19" s="413">
        <v>0</v>
      </c>
      <c r="AN19" s="102">
        <v>82</v>
      </c>
      <c r="AO19" s="102">
        <v>102</v>
      </c>
      <c r="AP19" s="102">
        <v>73</v>
      </c>
      <c r="AQ19" s="102">
        <v>61</v>
      </c>
      <c r="AR19" s="102">
        <v>39</v>
      </c>
      <c r="AS19" s="103">
        <v>357</v>
      </c>
      <c r="AT19" s="104">
        <v>461</v>
      </c>
      <c r="AU19" s="101">
        <v>90</v>
      </c>
      <c r="AV19" s="102">
        <v>68</v>
      </c>
      <c r="AW19" s="103">
        <v>158</v>
      </c>
      <c r="AX19" s="413">
        <v>0</v>
      </c>
      <c r="AY19" s="102">
        <v>144</v>
      </c>
      <c r="AZ19" s="102">
        <v>181</v>
      </c>
      <c r="BA19" s="102">
        <v>95</v>
      </c>
      <c r="BB19" s="102">
        <v>79</v>
      </c>
      <c r="BC19" s="102">
        <v>50</v>
      </c>
      <c r="BD19" s="103">
        <v>549</v>
      </c>
      <c r="BE19" s="104">
        <v>707</v>
      </c>
      <c r="BF19" s="101">
        <v>46</v>
      </c>
      <c r="BG19" s="102">
        <v>75</v>
      </c>
      <c r="BH19" s="103">
        <v>121</v>
      </c>
      <c r="BI19" s="413">
        <v>0</v>
      </c>
      <c r="BJ19" s="102">
        <v>143</v>
      </c>
      <c r="BK19" s="102">
        <v>147</v>
      </c>
      <c r="BL19" s="102">
        <v>95</v>
      </c>
      <c r="BM19" s="102">
        <v>58</v>
      </c>
      <c r="BN19" s="102">
        <v>38</v>
      </c>
      <c r="BO19" s="103">
        <v>481</v>
      </c>
      <c r="BP19" s="104">
        <v>602</v>
      </c>
      <c r="BQ19" s="101">
        <v>30</v>
      </c>
      <c r="BR19" s="102">
        <v>48</v>
      </c>
      <c r="BS19" s="103">
        <v>78</v>
      </c>
      <c r="BT19" s="413">
        <v>0</v>
      </c>
      <c r="BU19" s="102">
        <v>76</v>
      </c>
      <c r="BV19" s="102">
        <v>107</v>
      </c>
      <c r="BW19" s="102">
        <v>80</v>
      </c>
      <c r="BX19" s="102">
        <v>59</v>
      </c>
      <c r="BY19" s="102">
        <v>32</v>
      </c>
      <c r="BZ19" s="103">
        <v>354</v>
      </c>
      <c r="CA19" s="104">
        <v>432</v>
      </c>
      <c r="CB19" s="101">
        <v>10</v>
      </c>
      <c r="CC19" s="102">
        <v>16</v>
      </c>
      <c r="CD19" s="103">
        <v>26</v>
      </c>
      <c r="CE19" s="413">
        <v>0</v>
      </c>
      <c r="CF19" s="102">
        <v>14</v>
      </c>
      <c r="CG19" s="102">
        <v>26</v>
      </c>
      <c r="CH19" s="102">
        <v>17</v>
      </c>
      <c r="CI19" s="102">
        <v>13</v>
      </c>
      <c r="CJ19" s="102">
        <v>13</v>
      </c>
      <c r="CK19" s="103">
        <v>83</v>
      </c>
      <c r="CL19" s="104">
        <v>109</v>
      </c>
      <c r="CM19" s="101">
        <v>258</v>
      </c>
      <c r="CN19" s="102">
        <v>320</v>
      </c>
      <c r="CO19" s="103">
        <v>578</v>
      </c>
      <c r="CP19" s="413">
        <v>0</v>
      </c>
      <c r="CQ19" s="102">
        <v>526</v>
      </c>
      <c r="CR19" s="102">
        <v>667</v>
      </c>
      <c r="CS19" s="102">
        <v>429</v>
      </c>
      <c r="CT19" s="102">
        <v>325</v>
      </c>
      <c r="CU19" s="102">
        <v>213</v>
      </c>
      <c r="CV19" s="103">
        <v>2160</v>
      </c>
      <c r="CW19" s="104">
        <v>2738</v>
      </c>
      <c r="CX19" s="105">
        <v>446</v>
      </c>
      <c r="CY19" s="97">
        <v>651</v>
      </c>
      <c r="CZ19" s="98">
        <v>1097</v>
      </c>
      <c r="DA19" s="413">
        <v>0</v>
      </c>
      <c r="DB19" s="97">
        <v>842</v>
      </c>
      <c r="DC19" s="97">
        <v>1003</v>
      </c>
      <c r="DD19" s="97">
        <v>767</v>
      </c>
      <c r="DE19" s="97">
        <v>829</v>
      </c>
      <c r="DF19" s="97">
        <v>436</v>
      </c>
      <c r="DG19" s="99">
        <v>3877</v>
      </c>
      <c r="DH19" s="100">
        <v>4974</v>
      </c>
      <c r="DI19" s="101">
        <v>19</v>
      </c>
      <c r="DJ19" s="102">
        <v>23</v>
      </c>
      <c r="DK19" s="103">
        <v>42</v>
      </c>
      <c r="DL19" s="413">
        <v>0</v>
      </c>
      <c r="DM19" s="102">
        <v>8</v>
      </c>
      <c r="DN19" s="102">
        <v>25</v>
      </c>
      <c r="DO19" s="102">
        <v>15</v>
      </c>
      <c r="DP19" s="102">
        <v>14</v>
      </c>
      <c r="DQ19" s="102">
        <v>12</v>
      </c>
      <c r="DR19" s="103">
        <v>74</v>
      </c>
      <c r="DS19" s="104">
        <v>116</v>
      </c>
      <c r="DT19" s="101">
        <v>32</v>
      </c>
      <c r="DU19" s="102">
        <v>57</v>
      </c>
      <c r="DV19" s="103">
        <v>89</v>
      </c>
      <c r="DW19" s="413">
        <v>0</v>
      </c>
      <c r="DX19" s="102">
        <v>38</v>
      </c>
      <c r="DY19" s="102">
        <v>80</v>
      </c>
      <c r="DZ19" s="102">
        <v>38</v>
      </c>
      <c r="EA19" s="102">
        <v>48</v>
      </c>
      <c r="EB19" s="102">
        <v>22</v>
      </c>
      <c r="EC19" s="103">
        <v>226</v>
      </c>
      <c r="ED19" s="104">
        <v>315</v>
      </c>
      <c r="EE19" s="101">
        <v>72</v>
      </c>
      <c r="EF19" s="102">
        <v>113</v>
      </c>
      <c r="EG19" s="103">
        <v>185</v>
      </c>
      <c r="EH19" s="413">
        <v>0</v>
      </c>
      <c r="EI19" s="102">
        <v>102</v>
      </c>
      <c r="EJ19" s="102">
        <v>115</v>
      </c>
      <c r="EK19" s="102">
        <v>79</v>
      </c>
      <c r="EL19" s="102">
        <v>86</v>
      </c>
      <c r="EM19" s="102">
        <v>49</v>
      </c>
      <c r="EN19" s="103">
        <v>431</v>
      </c>
      <c r="EO19" s="104">
        <v>616</v>
      </c>
      <c r="EP19" s="101">
        <v>149</v>
      </c>
      <c r="EQ19" s="102">
        <v>175</v>
      </c>
      <c r="ER19" s="103">
        <v>324</v>
      </c>
      <c r="ES19" s="413">
        <v>0</v>
      </c>
      <c r="ET19" s="102">
        <v>203</v>
      </c>
      <c r="EU19" s="102">
        <v>232</v>
      </c>
      <c r="EV19" s="102">
        <v>151</v>
      </c>
      <c r="EW19" s="102">
        <v>155</v>
      </c>
      <c r="EX19" s="102">
        <v>85</v>
      </c>
      <c r="EY19" s="103">
        <v>826</v>
      </c>
      <c r="EZ19" s="104">
        <v>1150</v>
      </c>
      <c r="FA19" s="101">
        <v>108</v>
      </c>
      <c r="FB19" s="102">
        <v>162</v>
      </c>
      <c r="FC19" s="103">
        <v>270</v>
      </c>
      <c r="FD19" s="413">
        <v>0</v>
      </c>
      <c r="FE19" s="102">
        <v>262</v>
      </c>
      <c r="FF19" s="102">
        <v>237</v>
      </c>
      <c r="FG19" s="102">
        <v>205</v>
      </c>
      <c r="FH19" s="102">
        <v>187</v>
      </c>
      <c r="FI19" s="102">
        <v>96</v>
      </c>
      <c r="FJ19" s="103">
        <v>987</v>
      </c>
      <c r="FK19" s="104">
        <v>1257</v>
      </c>
      <c r="FL19" s="101">
        <v>66</v>
      </c>
      <c r="FM19" s="102">
        <v>121</v>
      </c>
      <c r="FN19" s="103">
        <v>187</v>
      </c>
      <c r="FO19" s="413">
        <v>0</v>
      </c>
      <c r="FP19" s="102">
        <v>229</v>
      </c>
      <c r="FQ19" s="102">
        <v>314</v>
      </c>
      <c r="FR19" s="102">
        <v>279</v>
      </c>
      <c r="FS19" s="102">
        <v>339</v>
      </c>
      <c r="FT19" s="102">
        <v>172</v>
      </c>
      <c r="FU19" s="103">
        <v>1333</v>
      </c>
      <c r="FV19" s="104">
        <v>1520</v>
      </c>
      <c r="FW19" s="101">
        <v>6</v>
      </c>
      <c r="FX19" s="102">
        <v>17</v>
      </c>
      <c r="FY19" s="103">
        <v>23</v>
      </c>
      <c r="FZ19" s="413">
        <v>0</v>
      </c>
      <c r="GA19" s="102">
        <v>5</v>
      </c>
      <c r="GB19" s="102">
        <v>20</v>
      </c>
      <c r="GC19" s="102">
        <v>11</v>
      </c>
      <c r="GD19" s="102">
        <v>13</v>
      </c>
      <c r="GE19" s="102">
        <v>12</v>
      </c>
      <c r="GF19" s="103">
        <v>61</v>
      </c>
      <c r="GG19" s="104">
        <v>84</v>
      </c>
      <c r="GH19" s="101">
        <v>452</v>
      </c>
      <c r="GI19" s="102">
        <v>668</v>
      </c>
      <c r="GJ19" s="103">
        <v>1120</v>
      </c>
      <c r="GK19" s="413">
        <v>0</v>
      </c>
      <c r="GL19" s="102">
        <v>847</v>
      </c>
      <c r="GM19" s="102">
        <v>1023</v>
      </c>
      <c r="GN19" s="102">
        <v>778</v>
      </c>
      <c r="GO19" s="102">
        <v>842</v>
      </c>
      <c r="GP19" s="102">
        <v>448</v>
      </c>
      <c r="GQ19" s="103">
        <v>3938</v>
      </c>
      <c r="GR19" s="104">
        <v>5058</v>
      </c>
      <c r="GS19" s="105">
        <v>694</v>
      </c>
      <c r="GT19" s="97">
        <v>955</v>
      </c>
      <c r="GU19" s="98">
        <v>1649</v>
      </c>
      <c r="GV19" s="413">
        <v>0</v>
      </c>
      <c r="GW19" s="97">
        <v>1354</v>
      </c>
      <c r="GX19" s="97">
        <v>1644</v>
      </c>
      <c r="GY19" s="97">
        <v>1179</v>
      </c>
      <c r="GZ19" s="97">
        <v>1141</v>
      </c>
      <c r="HA19" s="97">
        <v>636</v>
      </c>
      <c r="HB19" s="99">
        <v>5954</v>
      </c>
      <c r="HC19" s="100">
        <v>7603</v>
      </c>
      <c r="HD19" s="101">
        <v>26</v>
      </c>
      <c r="HE19" s="102">
        <v>34</v>
      </c>
      <c r="HF19" s="103">
        <v>60</v>
      </c>
      <c r="HG19" s="416">
        <v>0</v>
      </c>
      <c r="HH19" s="102">
        <v>24</v>
      </c>
      <c r="HI19" s="102">
        <v>53</v>
      </c>
      <c r="HJ19" s="102">
        <v>37</v>
      </c>
      <c r="HK19" s="102">
        <v>31</v>
      </c>
      <c r="HL19" s="102">
        <v>27</v>
      </c>
      <c r="HM19" s="103">
        <v>172</v>
      </c>
      <c r="HN19" s="104">
        <v>232</v>
      </c>
      <c r="HO19" s="101">
        <v>59</v>
      </c>
      <c r="HP19" s="102">
        <v>103</v>
      </c>
      <c r="HQ19" s="103">
        <v>162</v>
      </c>
      <c r="HR19" s="413">
        <v>0</v>
      </c>
      <c r="HS19" s="102">
        <v>89</v>
      </c>
      <c r="HT19" s="102">
        <v>156</v>
      </c>
      <c r="HU19" s="102">
        <v>85</v>
      </c>
      <c r="HV19" s="102">
        <v>86</v>
      </c>
      <c r="HW19" s="102">
        <v>48</v>
      </c>
      <c r="HX19" s="103">
        <v>464</v>
      </c>
      <c r="HY19" s="104">
        <v>626</v>
      </c>
      <c r="HZ19" s="101">
        <v>120</v>
      </c>
      <c r="IA19" s="102">
        <v>169</v>
      </c>
      <c r="IB19" s="103">
        <v>289</v>
      </c>
      <c r="IC19" s="413">
        <v>0</v>
      </c>
      <c r="ID19" s="102">
        <v>184</v>
      </c>
      <c r="IE19" s="102">
        <v>217</v>
      </c>
      <c r="IF19" s="102">
        <v>152</v>
      </c>
      <c r="IG19" s="102">
        <v>147</v>
      </c>
      <c r="IH19" s="102">
        <v>88</v>
      </c>
      <c r="II19" s="103">
        <v>788</v>
      </c>
      <c r="IJ19" s="104">
        <v>1077</v>
      </c>
      <c r="IK19" s="101">
        <v>239</v>
      </c>
      <c r="IL19" s="102">
        <v>243</v>
      </c>
      <c r="IM19" s="103">
        <v>482</v>
      </c>
      <c r="IN19" s="413">
        <v>0</v>
      </c>
      <c r="IO19" s="102">
        <v>347</v>
      </c>
      <c r="IP19" s="102">
        <v>413</v>
      </c>
      <c r="IQ19" s="102">
        <v>246</v>
      </c>
      <c r="IR19" s="102">
        <v>234</v>
      </c>
      <c r="IS19" s="102">
        <v>135</v>
      </c>
      <c r="IT19" s="103">
        <v>1375</v>
      </c>
      <c r="IU19" s="104">
        <v>1857</v>
      </c>
      <c r="IV19" s="101">
        <v>154</v>
      </c>
      <c r="IW19" s="102">
        <v>237</v>
      </c>
      <c r="IX19" s="103">
        <v>391</v>
      </c>
      <c r="IY19" s="413">
        <v>0</v>
      </c>
      <c r="IZ19" s="102">
        <v>405</v>
      </c>
      <c r="JA19" s="102">
        <v>384</v>
      </c>
      <c r="JB19" s="102">
        <v>300</v>
      </c>
      <c r="JC19" s="102">
        <v>245</v>
      </c>
      <c r="JD19" s="102">
        <v>134</v>
      </c>
      <c r="JE19" s="103">
        <v>1468</v>
      </c>
      <c r="JF19" s="104">
        <v>1859</v>
      </c>
      <c r="JG19" s="101">
        <v>96</v>
      </c>
      <c r="JH19" s="102">
        <v>169</v>
      </c>
      <c r="JI19" s="103">
        <v>265</v>
      </c>
      <c r="JJ19" s="413">
        <v>0</v>
      </c>
      <c r="JK19" s="102">
        <v>305</v>
      </c>
      <c r="JL19" s="102">
        <v>421</v>
      </c>
      <c r="JM19" s="102">
        <v>359</v>
      </c>
      <c r="JN19" s="102">
        <v>398</v>
      </c>
      <c r="JO19" s="102">
        <v>204</v>
      </c>
      <c r="JP19" s="103">
        <v>1687</v>
      </c>
      <c r="JQ19" s="104">
        <v>1952</v>
      </c>
      <c r="JR19" s="101">
        <v>16</v>
      </c>
      <c r="JS19" s="102">
        <v>33</v>
      </c>
      <c r="JT19" s="103">
        <v>49</v>
      </c>
      <c r="JU19" s="413">
        <v>0</v>
      </c>
      <c r="JV19" s="102">
        <v>19</v>
      </c>
      <c r="JW19" s="102">
        <v>46</v>
      </c>
      <c r="JX19" s="102">
        <v>28</v>
      </c>
      <c r="JY19" s="102">
        <v>26</v>
      </c>
      <c r="JZ19" s="102">
        <v>25</v>
      </c>
      <c r="KA19" s="103">
        <v>144</v>
      </c>
      <c r="KB19" s="104">
        <v>193</v>
      </c>
      <c r="KC19" s="101">
        <v>710</v>
      </c>
      <c r="KD19" s="102">
        <v>988</v>
      </c>
      <c r="KE19" s="103">
        <v>1698</v>
      </c>
      <c r="KF19" s="413">
        <v>0</v>
      </c>
      <c r="KG19" s="102">
        <v>1373</v>
      </c>
      <c r="KH19" s="102">
        <v>1690</v>
      </c>
      <c r="KI19" s="102">
        <v>1207</v>
      </c>
      <c r="KJ19" s="102">
        <v>1167</v>
      </c>
      <c r="KK19" s="102">
        <v>661</v>
      </c>
      <c r="KL19" s="103">
        <v>6098</v>
      </c>
      <c r="KM19" s="104">
        <v>7796</v>
      </c>
    </row>
    <row r="20" spans="2:299" s="70" customFormat="1" ht="21" customHeight="1" x14ac:dyDescent="0.2">
      <c r="B20" s="106" t="s">
        <v>17</v>
      </c>
      <c r="C20" s="96">
        <v>329</v>
      </c>
      <c r="D20" s="97">
        <v>395</v>
      </c>
      <c r="E20" s="98">
        <v>724</v>
      </c>
      <c r="F20" s="413">
        <v>0</v>
      </c>
      <c r="G20" s="97">
        <v>543</v>
      </c>
      <c r="H20" s="97">
        <v>833</v>
      </c>
      <c r="I20" s="97">
        <v>572</v>
      </c>
      <c r="J20" s="97">
        <v>432</v>
      </c>
      <c r="K20" s="97">
        <v>242</v>
      </c>
      <c r="L20" s="99">
        <v>2622</v>
      </c>
      <c r="M20" s="100">
        <v>3346</v>
      </c>
      <c r="N20" s="101">
        <v>16</v>
      </c>
      <c r="O20" s="102">
        <v>19</v>
      </c>
      <c r="P20" s="103">
        <v>35</v>
      </c>
      <c r="Q20" s="413">
        <v>0</v>
      </c>
      <c r="R20" s="102">
        <v>18</v>
      </c>
      <c r="S20" s="102">
        <v>45</v>
      </c>
      <c r="T20" s="102">
        <v>32</v>
      </c>
      <c r="U20" s="102">
        <v>24</v>
      </c>
      <c r="V20" s="102">
        <v>20</v>
      </c>
      <c r="W20" s="103">
        <v>139</v>
      </c>
      <c r="X20" s="104">
        <v>174</v>
      </c>
      <c r="Y20" s="101">
        <v>23</v>
      </c>
      <c r="Z20" s="102">
        <v>47</v>
      </c>
      <c r="AA20" s="103">
        <v>70</v>
      </c>
      <c r="AB20" s="413">
        <v>0</v>
      </c>
      <c r="AC20" s="102">
        <v>58</v>
      </c>
      <c r="AD20" s="102">
        <v>97</v>
      </c>
      <c r="AE20" s="102">
        <v>61</v>
      </c>
      <c r="AF20" s="102">
        <v>52</v>
      </c>
      <c r="AG20" s="102">
        <v>29</v>
      </c>
      <c r="AH20" s="103">
        <v>297</v>
      </c>
      <c r="AI20" s="104">
        <v>367</v>
      </c>
      <c r="AJ20" s="101">
        <v>42</v>
      </c>
      <c r="AK20" s="102">
        <v>74</v>
      </c>
      <c r="AL20" s="103">
        <v>116</v>
      </c>
      <c r="AM20" s="413">
        <v>0</v>
      </c>
      <c r="AN20" s="102">
        <v>96</v>
      </c>
      <c r="AO20" s="102">
        <v>158</v>
      </c>
      <c r="AP20" s="102">
        <v>103</v>
      </c>
      <c r="AQ20" s="102">
        <v>65</v>
      </c>
      <c r="AR20" s="102">
        <v>56</v>
      </c>
      <c r="AS20" s="103">
        <v>478</v>
      </c>
      <c r="AT20" s="104">
        <v>594</v>
      </c>
      <c r="AU20" s="101">
        <v>103</v>
      </c>
      <c r="AV20" s="102">
        <v>98</v>
      </c>
      <c r="AW20" s="103">
        <v>201</v>
      </c>
      <c r="AX20" s="413">
        <v>0</v>
      </c>
      <c r="AY20" s="102">
        <v>158</v>
      </c>
      <c r="AZ20" s="102">
        <v>232</v>
      </c>
      <c r="BA20" s="102">
        <v>154</v>
      </c>
      <c r="BB20" s="102">
        <v>116</v>
      </c>
      <c r="BC20" s="102">
        <v>50</v>
      </c>
      <c r="BD20" s="103">
        <v>710</v>
      </c>
      <c r="BE20" s="104">
        <v>911</v>
      </c>
      <c r="BF20" s="101">
        <v>92</v>
      </c>
      <c r="BG20" s="102">
        <v>89</v>
      </c>
      <c r="BH20" s="103">
        <v>181</v>
      </c>
      <c r="BI20" s="413">
        <v>0</v>
      </c>
      <c r="BJ20" s="102">
        <v>133</v>
      </c>
      <c r="BK20" s="102">
        <v>173</v>
      </c>
      <c r="BL20" s="102">
        <v>128</v>
      </c>
      <c r="BM20" s="102">
        <v>105</v>
      </c>
      <c r="BN20" s="102">
        <v>50</v>
      </c>
      <c r="BO20" s="103">
        <v>589</v>
      </c>
      <c r="BP20" s="104">
        <v>770</v>
      </c>
      <c r="BQ20" s="101">
        <v>53</v>
      </c>
      <c r="BR20" s="102">
        <v>68</v>
      </c>
      <c r="BS20" s="103">
        <v>121</v>
      </c>
      <c r="BT20" s="413">
        <v>0</v>
      </c>
      <c r="BU20" s="102">
        <v>80</v>
      </c>
      <c r="BV20" s="102">
        <v>128</v>
      </c>
      <c r="BW20" s="102">
        <v>94</v>
      </c>
      <c r="BX20" s="102">
        <v>70</v>
      </c>
      <c r="BY20" s="102">
        <v>37</v>
      </c>
      <c r="BZ20" s="103">
        <v>409</v>
      </c>
      <c r="CA20" s="104">
        <v>530</v>
      </c>
      <c r="CB20" s="101">
        <v>7</v>
      </c>
      <c r="CC20" s="102">
        <v>20</v>
      </c>
      <c r="CD20" s="103">
        <v>27</v>
      </c>
      <c r="CE20" s="413">
        <v>0</v>
      </c>
      <c r="CF20" s="102">
        <v>26</v>
      </c>
      <c r="CG20" s="102">
        <v>40</v>
      </c>
      <c r="CH20" s="102">
        <v>26</v>
      </c>
      <c r="CI20" s="102">
        <v>13</v>
      </c>
      <c r="CJ20" s="102">
        <v>16</v>
      </c>
      <c r="CK20" s="103">
        <v>121</v>
      </c>
      <c r="CL20" s="104">
        <v>148</v>
      </c>
      <c r="CM20" s="101">
        <v>336</v>
      </c>
      <c r="CN20" s="102">
        <v>415</v>
      </c>
      <c r="CO20" s="103">
        <v>751</v>
      </c>
      <c r="CP20" s="413">
        <v>0</v>
      </c>
      <c r="CQ20" s="102">
        <v>569</v>
      </c>
      <c r="CR20" s="102">
        <v>873</v>
      </c>
      <c r="CS20" s="102">
        <v>598</v>
      </c>
      <c r="CT20" s="102">
        <v>445</v>
      </c>
      <c r="CU20" s="102">
        <v>258</v>
      </c>
      <c r="CV20" s="103">
        <v>2743</v>
      </c>
      <c r="CW20" s="104">
        <v>3494</v>
      </c>
      <c r="CX20" s="105">
        <v>667</v>
      </c>
      <c r="CY20" s="97">
        <v>913</v>
      </c>
      <c r="CZ20" s="98">
        <v>1580</v>
      </c>
      <c r="DA20" s="413">
        <v>0</v>
      </c>
      <c r="DB20" s="97">
        <v>915</v>
      </c>
      <c r="DC20" s="97">
        <v>1342</v>
      </c>
      <c r="DD20" s="97">
        <v>1007</v>
      </c>
      <c r="DE20" s="97">
        <v>935</v>
      </c>
      <c r="DF20" s="97">
        <v>608</v>
      </c>
      <c r="DG20" s="99">
        <v>4807</v>
      </c>
      <c r="DH20" s="100">
        <v>6387</v>
      </c>
      <c r="DI20" s="101">
        <v>13</v>
      </c>
      <c r="DJ20" s="102">
        <v>34</v>
      </c>
      <c r="DK20" s="103">
        <v>47</v>
      </c>
      <c r="DL20" s="413">
        <v>0</v>
      </c>
      <c r="DM20" s="102">
        <v>9</v>
      </c>
      <c r="DN20" s="102">
        <v>31</v>
      </c>
      <c r="DO20" s="102">
        <v>26</v>
      </c>
      <c r="DP20" s="102">
        <v>19</v>
      </c>
      <c r="DQ20" s="102">
        <v>17</v>
      </c>
      <c r="DR20" s="103">
        <v>102</v>
      </c>
      <c r="DS20" s="104">
        <v>149</v>
      </c>
      <c r="DT20" s="101">
        <v>49</v>
      </c>
      <c r="DU20" s="102">
        <v>70</v>
      </c>
      <c r="DV20" s="103">
        <v>119</v>
      </c>
      <c r="DW20" s="413">
        <v>0</v>
      </c>
      <c r="DX20" s="102">
        <v>65</v>
      </c>
      <c r="DY20" s="102">
        <v>74</v>
      </c>
      <c r="DZ20" s="102">
        <v>53</v>
      </c>
      <c r="EA20" s="102">
        <v>61</v>
      </c>
      <c r="EB20" s="102">
        <v>27</v>
      </c>
      <c r="EC20" s="103">
        <v>280</v>
      </c>
      <c r="ED20" s="104">
        <v>399</v>
      </c>
      <c r="EE20" s="101">
        <v>107</v>
      </c>
      <c r="EF20" s="102">
        <v>154</v>
      </c>
      <c r="EG20" s="103">
        <v>261</v>
      </c>
      <c r="EH20" s="413">
        <v>0</v>
      </c>
      <c r="EI20" s="102">
        <v>112</v>
      </c>
      <c r="EJ20" s="102">
        <v>161</v>
      </c>
      <c r="EK20" s="102">
        <v>122</v>
      </c>
      <c r="EL20" s="102">
        <v>93</v>
      </c>
      <c r="EM20" s="102">
        <v>66</v>
      </c>
      <c r="EN20" s="103">
        <v>554</v>
      </c>
      <c r="EO20" s="104">
        <v>815</v>
      </c>
      <c r="EP20" s="101">
        <v>223</v>
      </c>
      <c r="EQ20" s="102">
        <v>265</v>
      </c>
      <c r="ER20" s="103">
        <v>488</v>
      </c>
      <c r="ES20" s="413">
        <v>0</v>
      </c>
      <c r="ET20" s="102">
        <v>244</v>
      </c>
      <c r="EU20" s="102">
        <v>346</v>
      </c>
      <c r="EV20" s="102">
        <v>235</v>
      </c>
      <c r="EW20" s="102">
        <v>183</v>
      </c>
      <c r="EX20" s="102">
        <v>129</v>
      </c>
      <c r="EY20" s="103">
        <v>1137</v>
      </c>
      <c r="EZ20" s="104">
        <v>1625</v>
      </c>
      <c r="FA20" s="101">
        <v>187</v>
      </c>
      <c r="FB20" s="102">
        <v>248</v>
      </c>
      <c r="FC20" s="103">
        <v>435</v>
      </c>
      <c r="FD20" s="413">
        <v>0</v>
      </c>
      <c r="FE20" s="102">
        <v>274</v>
      </c>
      <c r="FF20" s="102">
        <v>373</v>
      </c>
      <c r="FG20" s="102">
        <v>267</v>
      </c>
      <c r="FH20" s="102">
        <v>229</v>
      </c>
      <c r="FI20" s="102">
        <v>169</v>
      </c>
      <c r="FJ20" s="103">
        <v>1312</v>
      </c>
      <c r="FK20" s="104">
        <v>1747</v>
      </c>
      <c r="FL20" s="101">
        <v>88</v>
      </c>
      <c r="FM20" s="102">
        <v>142</v>
      </c>
      <c r="FN20" s="103">
        <v>230</v>
      </c>
      <c r="FO20" s="413">
        <v>0</v>
      </c>
      <c r="FP20" s="102">
        <v>211</v>
      </c>
      <c r="FQ20" s="102">
        <v>357</v>
      </c>
      <c r="FR20" s="102">
        <v>304</v>
      </c>
      <c r="FS20" s="102">
        <v>350</v>
      </c>
      <c r="FT20" s="102">
        <v>200</v>
      </c>
      <c r="FU20" s="103">
        <v>1422</v>
      </c>
      <c r="FV20" s="104">
        <v>1652</v>
      </c>
      <c r="FW20" s="101">
        <v>6</v>
      </c>
      <c r="FX20" s="102">
        <v>18</v>
      </c>
      <c r="FY20" s="103">
        <v>24</v>
      </c>
      <c r="FZ20" s="413">
        <v>0</v>
      </c>
      <c r="GA20" s="102">
        <v>7</v>
      </c>
      <c r="GB20" s="102">
        <v>31</v>
      </c>
      <c r="GC20" s="102">
        <v>12</v>
      </c>
      <c r="GD20" s="102">
        <v>18</v>
      </c>
      <c r="GE20" s="102">
        <v>21</v>
      </c>
      <c r="GF20" s="103">
        <v>89</v>
      </c>
      <c r="GG20" s="104">
        <v>113</v>
      </c>
      <c r="GH20" s="101">
        <v>673</v>
      </c>
      <c r="GI20" s="102">
        <v>931</v>
      </c>
      <c r="GJ20" s="103">
        <v>1604</v>
      </c>
      <c r="GK20" s="413">
        <v>0</v>
      </c>
      <c r="GL20" s="102">
        <v>922</v>
      </c>
      <c r="GM20" s="102">
        <v>1373</v>
      </c>
      <c r="GN20" s="102">
        <v>1019</v>
      </c>
      <c r="GO20" s="102">
        <v>953</v>
      </c>
      <c r="GP20" s="102">
        <v>629</v>
      </c>
      <c r="GQ20" s="103">
        <v>4896</v>
      </c>
      <c r="GR20" s="104">
        <v>6500</v>
      </c>
      <c r="GS20" s="105">
        <v>996</v>
      </c>
      <c r="GT20" s="97">
        <v>1308</v>
      </c>
      <c r="GU20" s="98">
        <v>2304</v>
      </c>
      <c r="GV20" s="413">
        <v>0</v>
      </c>
      <c r="GW20" s="97">
        <v>1458</v>
      </c>
      <c r="GX20" s="97">
        <v>2175</v>
      </c>
      <c r="GY20" s="97">
        <v>1579</v>
      </c>
      <c r="GZ20" s="97">
        <v>1367</v>
      </c>
      <c r="HA20" s="97">
        <v>850</v>
      </c>
      <c r="HB20" s="99">
        <v>7429</v>
      </c>
      <c r="HC20" s="100">
        <v>9733</v>
      </c>
      <c r="HD20" s="101">
        <v>29</v>
      </c>
      <c r="HE20" s="102">
        <v>53</v>
      </c>
      <c r="HF20" s="103">
        <v>82</v>
      </c>
      <c r="HG20" s="416">
        <v>0</v>
      </c>
      <c r="HH20" s="102">
        <v>27</v>
      </c>
      <c r="HI20" s="102">
        <v>76</v>
      </c>
      <c r="HJ20" s="102">
        <v>58</v>
      </c>
      <c r="HK20" s="102">
        <v>43</v>
      </c>
      <c r="HL20" s="102">
        <v>37</v>
      </c>
      <c r="HM20" s="103">
        <v>241</v>
      </c>
      <c r="HN20" s="104">
        <v>323</v>
      </c>
      <c r="HO20" s="101">
        <v>72</v>
      </c>
      <c r="HP20" s="102">
        <v>117</v>
      </c>
      <c r="HQ20" s="103">
        <v>189</v>
      </c>
      <c r="HR20" s="413">
        <v>0</v>
      </c>
      <c r="HS20" s="102">
        <v>123</v>
      </c>
      <c r="HT20" s="102">
        <v>171</v>
      </c>
      <c r="HU20" s="102">
        <v>114</v>
      </c>
      <c r="HV20" s="102">
        <v>113</v>
      </c>
      <c r="HW20" s="102">
        <v>56</v>
      </c>
      <c r="HX20" s="103">
        <v>577</v>
      </c>
      <c r="HY20" s="104">
        <v>766</v>
      </c>
      <c r="HZ20" s="101">
        <v>149</v>
      </c>
      <c r="IA20" s="102">
        <v>228</v>
      </c>
      <c r="IB20" s="103">
        <v>377</v>
      </c>
      <c r="IC20" s="413">
        <v>0</v>
      </c>
      <c r="ID20" s="102">
        <v>208</v>
      </c>
      <c r="IE20" s="102">
        <v>319</v>
      </c>
      <c r="IF20" s="102">
        <v>225</v>
      </c>
      <c r="IG20" s="102">
        <v>158</v>
      </c>
      <c r="IH20" s="102">
        <v>122</v>
      </c>
      <c r="II20" s="103">
        <v>1032</v>
      </c>
      <c r="IJ20" s="104">
        <v>1409</v>
      </c>
      <c r="IK20" s="101">
        <v>326</v>
      </c>
      <c r="IL20" s="102">
        <v>363</v>
      </c>
      <c r="IM20" s="103">
        <v>689</v>
      </c>
      <c r="IN20" s="413">
        <v>0</v>
      </c>
      <c r="IO20" s="102">
        <v>402</v>
      </c>
      <c r="IP20" s="102">
        <v>578</v>
      </c>
      <c r="IQ20" s="102">
        <v>389</v>
      </c>
      <c r="IR20" s="102">
        <v>299</v>
      </c>
      <c r="IS20" s="102">
        <v>179</v>
      </c>
      <c r="IT20" s="103">
        <v>1847</v>
      </c>
      <c r="IU20" s="104">
        <v>2536</v>
      </c>
      <c r="IV20" s="101">
        <v>279</v>
      </c>
      <c r="IW20" s="102">
        <v>337</v>
      </c>
      <c r="IX20" s="103">
        <v>616</v>
      </c>
      <c r="IY20" s="413">
        <v>0</v>
      </c>
      <c r="IZ20" s="102">
        <v>407</v>
      </c>
      <c r="JA20" s="102">
        <v>546</v>
      </c>
      <c r="JB20" s="102">
        <v>395</v>
      </c>
      <c r="JC20" s="102">
        <v>334</v>
      </c>
      <c r="JD20" s="102">
        <v>219</v>
      </c>
      <c r="JE20" s="103">
        <v>1901</v>
      </c>
      <c r="JF20" s="104">
        <v>2517</v>
      </c>
      <c r="JG20" s="101">
        <v>141</v>
      </c>
      <c r="JH20" s="102">
        <v>210</v>
      </c>
      <c r="JI20" s="103">
        <v>351</v>
      </c>
      <c r="JJ20" s="413">
        <v>0</v>
      </c>
      <c r="JK20" s="102">
        <v>291</v>
      </c>
      <c r="JL20" s="102">
        <v>485</v>
      </c>
      <c r="JM20" s="102">
        <v>398</v>
      </c>
      <c r="JN20" s="102">
        <v>420</v>
      </c>
      <c r="JO20" s="102">
        <v>237</v>
      </c>
      <c r="JP20" s="103">
        <v>1831</v>
      </c>
      <c r="JQ20" s="104">
        <v>2182</v>
      </c>
      <c r="JR20" s="101">
        <v>13</v>
      </c>
      <c r="JS20" s="102">
        <v>38</v>
      </c>
      <c r="JT20" s="103">
        <v>51</v>
      </c>
      <c r="JU20" s="413">
        <v>0</v>
      </c>
      <c r="JV20" s="102">
        <v>33</v>
      </c>
      <c r="JW20" s="102">
        <v>71</v>
      </c>
      <c r="JX20" s="102">
        <v>38</v>
      </c>
      <c r="JY20" s="102">
        <v>31</v>
      </c>
      <c r="JZ20" s="102">
        <v>37</v>
      </c>
      <c r="KA20" s="103">
        <v>210</v>
      </c>
      <c r="KB20" s="104">
        <v>261</v>
      </c>
      <c r="KC20" s="101">
        <v>1009</v>
      </c>
      <c r="KD20" s="102">
        <v>1346</v>
      </c>
      <c r="KE20" s="103">
        <v>2355</v>
      </c>
      <c r="KF20" s="413">
        <v>0</v>
      </c>
      <c r="KG20" s="102">
        <v>1491</v>
      </c>
      <c r="KH20" s="102">
        <v>2246</v>
      </c>
      <c r="KI20" s="102">
        <v>1617</v>
      </c>
      <c r="KJ20" s="102">
        <v>1398</v>
      </c>
      <c r="KK20" s="102">
        <v>887</v>
      </c>
      <c r="KL20" s="103">
        <v>7639</v>
      </c>
      <c r="KM20" s="104">
        <v>9994</v>
      </c>
    </row>
    <row r="21" spans="2:299" s="70" customFormat="1" ht="21" customHeight="1" x14ac:dyDescent="0.2">
      <c r="B21" s="106" t="s">
        <v>18</v>
      </c>
      <c r="C21" s="96">
        <v>459</v>
      </c>
      <c r="D21" s="97">
        <v>465</v>
      </c>
      <c r="E21" s="98">
        <v>924</v>
      </c>
      <c r="F21" s="413">
        <v>0</v>
      </c>
      <c r="G21" s="97">
        <v>990</v>
      </c>
      <c r="H21" s="97">
        <v>827</v>
      </c>
      <c r="I21" s="97">
        <v>530</v>
      </c>
      <c r="J21" s="97">
        <v>432</v>
      </c>
      <c r="K21" s="97">
        <v>291</v>
      </c>
      <c r="L21" s="99">
        <v>3070</v>
      </c>
      <c r="M21" s="100">
        <v>3994</v>
      </c>
      <c r="N21" s="101">
        <v>25</v>
      </c>
      <c r="O21" s="102">
        <v>23</v>
      </c>
      <c r="P21" s="103">
        <v>48</v>
      </c>
      <c r="Q21" s="413">
        <v>0</v>
      </c>
      <c r="R21" s="102">
        <v>48</v>
      </c>
      <c r="S21" s="102">
        <v>45</v>
      </c>
      <c r="T21" s="102">
        <v>30</v>
      </c>
      <c r="U21" s="102">
        <v>25</v>
      </c>
      <c r="V21" s="102">
        <v>29</v>
      </c>
      <c r="W21" s="103">
        <v>177</v>
      </c>
      <c r="X21" s="104">
        <v>225</v>
      </c>
      <c r="Y21" s="101">
        <v>42</v>
      </c>
      <c r="Z21" s="102">
        <v>51</v>
      </c>
      <c r="AA21" s="103">
        <v>93</v>
      </c>
      <c r="AB21" s="413">
        <v>0</v>
      </c>
      <c r="AC21" s="102">
        <v>104</v>
      </c>
      <c r="AD21" s="102">
        <v>86</v>
      </c>
      <c r="AE21" s="102">
        <v>59</v>
      </c>
      <c r="AF21" s="102">
        <v>51</v>
      </c>
      <c r="AG21" s="102">
        <v>31</v>
      </c>
      <c r="AH21" s="103">
        <v>331</v>
      </c>
      <c r="AI21" s="104">
        <v>424</v>
      </c>
      <c r="AJ21" s="101">
        <v>78</v>
      </c>
      <c r="AK21" s="102">
        <v>75</v>
      </c>
      <c r="AL21" s="103">
        <v>153</v>
      </c>
      <c r="AM21" s="413">
        <v>0</v>
      </c>
      <c r="AN21" s="102">
        <v>159</v>
      </c>
      <c r="AO21" s="102">
        <v>130</v>
      </c>
      <c r="AP21" s="102">
        <v>87</v>
      </c>
      <c r="AQ21" s="102">
        <v>69</v>
      </c>
      <c r="AR21" s="102">
        <v>53</v>
      </c>
      <c r="AS21" s="103">
        <v>498</v>
      </c>
      <c r="AT21" s="104">
        <v>651</v>
      </c>
      <c r="AU21" s="101">
        <v>134</v>
      </c>
      <c r="AV21" s="102">
        <v>128</v>
      </c>
      <c r="AW21" s="103">
        <v>262</v>
      </c>
      <c r="AX21" s="413">
        <v>0</v>
      </c>
      <c r="AY21" s="102">
        <v>286</v>
      </c>
      <c r="AZ21" s="102">
        <v>230</v>
      </c>
      <c r="BA21" s="102">
        <v>121</v>
      </c>
      <c r="BB21" s="102">
        <v>111</v>
      </c>
      <c r="BC21" s="102">
        <v>92</v>
      </c>
      <c r="BD21" s="103">
        <v>840</v>
      </c>
      <c r="BE21" s="104">
        <v>1102</v>
      </c>
      <c r="BF21" s="101">
        <v>118</v>
      </c>
      <c r="BG21" s="102">
        <v>125</v>
      </c>
      <c r="BH21" s="103">
        <v>243</v>
      </c>
      <c r="BI21" s="413">
        <v>0</v>
      </c>
      <c r="BJ21" s="102">
        <v>248</v>
      </c>
      <c r="BK21" s="102">
        <v>209</v>
      </c>
      <c r="BL21" s="102">
        <v>142</v>
      </c>
      <c r="BM21" s="102">
        <v>104</v>
      </c>
      <c r="BN21" s="102">
        <v>49</v>
      </c>
      <c r="BO21" s="103">
        <v>752</v>
      </c>
      <c r="BP21" s="104">
        <v>995</v>
      </c>
      <c r="BQ21" s="101">
        <v>62</v>
      </c>
      <c r="BR21" s="102">
        <v>63</v>
      </c>
      <c r="BS21" s="103">
        <v>125</v>
      </c>
      <c r="BT21" s="413">
        <v>0</v>
      </c>
      <c r="BU21" s="102">
        <v>145</v>
      </c>
      <c r="BV21" s="102">
        <v>127</v>
      </c>
      <c r="BW21" s="102">
        <v>91</v>
      </c>
      <c r="BX21" s="102">
        <v>72</v>
      </c>
      <c r="BY21" s="102">
        <v>37</v>
      </c>
      <c r="BZ21" s="103">
        <v>472</v>
      </c>
      <c r="CA21" s="104">
        <v>597</v>
      </c>
      <c r="CB21" s="101">
        <v>10</v>
      </c>
      <c r="CC21" s="102">
        <v>25</v>
      </c>
      <c r="CD21" s="103">
        <v>35</v>
      </c>
      <c r="CE21" s="413">
        <v>0</v>
      </c>
      <c r="CF21" s="102">
        <v>27</v>
      </c>
      <c r="CG21" s="102">
        <v>40</v>
      </c>
      <c r="CH21" s="102">
        <v>24</v>
      </c>
      <c r="CI21" s="102">
        <v>28</v>
      </c>
      <c r="CJ21" s="102">
        <v>22</v>
      </c>
      <c r="CK21" s="103">
        <v>141</v>
      </c>
      <c r="CL21" s="104">
        <v>176</v>
      </c>
      <c r="CM21" s="101">
        <v>469</v>
      </c>
      <c r="CN21" s="102">
        <v>490</v>
      </c>
      <c r="CO21" s="103">
        <v>959</v>
      </c>
      <c r="CP21" s="413">
        <v>0</v>
      </c>
      <c r="CQ21" s="102">
        <v>1017</v>
      </c>
      <c r="CR21" s="102">
        <v>867</v>
      </c>
      <c r="CS21" s="102">
        <v>554</v>
      </c>
      <c r="CT21" s="102">
        <v>460</v>
      </c>
      <c r="CU21" s="102">
        <v>313</v>
      </c>
      <c r="CV21" s="103">
        <v>3211</v>
      </c>
      <c r="CW21" s="104">
        <v>4170</v>
      </c>
      <c r="CX21" s="105">
        <v>816</v>
      </c>
      <c r="CY21" s="97">
        <v>1166</v>
      </c>
      <c r="CZ21" s="98">
        <v>1982</v>
      </c>
      <c r="DA21" s="413">
        <v>0</v>
      </c>
      <c r="DB21" s="97">
        <v>1501</v>
      </c>
      <c r="DC21" s="97">
        <v>1255</v>
      </c>
      <c r="DD21" s="97">
        <v>1023</v>
      </c>
      <c r="DE21" s="97">
        <v>991</v>
      </c>
      <c r="DF21" s="97">
        <v>648</v>
      </c>
      <c r="DG21" s="99">
        <v>5418</v>
      </c>
      <c r="DH21" s="100">
        <v>7400</v>
      </c>
      <c r="DI21" s="101">
        <v>13</v>
      </c>
      <c r="DJ21" s="102">
        <v>33</v>
      </c>
      <c r="DK21" s="103">
        <v>46</v>
      </c>
      <c r="DL21" s="413">
        <v>0</v>
      </c>
      <c r="DM21" s="102">
        <v>41</v>
      </c>
      <c r="DN21" s="102">
        <v>18</v>
      </c>
      <c r="DO21" s="102">
        <v>15</v>
      </c>
      <c r="DP21" s="102">
        <v>23</v>
      </c>
      <c r="DQ21" s="102">
        <v>16</v>
      </c>
      <c r="DR21" s="103">
        <v>113</v>
      </c>
      <c r="DS21" s="104">
        <v>159</v>
      </c>
      <c r="DT21" s="101">
        <v>71</v>
      </c>
      <c r="DU21" s="102">
        <v>85</v>
      </c>
      <c r="DV21" s="103">
        <v>156</v>
      </c>
      <c r="DW21" s="413">
        <v>0</v>
      </c>
      <c r="DX21" s="102">
        <v>89</v>
      </c>
      <c r="DY21" s="102">
        <v>72</v>
      </c>
      <c r="DZ21" s="102">
        <v>35</v>
      </c>
      <c r="EA21" s="102">
        <v>49</v>
      </c>
      <c r="EB21" s="102">
        <v>36</v>
      </c>
      <c r="EC21" s="103">
        <v>281</v>
      </c>
      <c r="ED21" s="104">
        <v>437</v>
      </c>
      <c r="EE21" s="101">
        <v>149</v>
      </c>
      <c r="EF21" s="102">
        <v>188</v>
      </c>
      <c r="EG21" s="103">
        <v>337</v>
      </c>
      <c r="EH21" s="413">
        <v>0</v>
      </c>
      <c r="EI21" s="102">
        <v>202</v>
      </c>
      <c r="EJ21" s="102">
        <v>146</v>
      </c>
      <c r="EK21" s="102">
        <v>109</v>
      </c>
      <c r="EL21" s="102">
        <v>104</v>
      </c>
      <c r="EM21" s="102">
        <v>71</v>
      </c>
      <c r="EN21" s="103">
        <v>632</v>
      </c>
      <c r="EO21" s="104">
        <v>969</v>
      </c>
      <c r="EP21" s="101">
        <v>286</v>
      </c>
      <c r="EQ21" s="102">
        <v>358</v>
      </c>
      <c r="ER21" s="103">
        <v>644</v>
      </c>
      <c r="ES21" s="413">
        <v>0</v>
      </c>
      <c r="ET21" s="102">
        <v>420</v>
      </c>
      <c r="EU21" s="102">
        <v>295</v>
      </c>
      <c r="EV21" s="102">
        <v>240</v>
      </c>
      <c r="EW21" s="102">
        <v>197</v>
      </c>
      <c r="EX21" s="102">
        <v>137</v>
      </c>
      <c r="EY21" s="103">
        <v>1289</v>
      </c>
      <c r="EZ21" s="104">
        <v>1933</v>
      </c>
      <c r="FA21" s="101">
        <v>198</v>
      </c>
      <c r="FB21" s="102">
        <v>322</v>
      </c>
      <c r="FC21" s="103">
        <v>520</v>
      </c>
      <c r="FD21" s="413">
        <v>0</v>
      </c>
      <c r="FE21" s="102">
        <v>421</v>
      </c>
      <c r="FF21" s="102">
        <v>388</v>
      </c>
      <c r="FG21" s="102">
        <v>302</v>
      </c>
      <c r="FH21" s="102">
        <v>240</v>
      </c>
      <c r="FI21" s="102">
        <v>178</v>
      </c>
      <c r="FJ21" s="103">
        <v>1529</v>
      </c>
      <c r="FK21" s="104">
        <v>2049</v>
      </c>
      <c r="FL21" s="101">
        <v>99</v>
      </c>
      <c r="FM21" s="102">
        <v>180</v>
      </c>
      <c r="FN21" s="103">
        <v>279</v>
      </c>
      <c r="FO21" s="413">
        <v>0</v>
      </c>
      <c r="FP21" s="102">
        <v>328</v>
      </c>
      <c r="FQ21" s="102">
        <v>336</v>
      </c>
      <c r="FR21" s="102">
        <v>322</v>
      </c>
      <c r="FS21" s="102">
        <v>378</v>
      </c>
      <c r="FT21" s="102">
        <v>210</v>
      </c>
      <c r="FU21" s="103">
        <v>1574</v>
      </c>
      <c r="FV21" s="104">
        <v>1853</v>
      </c>
      <c r="FW21" s="101">
        <v>18</v>
      </c>
      <c r="FX21" s="102">
        <v>11</v>
      </c>
      <c r="FY21" s="103">
        <v>29</v>
      </c>
      <c r="FZ21" s="413">
        <v>0</v>
      </c>
      <c r="GA21" s="102">
        <v>26</v>
      </c>
      <c r="GB21" s="102">
        <v>30</v>
      </c>
      <c r="GC21" s="102">
        <v>12</v>
      </c>
      <c r="GD21" s="102">
        <v>20</v>
      </c>
      <c r="GE21" s="102">
        <v>20</v>
      </c>
      <c r="GF21" s="103">
        <v>108</v>
      </c>
      <c r="GG21" s="104">
        <v>137</v>
      </c>
      <c r="GH21" s="101">
        <v>834</v>
      </c>
      <c r="GI21" s="102">
        <v>1177</v>
      </c>
      <c r="GJ21" s="103">
        <v>2011</v>
      </c>
      <c r="GK21" s="413">
        <v>0</v>
      </c>
      <c r="GL21" s="102">
        <v>1527</v>
      </c>
      <c r="GM21" s="102">
        <v>1285</v>
      </c>
      <c r="GN21" s="102">
        <v>1035</v>
      </c>
      <c r="GO21" s="102">
        <v>1011</v>
      </c>
      <c r="GP21" s="102">
        <v>668</v>
      </c>
      <c r="GQ21" s="103">
        <v>5526</v>
      </c>
      <c r="GR21" s="104">
        <v>7537</v>
      </c>
      <c r="GS21" s="105">
        <v>1275</v>
      </c>
      <c r="GT21" s="97">
        <v>1631</v>
      </c>
      <c r="GU21" s="98">
        <v>2906</v>
      </c>
      <c r="GV21" s="413">
        <v>0</v>
      </c>
      <c r="GW21" s="97">
        <v>2491</v>
      </c>
      <c r="GX21" s="97">
        <v>2082</v>
      </c>
      <c r="GY21" s="97">
        <v>1553</v>
      </c>
      <c r="GZ21" s="97">
        <v>1423</v>
      </c>
      <c r="HA21" s="97">
        <v>939</v>
      </c>
      <c r="HB21" s="99">
        <v>8488</v>
      </c>
      <c r="HC21" s="100">
        <v>11394</v>
      </c>
      <c r="HD21" s="101">
        <v>38</v>
      </c>
      <c r="HE21" s="102">
        <v>56</v>
      </c>
      <c r="HF21" s="103">
        <v>94</v>
      </c>
      <c r="HG21" s="416">
        <v>0</v>
      </c>
      <c r="HH21" s="102">
        <v>89</v>
      </c>
      <c r="HI21" s="102">
        <v>63</v>
      </c>
      <c r="HJ21" s="102">
        <v>45</v>
      </c>
      <c r="HK21" s="102">
        <v>48</v>
      </c>
      <c r="HL21" s="102">
        <v>45</v>
      </c>
      <c r="HM21" s="103">
        <v>290</v>
      </c>
      <c r="HN21" s="104">
        <v>384</v>
      </c>
      <c r="HO21" s="101">
        <v>113</v>
      </c>
      <c r="HP21" s="102">
        <v>136</v>
      </c>
      <c r="HQ21" s="103">
        <v>249</v>
      </c>
      <c r="HR21" s="413">
        <v>0</v>
      </c>
      <c r="HS21" s="102">
        <v>193</v>
      </c>
      <c r="HT21" s="102">
        <v>158</v>
      </c>
      <c r="HU21" s="102">
        <v>94</v>
      </c>
      <c r="HV21" s="102">
        <v>100</v>
      </c>
      <c r="HW21" s="102">
        <v>67</v>
      </c>
      <c r="HX21" s="103">
        <v>612</v>
      </c>
      <c r="HY21" s="104">
        <v>861</v>
      </c>
      <c r="HZ21" s="101">
        <v>227</v>
      </c>
      <c r="IA21" s="102">
        <v>263</v>
      </c>
      <c r="IB21" s="103">
        <v>490</v>
      </c>
      <c r="IC21" s="413">
        <v>0</v>
      </c>
      <c r="ID21" s="102">
        <v>361</v>
      </c>
      <c r="IE21" s="102">
        <v>276</v>
      </c>
      <c r="IF21" s="102">
        <v>196</v>
      </c>
      <c r="IG21" s="102">
        <v>173</v>
      </c>
      <c r="IH21" s="102">
        <v>124</v>
      </c>
      <c r="II21" s="103">
        <v>1130</v>
      </c>
      <c r="IJ21" s="104">
        <v>1620</v>
      </c>
      <c r="IK21" s="101">
        <v>420</v>
      </c>
      <c r="IL21" s="102">
        <v>486</v>
      </c>
      <c r="IM21" s="103">
        <v>906</v>
      </c>
      <c r="IN21" s="413">
        <v>0</v>
      </c>
      <c r="IO21" s="102">
        <v>706</v>
      </c>
      <c r="IP21" s="102">
        <v>525</v>
      </c>
      <c r="IQ21" s="102">
        <v>361</v>
      </c>
      <c r="IR21" s="102">
        <v>308</v>
      </c>
      <c r="IS21" s="102">
        <v>229</v>
      </c>
      <c r="IT21" s="103">
        <v>2129</v>
      </c>
      <c r="IU21" s="104">
        <v>3035</v>
      </c>
      <c r="IV21" s="101">
        <v>316</v>
      </c>
      <c r="IW21" s="102">
        <v>447</v>
      </c>
      <c r="IX21" s="103">
        <v>763</v>
      </c>
      <c r="IY21" s="413">
        <v>0</v>
      </c>
      <c r="IZ21" s="102">
        <v>669</v>
      </c>
      <c r="JA21" s="102">
        <v>597</v>
      </c>
      <c r="JB21" s="102">
        <v>444</v>
      </c>
      <c r="JC21" s="102">
        <v>344</v>
      </c>
      <c r="JD21" s="102">
        <v>227</v>
      </c>
      <c r="JE21" s="103">
        <v>2281</v>
      </c>
      <c r="JF21" s="104">
        <v>3044</v>
      </c>
      <c r="JG21" s="101">
        <v>161</v>
      </c>
      <c r="JH21" s="102">
        <v>243</v>
      </c>
      <c r="JI21" s="103">
        <v>404</v>
      </c>
      <c r="JJ21" s="413">
        <v>0</v>
      </c>
      <c r="JK21" s="102">
        <v>473</v>
      </c>
      <c r="JL21" s="102">
        <v>463</v>
      </c>
      <c r="JM21" s="102">
        <v>413</v>
      </c>
      <c r="JN21" s="102">
        <v>450</v>
      </c>
      <c r="JO21" s="102">
        <v>247</v>
      </c>
      <c r="JP21" s="103">
        <v>2046</v>
      </c>
      <c r="JQ21" s="104">
        <v>2450</v>
      </c>
      <c r="JR21" s="101">
        <v>28</v>
      </c>
      <c r="JS21" s="102">
        <v>36</v>
      </c>
      <c r="JT21" s="103">
        <v>64</v>
      </c>
      <c r="JU21" s="413">
        <v>0</v>
      </c>
      <c r="JV21" s="102">
        <v>53</v>
      </c>
      <c r="JW21" s="102">
        <v>70</v>
      </c>
      <c r="JX21" s="102">
        <v>36</v>
      </c>
      <c r="JY21" s="102">
        <v>48</v>
      </c>
      <c r="JZ21" s="102">
        <v>42</v>
      </c>
      <c r="KA21" s="103">
        <v>249</v>
      </c>
      <c r="KB21" s="104">
        <v>313</v>
      </c>
      <c r="KC21" s="101">
        <v>1303</v>
      </c>
      <c r="KD21" s="102">
        <v>1667</v>
      </c>
      <c r="KE21" s="103">
        <v>2970</v>
      </c>
      <c r="KF21" s="413">
        <v>0</v>
      </c>
      <c r="KG21" s="102">
        <v>2544</v>
      </c>
      <c r="KH21" s="102">
        <v>2152</v>
      </c>
      <c r="KI21" s="102">
        <v>1589</v>
      </c>
      <c r="KJ21" s="102">
        <v>1471</v>
      </c>
      <c r="KK21" s="102">
        <v>981</v>
      </c>
      <c r="KL21" s="103">
        <v>8737</v>
      </c>
      <c r="KM21" s="104">
        <v>11707</v>
      </c>
    </row>
    <row r="22" spans="2:299" s="70" customFormat="1" ht="21" customHeight="1" x14ac:dyDescent="0.2">
      <c r="B22" s="106" t="s">
        <v>19</v>
      </c>
      <c r="C22" s="96">
        <v>236</v>
      </c>
      <c r="D22" s="97">
        <v>168</v>
      </c>
      <c r="E22" s="98">
        <v>404</v>
      </c>
      <c r="F22" s="413">
        <v>0</v>
      </c>
      <c r="G22" s="97">
        <v>399</v>
      </c>
      <c r="H22" s="97">
        <v>324</v>
      </c>
      <c r="I22" s="97">
        <v>224</v>
      </c>
      <c r="J22" s="97">
        <v>144</v>
      </c>
      <c r="K22" s="97">
        <v>104</v>
      </c>
      <c r="L22" s="99">
        <v>1195</v>
      </c>
      <c r="M22" s="100">
        <v>1599</v>
      </c>
      <c r="N22" s="107">
        <v>6</v>
      </c>
      <c r="O22" s="102">
        <v>10</v>
      </c>
      <c r="P22" s="103">
        <v>16</v>
      </c>
      <c r="Q22" s="413">
        <v>0</v>
      </c>
      <c r="R22" s="102">
        <v>17</v>
      </c>
      <c r="S22" s="102">
        <v>10</v>
      </c>
      <c r="T22" s="102">
        <v>14</v>
      </c>
      <c r="U22" s="102">
        <v>5</v>
      </c>
      <c r="V22" s="102">
        <v>9</v>
      </c>
      <c r="W22" s="103">
        <v>55</v>
      </c>
      <c r="X22" s="104">
        <v>71</v>
      </c>
      <c r="Y22" s="101">
        <v>19</v>
      </c>
      <c r="Z22" s="102">
        <v>20</v>
      </c>
      <c r="AA22" s="103">
        <v>39</v>
      </c>
      <c r="AB22" s="413">
        <v>0</v>
      </c>
      <c r="AC22" s="102">
        <v>41</v>
      </c>
      <c r="AD22" s="102">
        <v>33</v>
      </c>
      <c r="AE22" s="102">
        <v>23</v>
      </c>
      <c r="AF22" s="102">
        <v>13</v>
      </c>
      <c r="AG22" s="102">
        <v>12</v>
      </c>
      <c r="AH22" s="103">
        <v>122</v>
      </c>
      <c r="AI22" s="104">
        <v>161</v>
      </c>
      <c r="AJ22" s="107">
        <v>36</v>
      </c>
      <c r="AK22" s="102">
        <v>26</v>
      </c>
      <c r="AL22" s="103">
        <v>62</v>
      </c>
      <c r="AM22" s="413">
        <v>0</v>
      </c>
      <c r="AN22" s="102">
        <v>73</v>
      </c>
      <c r="AO22" s="102">
        <v>62</v>
      </c>
      <c r="AP22" s="102">
        <v>35</v>
      </c>
      <c r="AQ22" s="102">
        <v>30</v>
      </c>
      <c r="AR22" s="102">
        <v>14</v>
      </c>
      <c r="AS22" s="103">
        <v>214</v>
      </c>
      <c r="AT22" s="104">
        <v>276</v>
      </c>
      <c r="AU22" s="101">
        <v>64</v>
      </c>
      <c r="AV22" s="102">
        <v>41</v>
      </c>
      <c r="AW22" s="103">
        <v>105</v>
      </c>
      <c r="AX22" s="413">
        <v>0</v>
      </c>
      <c r="AY22" s="102">
        <v>97</v>
      </c>
      <c r="AZ22" s="102">
        <v>87</v>
      </c>
      <c r="BA22" s="102">
        <v>58</v>
      </c>
      <c r="BB22" s="102">
        <v>39</v>
      </c>
      <c r="BC22" s="102">
        <v>24</v>
      </c>
      <c r="BD22" s="103">
        <v>305</v>
      </c>
      <c r="BE22" s="104">
        <v>410</v>
      </c>
      <c r="BF22" s="107">
        <v>70</v>
      </c>
      <c r="BG22" s="102">
        <v>33</v>
      </c>
      <c r="BH22" s="103">
        <v>103</v>
      </c>
      <c r="BI22" s="413">
        <v>0</v>
      </c>
      <c r="BJ22" s="102">
        <v>97</v>
      </c>
      <c r="BK22" s="102">
        <v>78</v>
      </c>
      <c r="BL22" s="102">
        <v>50</v>
      </c>
      <c r="BM22" s="102">
        <v>38</v>
      </c>
      <c r="BN22" s="102">
        <v>33</v>
      </c>
      <c r="BO22" s="103">
        <v>296</v>
      </c>
      <c r="BP22" s="104">
        <v>399</v>
      </c>
      <c r="BQ22" s="101">
        <v>41</v>
      </c>
      <c r="BR22" s="102">
        <v>38</v>
      </c>
      <c r="BS22" s="103">
        <v>79</v>
      </c>
      <c r="BT22" s="413">
        <v>0</v>
      </c>
      <c r="BU22" s="102">
        <v>74</v>
      </c>
      <c r="BV22" s="102">
        <v>54</v>
      </c>
      <c r="BW22" s="102">
        <v>44</v>
      </c>
      <c r="BX22" s="102">
        <v>19</v>
      </c>
      <c r="BY22" s="102">
        <v>12</v>
      </c>
      <c r="BZ22" s="103">
        <v>203</v>
      </c>
      <c r="CA22" s="104">
        <v>282</v>
      </c>
      <c r="CB22" s="101">
        <v>7</v>
      </c>
      <c r="CC22" s="102">
        <v>7</v>
      </c>
      <c r="CD22" s="103">
        <v>14</v>
      </c>
      <c r="CE22" s="413">
        <v>0</v>
      </c>
      <c r="CF22" s="102">
        <v>21</v>
      </c>
      <c r="CG22" s="102">
        <v>8</v>
      </c>
      <c r="CH22" s="102">
        <v>13</v>
      </c>
      <c r="CI22" s="102">
        <v>7</v>
      </c>
      <c r="CJ22" s="102">
        <v>5</v>
      </c>
      <c r="CK22" s="103">
        <v>54</v>
      </c>
      <c r="CL22" s="104">
        <v>68</v>
      </c>
      <c r="CM22" s="101">
        <v>243</v>
      </c>
      <c r="CN22" s="102">
        <v>175</v>
      </c>
      <c r="CO22" s="103">
        <v>418</v>
      </c>
      <c r="CP22" s="413">
        <v>0</v>
      </c>
      <c r="CQ22" s="102">
        <v>420</v>
      </c>
      <c r="CR22" s="102">
        <v>332</v>
      </c>
      <c r="CS22" s="102">
        <v>237</v>
      </c>
      <c r="CT22" s="102">
        <v>151</v>
      </c>
      <c r="CU22" s="102">
        <v>109</v>
      </c>
      <c r="CV22" s="103">
        <v>1249</v>
      </c>
      <c r="CW22" s="104">
        <v>1667</v>
      </c>
      <c r="CX22" s="105">
        <v>397</v>
      </c>
      <c r="CY22" s="97">
        <v>416</v>
      </c>
      <c r="CZ22" s="98">
        <v>813</v>
      </c>
      <c r="DA22" s="413">
        <v>0</v>
      </c>
      <c r="DB22" s="97">
        <v>679</v>
      </c>
      <c r="DC22" s="97">
        <v>499</v>
      </c>
      <c r="DD22" s="97">
        <v>432</v>
      </c>
      <c r="DE22" s="97">
        <v>327</v>
      </c>
      <c r="DF22" s="97">
        <v>258</v>
      </c>
      <c r="DG22" s="99">
        <v>2195</v>
      </c>
      <c r="DH22" s="100">
        <v>3008</v>
      </c>
      <c r="DI22" s="107">
        <v>11</v>
      </c>
      <c r="DJ22" s="102">
        <v>6</v>
      </c>
      <c r="DK22" s="103">
        <v>17</v>
      </c>
      <c r="DL22" s="413">
        <v>0</v>
      </c>
      <c r="DM22" s="102">
        <v>12</v>
      </c>
      <c r="DN22" s="102">
        <v>15</v>
      </c>
      <c r="DO22" s="102">
        <v>9</v>
      </c>
      <c r="DP22" s="102">
        <v>3</v>
      </c>
      <c r="DQ22" s="102">
        <v>1</v>
      </c>
      <c r="DR22" s="103">
        <v>40</v>
      </c>
      <c r="DS22" s="104">
        <v>57</v>
      </c>
      <c r="DT22" s="101">
        <v>28</v>
      </c>
      <c r="DU22" s="102">
        <v>30</v>
      </c>
      <c r="DV22" s="103">
        <v>58</v>
      </c>
      <c r="DW22" s="413">
        <v>0</v>
      </c>
      <c r="DX22" s="102">
        <v>37</v>
      </c>
      <c r="DY22" s="102">
        <v>28</v>
      </c>
      <c r="DZ22" s="102">
        <v>15</v>
      </c>
      <c r="EA22" s="102">
        <v>11</v>
      </c>
      <c r="EB22" s="102">
        <v>18</v>
      </c>
      <c r="EC22" s="103">
        <v>109</v>
      </c>
      <c r="ED22" s="104">
        <v>167</v>
      </c>
      <c r="EE22" s="107">
        <v>63</v>
      </c>
      <c r="EF22" s="102">
        <v>63</v>
      </c>
      <c r="EG22" s="103">
        <v>126</v>
      </c>
      <c r="EH22" s="413">
        <v>0</v>
      </c>
      <c r="EI22" s="102">
        <v>85</v>
      </c>
      <c r="EJ22" s="102">
        <v>50</v>
      </c>
      <c r="EK22" s="102">
        <v>39</v>
      </c>
      <c r="EL22" s="102">
        <v>29</v>
      </c>
      <c r="EM22" s="102">
        <v>22</v>
      </c>
      <c r="EN22" s="103">
        <v>225</v>
      </c>
      <c r="EO22" s="104">
        <v>351</v>
      </c>
      <c r="EP22" s="101">
        <v>125</v>
      </c>
      <c r="EQ22" s="102">
        <v>117</v>
      </c>
      <c r="ER22" s="103">
        <v>242</v>
      </c>
      <c r="ES22" s="413">
        <v>0</v>
      </c>
      <c r="ET22" s="102">
        <v>175</v>
      </c>
      <c r="EU22" s="102">
        <v>122</v>
      </c>
      <c r="EV22" s="102">
        <v>87</v>
      </c>
      <c r="EW22" s="102">
        <v>70</v>
      </c>
      <c r="EX22" s="102">
        <v>50</v>
      </c>
      <c r="EY22" s="103">
        <v>504</v>
      </c>
      <c r="EZ22" s="104">
        <v>746</v>
      </c>
      <c r="FA22" s="107">
        <v>116</v>
      </c>
      <c r="FB22" s="102">
        <v>109</v>
      </c>
      <c r="FC22" s="103">
        <v>225</v>
      </c>
      <c r="FD22" s="413">
        <v>0</v>
      </c>
      <c r="FE22" s="102">
        <v>202</v>
      </c>
      <c r="FF22" s="102">
        <v>152</v>
      </c>
      <c r="FG22" s="102">
        <v>124</v>
      </c>
      <c r="FH22" s="102">
        <v>86</v>
      </c>
      <c r="FI22" s="102">
        <v>62</v>
      </c>
      <c r="FJ22" s="103">
        <v>626</v>
      </c>
      <c r="FK22" s="104">
        <v>851</v>
      </c>
      <c r="FL22" s="101">
        <v>54</v>
      </c>
      <c r="FM22" s="102">
        <v>91</v>
      </c>
      <c r="FN22" s="103">
        <v>145</v>
      </c>
      <c r="FO22" s="413">
        <v>0</v>
      </c>
      <c r="FP22" s="102">
        <v>168</v>
      </c>
      <c r="FQ22" s="102">
        <v>132</v>
      </c>
      <c r="FR22" s="102">
        <v>158</v>
      </c>
      <c r="FS22" s="102">
        <v>128</v>
      </c>
      <c r="FT22" s="102">
        <v>105</v>
      </c>
      <c r="FU22" s="103">
        <v>691</v>
      </c>
      <c r="FV22" s="104">
        <v>836</v>
      </c>
      <c r="FW22" s="101">
        <v>4</v>
      </c>
      <c r="FX22" s="102">
        <v>7</v>
      </c>
      <c r="FY22" s="103">
        <v>11</v>
      </c>
      <c r="FZ22" s="413">
        <v>0</v>
      </c>
      <c r="GA22" s="102">
        <v>5</v>
      </c>
      <c r="GB22" s="102">
        <v>12</v>
      </c>
      <c r="GC22" s="102">
        <v>6</v>
      </c>
      <c r="GD22" s="102">
        <v>6</v>
      </c>
      <c r="GE22" s="102">
        <v>3</v>
      </c>
      <c r="GF22" s="103">
        <v>32</v>
      </c>
      <c r="GG22" s="104">
        <v>43</v>
      </c>
      <c r="GH22" s="101">
        <v>401</v>
      </c>
      <c r="GI22" s="102">
        <v>423</v>
      </c>
      <c r="GJ22" s="103">
        <v>824</v>
      </c>
      <c r="GK22" s="413">
        <v>0</v>
      </c>
      <c r="GL22" s="102">
        <v>684</v>
      </c>
      <c r="GM22" s="102">
        <v>511</v>
      </c>
      <c r="GN22" s="102">
        <v>438</v>
      </c>
      <c r="GO22" s="102">
        <v>333</v>
      </c>
      <c r="GP22" s="102">
        <v>261</v>
      </c>
      <c r="GQ22" s="103">
        <v>2227</v>
      </c>
      <c r="GR22" s="104">
        <v>3051</v>
      </c>
      <c r="GS22" s="105">
        <v>633</v>
      </c>
      <c r="GT22" s="97">
        <v>584</v>
      </c>
      <c r="GU22" s="98">
        <v>1217</v>
      </c>
      <c r="GV22" s="413">
        <v>0</v>
      </c>
      <c r="GW22" s="97">
        <v>1078</v>
      </c>
      <c r="GX22" s="97">
        <v>823</v>
      </c>
      <c r="GY22" s="97">
        <v>656</v>
      </c>
      <c r="GZ22" s="97">
        <v>471</v>
      </c>
      <c r="HA22" s="97">
        <v>362</v>
      </c>
      <c r="HB22" s="99">
        <v>3390</v>
      </c>
      <c r="HC22" s="100">
        <v>4607</v>
      </c>
      <c r="HD22" s="107">
        <v>17</v>
      </c>
      <c r="HE22" s="102">
        <v>16</v>
      </c>
      <c r="HF22" s="103">
        <v>33</v>
      </c>
      <c r="HG22" s="416">
        <v>0</v>
      </c>
      <c r="HH22" s="102">
        <v>29</v>
      </c>
      <c r="HI22" s="102">
        <v>25</v>
      </c>
      <c r="HJ22" s="102">
        <v>23</v>
      </c>
      <c r="HK22" s="102">
        <v>8</v>
      </c>
      <c r="HL22" s="102">
        <v>10</v>
      </c>
      <c r="HM22" s="103">
        <v>95</v>
      </c>
      <c r="HN22" s="104">
        <v>128</v>
      </c>
      <c r="HO22" s="101">
        <v>47</v>
      </c>
      <c r="HP22" s="102">
        <v>50</v>
      </c>
      <c r="HQ22" s="103">
        <v>97</v>
      </c>
      <c r="HR22" s="413">
        <v>0</v>
      </c>
      <c r="HS22" s="102">
        <v>78</v>
      </c>
      <c r="HT22" s="102">
        <v>61</v>
      </c>
      <c r="HU22" s="102">
        <v>38</v>
      </c>
      <c r="HV22" s="102">
        <v>24</v>
      </c>
      <c r="HW22" s="102">
        <v>30</v>
      </c>
      <c r="HX22" s="103">
        <v>231</v>
      </c>
      <c r="HY22" s="104">
        <v>328</v>
      </c>
      <c r="HZ22" s="107">
        <v>99</v>
      </c>
      <c r="IA22" s="102">
        <v>89</v>
      </c>
      <c r="IB22" s="103">
        <v>188</v>
      </c>
      <c r="IC22" s="413">
        <v>0</v>
      </c>
      <c r="ID22" s="102">
        <v>158</v>
      </c>
      <c r="IE22" s="102">
        <v>112</v>
      </c>
      <c r="IF22" s="102">
        <v>74</v>
      </c>
      <c r="IG22" s="102">
        <v>59</v>
      </c>
      <c r="IH22" s="102">
        <v>36</v>
      </c>
      <c r="II22" s="103">
        <v>439</v>
      </c>
      <c r="IJ22" s="104">
        <v>627</v>
      </c>
      <c r="IK22" s="101">
        <v>189</v>
      </c>
      <c r="IL22" s="102">
        <v>158</v>
      </c>
      <c r="IM22" s="103">
        <v>347</v>
      </c>
      <c r="IN22" s="413">
        <v>0</v>
      </c>
      <c r="IO22" s="102">
        <v>272</v>
      </c>
      <c r="IP22" s="102">
        <v>209</v>
      </c>
      <c r="IQ22" s="102">
        <v>145</v>
      </c>
      <c r="IR22" s="102">
        <v>109</v>
      </c>
      <c r="IS22" s="102">
        <v>74</v>
      </c>
      <c r="IT22" s="103">
        <v>809</v>
      </c>
      <c r="IU22" s="104">
        <v>1156</v>
      </c>
      <c r="IV22" s="107">
        <v>186</v>
      </c>
      <c r="IW22" s="102">
        <v>142</v>
      </c>
      <c r="IX22" s="103">
        <v>328</v>
      </c>
      <c r="IY22" s="413">
        <v>0</v>
      </c>
      <c r="IZ22" s="102">
        <v>299</v>
      </c>
      <c r="JA22" s="102">
        <v>230</v>
      </c>
      <c r="JB22" s="102">
        <v>174</v>
      </c>
      <c r="JC22" s="102">
        <v>124</v>
      </c>
      <c r="JD22" s="102">
        <v>95</v>
      </c>
      <c r="JE22" s="103">
        <v>922</v>
      </c>
      <c r="JF22" s="104">
        <v>1250</v>
      </c>
      <c r="JG22" s="101">
        <v>95</v>
      </c>
      <c r="JH22" s="102">
        <v>129</v>
      </c>
      <c r="JI22" s="103">
        <v>224</v>
      </c>
      <c r="JJ22" s="413">
        <v>0</v>
      </c>
      <c r="JK22" s="102">
        <v>242</v>
      </c>
      <c r="JL22" s="102">
        <v>186</v>
      </c>
      <c r="JM22" s="102">
        <v>202</v>
      </c>
      <c r="JN22" s="102">
        <v>147</v>
      </c>
      <c r="JO22" s="102">
        <v>117</v>
      </c>
      <c r="JP22" s="103">
        <v>894</v>
      </c>
      <c r="JQ22" s="104">
        <v>1118</v>
      </c>
      <c r="JR22" s="101">
        <v>11</v>
      </c>
      <c r="JS22" s="102">
        <v>14</v>
      </c>
      <c r="JT22" s="103">
        <v>25</v>
      </c>
      <c r="JU22" s="413">
        <v>0</v>
      </c>
      <c r="JV22" s="102">
        <v>26</v>
      </c>
      <c r="JW22" s="102">
        <v>20</v>
      </c>
      <c r="JX22" s="102">
        <v>19</v>
      </c>
      <c r="JY22" s="102">
        <v>13</v>
      </c>
      <c r="JZ22" s="102">
        <v>8</v>
      </c>
      <c r="KA22" s="103">
        <v>86</v>
      </c>
      <c r="KB22" s="104">
        <v>111</v>
      </c>
      <c r="KC22" s="101">
        <v>644</v>
      </c>
      <c r="KD22" s="102">
        <v>598</v>
      </c>
      <c r="KE22" s="103">
        <v>1242</v>
      </c>
      <c r="KF22" s="413">
        <v>0</v>
      </c>
      <c r="KG22" s="102">
        <v>1104</v>
      </c>
      <c r="KH22" s="102">
        <v>843</v>
      </c>
      <c r="KI22" s="102">
        <v>675</v>
      </c>
      <c r="KJ22" s="102">
        <v>484</v>
      </c>
      <c r="KK22" s="102">
        <v>370</v>
      </c>
      <c r="KL22" s="103">
        <v>3476</v>
      </c>
      <c r="KM22" s="104">
        <v>4718</v>
      </c>
    </row>
    <row r="23" spans="2:299" s="70" customFormat="1" ht="21" customHeight="1" x14ac:dyDescent="0.2">
      <c r="B23" s="106" t="s">
        <v>20</v>
      </c>
      <c r="C23" s="96">
        <v>289</v>
      </c>
      <c r="D23" s="97">
        <v>288</v>
      </c>
      <c r="E23" s="98">
        <v>577</v>
      </c>
      <c r="F23" s="413">
        <v>0</v>
      </c>
      <c r="G23" s="97">
        <v>666</v>
      </c>
      <c r="H23" s="97">
        <v>389</v>
      </c>
      <c r="I23" s="97">
        <v>297</v>
      </c>
      <c r="J23" s="97">
        <v>233</v>
      </c>
      <c r="K23" s="97">
        <v>120</v>
      </c>
      <c r="L23" s="99">
        <v>1705</v>
      </c>
      <c r="M23" s="100">
        <v>2282</v>
      </c>
      <c r="N23" s="101">
        <v>6</v>
      </c>
      <c r="O23" s="102">
        <v>5</v>
      </c>
      <c r="P23" s="103">
        <v>11</v>
      </c>
      <c r="Q23" s="413">
        <v>0</v>
      </c>
      <c r="R23" s="102">
        <v>35</v>
      </c>
      <c r="S23" s="102">
        <v>22</v>
      </c>
      <c r="T23" s="102">
        <v>14</v>
      </c>
      <c r="U23" s="102">
        <v>13</v>
      </c>
      <c r="V23" s="102">
        <v>10</v>
      </c>
      <c r="W23" s="103">
        <v>94</v>
      </c>
      <c r="X23" s="104">
        <v>105</v>
      </c>
      <c r="Y23" s="101">
        <v>30</v>
      </c>
      <c r="Z23" s="102">
        <v>16</v>
      </c>
      <c r="AA23" s="103">
        <v>46</v>
      </c>
      <c r="AB23" s="413">
        <v>0</v>
      </c>
      <c r="AC23" s="102">
        <v>62</v>
      </c>
      <c r="AD23" s="102">
        <v>36</v>
      </c>
      <c r="AE23" s="102">
        <v>28</v>
      </c>
      <c r="AF23" s="102">
        <v>32</v>
      </c>
      <c r="AG23" s="102">
        <v>10</v>
      </c>
      <c r="AH23" s="103">
        <v>168</v>
      </c>
      <c r="AI23" s="104">
        <v>214</v>
      </c>
      <c r="AJ23" s="101">
        <v>46</v>
      </c>
      <c r="AK23" s="102">
        <v>53</v>
      </c>
      <c r="AL23" s="103">
        <v>99</v>
      </c>
      <c r="AM23" s="413">
        <v>0</v>
      </c>
      <c r="AN23" s="102">
        <v>103</v>
      </c>
      <c r="AO23" s="102">
        <v>65</v>
      </c>
      <c r="AP23" s="102">
        <v>50</v>
      </c>
      <c r="AQ23" s="102">
        <v>43</v>
      </c>
      <c r="AR23" s="102">
        <v>25</v>
      </c>
      <c r="AS23" s="103">
        <v>286</v>
      </c>
      <c r="AT23" s="104">
        <v>385</v>
      </c>
      <c r="AU23" s="101">
        <v>87</v>
      </c>
      <c r="AV23" s="102">
        <v>90</v>
      </c>
      <c r="AW23" s="103">
        <v>177</v>
      </c>
      <c r="AX23" s="413">
        <v>0</v>
      </c>
      <c r="AY23" s="102">
        <v>200</v>
      </c>
      <c r="AZ23" s="102">
        <v>104</v>
      </c>
      <c r="BA23" s="102">
        <v>87</v>
      </c>
      <c r="BB23" s="102">
        <v>67</v>
      </c>
      <c r="BC23" s="102">
        <v>27</v>
      </c>
      <c r="BD23" s="103">
        <v>485</v>
      </c>
      <c r="BE23" s="104">
        <v>662</v>
      </c>
      <c r="BF23" s="101">
        <v>79</v>
      </c>
      <c r="BG23" s="102">
        <v>85</v>
      </c>
      <c r="BH23" s="103">
        <v>164</v>
      </c>
      <c r="BI23" s="413">
        <v>0</v>
      </c>
      <c r="BJ23" s="102">
        <v>175</v>
      </c>
      <c r="BK23" s="102">
        <v>98</v>
      </c>
      <c r="BL23" s="102">
        <v>81</v>
      </c>
      <c r="BM23" s="102">
        <v>48</v>
      </c>
      <c r="BN23" s="102">
        <v>32</v>
      </c>
      <c r="BO23" s="103">
        <v>434</v>
      </c>
      <c r="BP23" s="104">
        <v>598</v>
      </c>
      <c r="BQ23" s="101">
        <v>41</v>
      </c>
      <c r="BR23" s="102">
        <v>39</v>
      </c>
      <c r="BS23" s="103">
        <v>80</v>
      </c>
      <c r="BT23" s="413">
        <v>0</v>
      </c>
      <c r="BU23" s="102">
        <v>91</v>
      </c>
      <c r="BV23" s="102">
        <v>64</v>
      </c>
      <c r="BW23" s="102">
        <v>37</v>
      </c>
      <c r="BX23" s="102">
        <v>30</v>
      </c>
      <c r="BY23" s="102">
        <v>16</v>
      </c>
      <c r="BZ23" s="103">
        <v>238</v>
      </c>
      <c r="CA23" s="104">
        <v>318</v>
      </c>
      <c r="CB23" s="101">
        <v>9</v>
      </c>
      <c r="CC23" s="102">
        <v>7</v>
      </c>
      <c r="CD23" s="103">
        <v>16</v>
      </c>
      <c r="CE23" s="413">
        <v>0</v>
      </c>
      <c r="CF23" s="102">
        <v>17</v>
      </c>
      <c r="CG23" s="102">
        <v>16</v>
      </c>
      <c r="CH23" s="102">
        <v>16</v>
      </c>
      <c r="CI23" s="102">
        <v>9</v>
      </c>
      <c r="CJ23" s="102">
        <v>11</v>
      </c>
      <c r="CK23" s="103">
        <v>69</v>
      </c>
      <c r="CL23" s="104">
        <v>85</v>
      </c>
      <c r="CM23" s="101">
        <v>298</v>
      </c>
      <c r="CN23" s="102">
        <v>295</v>
      </c>
      <c r="CO23" s="103">
        <v>593</v>
      </c>
      <c r="CP23" s="413">
        <v>0</v>
      </c>
      <c r="CQ23" s="102">
        <v>683</v>
      </c>
      <c r="CR23" s="102">
        <v>405</v>
      </c>
      <c r="CS23" s="102">
        <v>313</v>
      </c>
      <c r="CT23" s="102">
        <v>242</v>
      </c>
      <c r="CU23" s="102">
        <v>131</v>
      </c>
      <c r="CV23" s="103">
        <v>1774</v>
      </c>
      <c r="CW23" s="104">
        <v>2367</v>
      </c>
      <c r="CX23" s="105">
        <v>517</v>
      </c>
      <c r="CY23" s="97">
        <v>638</v>
      </c>
      <c r="CZ23" s="98">
        <v>1155</v>
      </c>
      <c r="DA23" s="413">
        <v>0</v>
      </c>
      <c r="DB23" s="97">
        <v>948</v>
      </c>
      <c r="DC23" s="97">
        <v>586</v>
      </c>
      <c r="DD23" s="97">
        <v>508</v>
      </c>
      <c r="DE23" s="97">
        <v>451</v>
      </c>
      <c r="DF23" s="97">
        <v>286</v>
      </c>
      <c r="DG23" s="99">
        <v>2779</v>
      </c>
      <c r="DH23" s="100">
        <v>3934</v>
      </c>
      <c r="DI23" s="101">
        <v>11</v>
      </c>
      <c r="DJ23" s="102">
        <v>12</v>
      </c>
      <c r="DK23" s="103">
        <v>23</v>
      </c>
      <c r="DL23" s="413">
        <v>0</v>
      </c>
      <c r="DM23" s="102">
        <v>22</v>
      </c>
      <c r="DN23" s="102">
        <v>20</v>
      </c>
      <c r="DO23" s="102">
        <v>5</v>
      </c>
      <c r="DP23" s="102">
        <v>12</v>
      </c>
      <c r="DQ23" s="102">
        <v>7</v>
      </c>
      <c r="DR23" s="103">
        <v>66</v>
      </c>
      <c r="DS23" s="104">
        <v>89</v>
      </c>
      <c r="DT23" s="101">
        <v>33</v>
      </c>
      <c r="DU23" s="102">
        <v>43</v>
      </c>
      <c r="DV23" s="103">
        <v>76</v>
      </c>
      <c r="DW23" s="413">
        <v>0</v>
      </c>
      <c r="DX23" s="102">
        <v>53</v>
      </c>
      <c r="DY23" s="102">
        <v>29</v>
      </c>
      <c r="DZ23" s="102">
        <v>19</v>
      </c>
      <c r="EA23" s="102">
        <v>20</v>
      </c>
      <c r="EB23" s="102">
        <v>21</v>
      </c>
      <c r="EC23" s="103">
        <v>142</v>
      </c>
      <c r="ED23" s="104">
        <v>218</v>
      </c>
      <c r="EE23" s="101">
        <v>83</v>
      </c>
      <c r="EF23" s="102">
        <v>98</v>
      </c>
      <c r="EG23" s="103">
        <v>181</v>
      </c>
      <c r="EH23" s="413">
        <v>0</v>
      </c>
      <c r="EI23" s="102">
        <v>159</v>
      </c>
      <c r="EJ23" s="102">
        <v>71</v>
      </c>
      <c r="EK23" s="102">
        <v>57</v>
      </c>
      <c r="EL23" s="102">
        <v>48</v>
      </c>
      <c r="EM23" s="102">
        <v>32</v>
      </c>
      <c r="EN23" s="103">
        <v>367</v>
      </c>
      <c r="EO23" s="104">
        <v>548</v>
      </c>
      <c r="EP23" s="101">
        <v>190</v>
      </c>
      <c r="EQ23" s="102">
        <v>191</v>
      </c>
      <c r="ER23" s="103">
        <v>381</v>
      </c>
      <c r="ES23" s="413">
        <v>0</v>
      </c>
      <c r="ET23" s="102">
        <v>241</v>
      </c>
      <c r="EU23" s="102">
        <v>149</v>
      </c>
      <c r="EV23" s="102">
        <v>112</v>
      </c>
      <c r="EW23" s="102">
        <v>84</v>
      </c>
      <c r="EX23" s="102">
        <v>57</v>
      </c>
      <c r="EY23" s="103">
        <v>643</v>
      </c>
      <c r="EZ23" s="104">
        <v>1024</v>
      </c>
      <c r="FA23" s="101">
        <v>141</v>
      </c>
      <c r="FB23" s="102">
        <v>179</v>
      </c>
      <c r="FC23" s="103">
        <v>320</v>
      </c>
      <c r="FD23" s="413">
        <v>0</v>
      </c>
      <c r="FE23" s="102">
        <v>262</v>
      </c>
      <c r="FF23" s="102">
        <v>147</v>
      </c>
      <c r="FG23" s="102">
        <v>131</v>
      </c>
      <c r="FH23" s="102">
        <v>118</v>
      </c>
      <c r="FI23" s="102">
        <v>74</v>
      </c>
      <c r="FJ23" s="103">
        <v>732</v>
      </c>
      <c r="FK23" s="104">
        <v>1052</v>
      </c>
      <c r="FL23" s="101">
        <v>59</v>
      </c>
      <c r="FM23" s="102">
        <v>115</v>
      </c>
      <c r="FN23" s="103">
        <v>174</v>
      </c>
      <c r="FO23" s="413">
        <v>0</v>
      </c>
      <c r="FP23" s="102">
        <v>211</v>
      </c>
      <c r="FQ23" s="102">
        <v>170</v>
      </c>
      <c r="FR23" s="102">
        <v>184</v>
      </c>
      <c r="FS23" s="102">
        <v>169</v>
      </c>
      <c r="FT23" s="102">
        <v>95</v>
      </c>
      <c r="FU23" s="103">
        <v>829</v>
      </c>
      <c r="FV23" s="104">
        <v>1003</v>
      </c>
      <c r="FW23" s="101">
        <v>5</v>
      </c>
      <c r="FX23" s="102">
        <v>13</v>
      </c>
      <c r="FY23" s="103">
        <v>18</v>
      </c>
      <c r="FZ23" s="413">
        <v>0</v>
      </c>
      <c r="GA23" s="102">
        <v>20</v>
      </c>
      <c r="GB23" s="102">
        <v>7</v>
      </c>
      <c r="GC23" s="102">
        <v>7</v>
      </c>
      <c r="GD23" s="102">
        <v>11</v>
      </c>
      <c r="GE23" s="102">
        <v>6</v>
      </c>
      <c r="GF23" s="103">
        <v>51</v>
      </c>
      <c r="GG23" s="104">
        <v>69</v>
      </c>
      <c r="GH23" s="101">
        <v>522</v>
      </c>
      <c r="GI23" s="102">
        <v>651</v>
      </c>
      <c r="GJ23" s="103">
        <v>1173</v>
      </c>
      <c r="GK23" s="413">
        <v>0</v>
      </c>
      <c r="GL23" s="102">
        <v>968</v>
      </c>
      <c r="GM23" s="102">
        <v>593</v>
      </c>
      <c r="GN23" s="102">
        <v>515</v>
      </c>
      <c r="GO23" s="102">
        <v>462</v>
      </c>
      <c r="GP23" s="102">
        <v>292</v>
      </c>
      <c r="GQ23" s="103">
        <v>2830</v>
      </c>
      <c r="GR23" s="104">
        <v>4003</v>
      </c>
      <c r="GS23" s="105">
        <v>806</v>
      </c>
      <c r="GT23" s="97">
        <v>926</v>
      </c>
      <c r="GU23" s="98">
        <v>1732</v>
      </c>
      <c r="GV23" s="413">
        <v>0</v>
      </c>
      <c r="GW23" s="97">
        <v>1614</v>
      </c>
      <c r="GX23" s="97">
        <v>975</v>
      </c>
      <c r="GY23" s="97">
        <v>805</v>
      </c>
      <c r="GZ23" s="97">
        <v>684</v>
      </c>
      <c r="HA23" s="97">
        <v>406</v>
      </c>
      <c r="HB23" s="99">
        <v>4484</v>
      </c>
      <c r="HC23" s="100">
        <v>6216</v>
      </c>
      <c r="HD23" s="101">
        <v>17</v>
      </c>
      <c r="HE23" s="102">
        <v>17</v>
      </c>
      <c r="HF23" s="103">
        <v>34</v>
      </c>
      <c r="HG23" s="416">
        <v>0</v>
      </c>
      <c r="HH23" s="102">
        <v>57</v>
      </c>
      <c r="HI23" s="102">
        <v>42</v>
      </c>
      <c r="HJ23" s="102">
        <v>19</v>
      </c>
      <c r="HK23" s="102">
        <v>25</v>
      </c>
      <c r="HL23" s="102">
        <v>17</v>
      </c>
      <c r="HM23" s="103">
        <v>160</v>
      </c>
      <c r="HN23" s="104">
        <v>194</v>
      </c>
      <c r="HO23" s="101">
        <v>63</v>
      </c>
      <c r="HP23" s="102">
        <v>59</v>
      </c>
      <c r="HQ23" s="103">
        <v>122</v>
      </c>
      <c r="HR23" s="413">
        <v>0</v>
      </c>
      <c r="HS23" s="102">
        <v>115</v>
      </c>
      <c r="HT23" s="102">
        <v>65</v>
      </c>
      <c r="HU23" s="102">
        <v>47</v>
      </c>
      <c r="HV23" s="102">
        <v>52</v>
      </c>
      <c r="HW23" s="102">
        <v>31</v>
      </c>
      <c r="HX23" s="103">
        <v>310</v>
      </c>
      <c r="HY23" s="104">
        <v>432</v>
      </c>
      <c r="HZ23" s="101">
        <v>129</v>
      </c>
      <c r="IA23" s="102">
        <v>151</v>
      </c>
      <c r="IB23" s="103">
        <v>280</v>
      </c>
      <c r="IC23" s="413">
        <v>0</v>
      </c>
      <c r="ID23" s="102">
        <v>262</v>
      </c>
      <c r="IE23" s="102">
        <v>136</v>
      </c>
      <c r="IF23" s="102">
        <v>107</v>
      </c>
      <c r="IG23" s="102">
        <v>91</v>
      </c>
      <c r="IH23" s="102">
        <v>57</v>
      </c>
      <c r="II23" s="103">
        <v>653</v>
      </c>
      <c r="IJ23" s="104">
        <v>933</v>
      </c>
      <c r="IK23" s="101">
        <v>277</v>
      </c>
      <c r="IL23" s="102">
        <v>281</v>
      </c>
      <c r="IM23" s="103">
        <v>558</v>
      </c>
      <c r="IN23" s="413">
        <v>0</v>
      </c>
      <c r="IO23" s="102">
        <v>441</v>
      </c>
      <c r="IP23" s="102">
        <v>253</v>
      </c>
      <c r="IQ23" s="102">
        <v>199</v>
      </c>
      <c r="IR23" s="102">
        <v>151</v>
      </c>
      <c r="IS23" s="102">
        <v>84</v>
      </c>
      <c r="IT23" s="103">
        <v>1128</v>
      </c>
      <c r="IU23" s="104">
        <v>1686</v>
      </c>
      <c r="IV23" s="101">
        <v>220</v>
      </c>
      <c r="IW23" s="102">
        <v>264</v>
      </c>
      <c r="IX23" s="103">
        <v>484</v>
      </c>
      <c r="IY23" s="413">
        <v>0</v>
      </c>
      <c r="IZ23" s="102">
        <v>437</v>
      </c>
      <c r="JA23" s="102">
        <v>245</v>
      </c>
      <c r="JB23" s="102">
        <v>212</v>
      </c>
      <c r="JC23" s="102">
        <v>166</v>
      </c>
      <c r="JD23" s="102">
        <v>106</v>
      </c>
      <c r="JE23" s="103">
        <v>1166</v>
      </c>
      <c r="JF23" s="104">
        <v>1650</v>
      </c>
      <c r="JG23" s="101">
        <v>100</v>
      </c>
      <c r="JH23" s="102">
        <v>154</v>
      </c>
      <c r="JI23" s="103">
        <v>254</v>
      </c>
      <c r="JJ23" s="413">
        <v>0</v>
      </c>
      <c r="JK23" s="102">
        <v>302</v>
      </c>
      <c r="JL23" s="102">
        <v>234</v>
      </c>
      <c r="JM23" s="102">
        <v>221</v>
      </c>
      <c r="JN23" s="102">
        <v>199</v>
      </c>
      <c r="JO23" s="102">
        <v>111</v>
      </c>
      <c r="JP23" s="103">
        <v>1067</v>
      </c>
      <c r="JQ23" s="104">
        <v>1321</v>
      </c>
      <c r="JR23" s="101">
        <v>14</v>
      </c>
      <c r="JS23" s="102">
        <v>20</v>
      </c>
      <c r="JT23" s="103">
        <v>34</v>
      </c>
      <c r="JU23" s="413">
        <v>0</v>
      </c>
      <c r="JV23" s="102">
        <v>37</v>
      </c>
      <c r="JW23" s="102">
        <v>23</v>
      </c>
      <c r="JX23" s="102">
        <v>23</v>
      </c>
      <c r="JY23" s="102">
        <v>20</v>
      </c>
      <c r="JZ23" s="102">
        <v>17</v>
      </c>
      <c r="KA23" s="103">
        <v>120</v>
      </c>
      <c r="KB23" s="104">
        <v>154</v>
      </c>
      <c r="KC23" s="101">
        <v>820</v>
      </c>
      <c r="KD23" s="102">
        <v>946</v>
      </c>
      <c r="KE23" s="103">
        <v>1766</v>
      </c>
      <c r="KF23" s="413">
        <v>0</v>
      </c>
      <c r="KG23" s="102">
        <v>1651</v>
      </c>
      <c r="KH23" s="102">
        <v>998</v>
      </c>
      <c r="KI23" s="102">
        <v>828</v>
      </c>
      <c r="KJ23" s="102">
        <v>704</v>
      </c>
      <c r="KK23" s="102">
        <v>423</v>
      </c>
      <c r="KL23" s="103">
        <v>4604</v>
      </c>
      <c r="KM23" s="104">
        <v>6370</v>
      </c>
    </row>
    <row r="24" spans="2:299" s="70" customFormat="1" ht="21" customHeight="1" x14ac:dyDescent="0.2">
      <c r="B24" s="106" t="s">
        <v>21</v>
      </c>
      <c r="C24" s="96">
        <v>304</v>
      </c>
      <c r="D24" s="97">
        <v>244</v>
      </c>
      <c r="E24" s="98">
        <v>548</v>
      </c>
      <c r="F24" s="413">
        <v>0</v>
      </c>
      <c r="G24" s="97">
        <v>491</v>
      </c>
      <c r="H24" s="97">
        <v>431</v>
      </c>
      <c r="I24" s="97">
        <v>290</v>
      </c>
      <c r="J24" s="97">
        <v>238</v>
      </c>
      <c r="K24" s="97">
        <v>126</v>
      </c>
      <c r="L24" s="99">
        <v>1576</v>
      </c>
      <c r="M24" s="100">
        <v>2124</v>
      </c>
      <c r="N24" s="101">
        <v>13</v>
      </c>
      <c r="O24" s="102">
        <v>12</v>
      </c>
      <c r="P24" s="103">
        <v>25</v>
      </c>
      <c r="Q24" s="413">
        <v>0</v>
      </c>
      <c r="R24" s="102">
        <v>23</v>
      </c>
      <c r="S24" s="102">
        <v>19</v>
      </c>
      <c r="T24" s="102">
        <v>17</v>
      </c>
      <c r="U24" s="102">
        <v>10</v>
      </c>
      <c r="V24" s="102">
        <v>14</v>
      </c>
      <c r="W24" s="103">
        <v>83</v>
      </c>
      <c r="X24" s="104">
        <v>108</v>
      </c>
      <c r="Y24" s="101">
        <v>25</v>
      </c>
      <c r="Z24" s="102">
        <v>21</v>
      </c>
      <c r="AA24" s="103">
        <v>46</v>
      </c>
      <c r="AB24" s="413">
        <v>0</v>
      </c>
      <c r="AC24" s="102">
        <v>38</v>
      </c>
      <c r="AD24" s="102">
        <v>50</v>
      </c>
      <c r="AE24" s="102">
        <v>29</v>
      </c>
      <c r="AF24" s="102">
        <v>30</v>
      </c>
      <c r="AG24" s="102">
        <v>21</v>
      </c>
      <c r="AH24" s="103">
        <v>168</v>
      </c>
      <c r="AI24" s="104">
        <v>214</v>
      </c>
      <c r="AJ24" s="101">
        <v>54</v>
      </c>
      <c r="AK24" s="102">
        <v>52</v>
      </c>
      <c r="AL24" s="103">
        <v>106</v>
      </c>
      <c r="AM24" s="413">
        <v>0</v>
      </c>
      <c r="AN24" s="102">
        <v>81</v>
      </c>
      <c r="AO24" s="102">
        <v>70</v>
      </c>
      <c r="AP24" s="102">
        <v>47</v>
      </c>
      <c r="AQ24" s="102">
        <v>46</v>
      </c>
      <c r="AR24" s="102">
        <v>19</v>
      </c>
      <c r="AS24" s="103">
        <v>263</v>
      </c>
      <c r="AT24" s="104">
        <v>369</v>
      </c>
      <c r="AU24" s="101">
        <v>89</v>
      </c>
      <c r="AV24" s="102">
        <v>61</v>
      </c>
      <c r="AW24" s="103">
        <v>150</v>
      </c>
      <c r="AX24" s="413">
        <v>0</v>
      </c>
      <c r="AY24" s="102">
        <v>141</v>
      </c>
      <c r="AZ24" s="102">
        <v>127</v>
      </c>
      <c r="BA24" s="102">
        <v>78</v>
      </c>
      <c r="BB24" s="102">
        <v>73</v>
      </c>
      <c r="BC24" s="102">
        <v>26</v>
      </c>
      <c r="BD24" s="103">
        <v>445</v>
      </c>
      <c r="BE24" s="104">
        <v>595</v>
      </c>
      <c r="BF24" s="101">
        <v>87</v>
      </c>
      <c r="BG24" s="102">
        <v>65</v>
      </c>
      <c r="BH24" s="103">
        <v>152</v>
      </c>
      <c r="BI24" s="413">
        <v>0</v>
      </c>
      <c r="BJ24" s="102">
        <v>144</v>
      </c>
      <c r="BK24" s="102">
        <v>101</v>
      </c>
      <c r="BL24" s="102">
        <v>65</v>
      </c>
      <c r="BM24" s="102">
        <v>49</v>
      </c>
      <c r="BN24" s="102">
        <v>26</v>
      </c>
      <c r="BO24" s="103">
        <v>385</v>
      </c>
      <c r="BP24" s="104">
        <v>537</v>
      </c>
      <c r="BQ24" s="101">
        <v>36</v>
      </c>
      <c r="BR24" s="102">
        <v>33</v>
      </c>
      <c r="BS24" s="103">
        <v>69</v>
      </c>
      <c r="BT24" s="413">
        <v>0</v>
      </c>
      <c r="BU24" s="102">
        <v>64</v>
      </c>
      <c r="BV24" s="102">
        <v>64</v>
      </c>
      <c r="BW24" s="102">
        <v>54</v>
      </c>
      <c r="BX24" s="102">
        <v>30</v>
      </c>
      <c r="BY24" s="102">
        <v>20</v>
      </c>
      <c r="BZ24" s="103">
        <v>232</v>
      </c>
      <c r="CA24" s="104">
        <v>301</v>
      </c>
      <c r="CB24" s="101">
        <v>13</v>
      </c>
      <c r="CC24" s="102">
        <v>11</v>
      </c>
      <c r="CD24" s="103">
        <v>24</v>
      </c>
      <c r="CE24" s="413">
        <v>0</v>
      </c>
      <c r="CF24" s="102">
        <v>8</v>
      </c>
      <c r="CG24" s="102">
        <v>19</v>
      </c>
      <c r="CH24" s="102">
        <v>13</v>
      </c>
      <c r="CI24" s="102">
        <v>9</v>
      </c>
      <c r="CJ24" s="102">
        <v>12</v>
      </c>
      <c r="CK24" s="103">
        <v>61</v>
      </c>
      <c r="CL24" s="104">
        <v>85</v>
      </c>
      <c r="CM24" s="101">
        <v>317</v>
      </c>
      <c r="CN24" s="102">
        <v>255</v>
      </c>
      <c r="CO24" s="103">
        <v>572</v>
      </c>
      <c r="CP24" s="413">
        <v>0</v>
      </c>
      <c r="CQ24" s="102">
        <v>499</v>
      </c>
      <c r="CR24" s="102">
        <v>450</v>
      </c>
      <c r="CS24" s="102">
        <v>303</v>
      </c>
      <c r="CT24" s="102">
        <v>247</v>
      </c>
      <c r="CU24" s="102">
        <v>138</v>
      </c>
      <c r="CV24" s="103">
        <v>1637</v>
      </c>
      <c r="CW24" s="104">
        <v>2209</v>
      </c>
      <c r="CX24" s="105">
        <v>605</v>
      </c>
      <c r="CY24" s="97">
        <v>604</v>
      </c>
      <c r="CZ24" s="98">
        <v>1209</v>
      </c>
      <c r="DA24" s="413">
        <v>0</v>
      </c>
      <c r="DB24" s="97">
        <v>835</v>
      </c>
      <c r="DC24" s="97">
        <v>737</v>
      </c>
      <c r="DD24" s="97">
        <v>591</v>
      </c>
      <c r="DE24" s="97">
        <v>458</v>
      </c>
      <c r="DF24" s="97">
        <v>336</v>
      </c>
      <c r="DG24" s="99">
        <v>2957</v>
      </c>
      <c r="DH24" s="100">
        <v>4166</v>
      </c>
      <c r="DI24" s="101">
        <v>13</v>
      </c>
      <c r="DJ24" s="102">
        <v>18</v>
      </c>
      <c r="DK24" s="103">
        <v>31</v>
      </c>
      <c r="DL24" s="413">
        <v>0</v>
      </c>
      <c r="DM24" s="102">
        <v>18</v>
      </c>
      <c r="DN24" s="102">
        <v>21</v>
      </c>
      <c r="DO24" s="102">
        <v>11</v>
      </c>
      <c r="DP24" s="102">
        <v>6</v>
      </c>
      <c r="DQ24" s="102">
        <v>16</v>
      </c>
      <c r="DR24" s="103">
        <v>72</v>
      </c>
      <c r="DS24" s="104">
        <v>103</v>
      </c>
      <c r="DT24" s="101">
        <v>37</v>
      </c>
      <c r="DU24" s="102">
        <v>31</v>
      </c>
      <c r="DV24" s="103">
        <v>68</v>
      </c>
      <c r="DW24" s="413">
        <v>0</v>
      </c>
      <c r="DX24" s="102">
        <v>49</v>
      </c>
      <c r="DY24" s="102">
        <v>30</v>
      </c>
      <c r="DZ24" s="102">
        <v>28</v>
      </c>
      <c r="EA24" s="102">
        <v>24</v>
      </c>
      <c r="EB24" s="102">
        <v>21</v>
      </c>
      <c r="EC24" s="103">
        <v>152</v>
      </c>
      <c r="ED24" s="104">
        <v>220</v>
      </c>
      <c r="EE24" s="101">
        <v>84</v>
      </c>
      <c r="EF24" s="102">
        <v>104</v>
      </c>
      <c r="EG24" s="103">
        <v>188</v>
      </c>
      <c r="EH24" s="413">
        <v>0</v>
      </c>
      <c r="EI24" s="102">
        <v>104</v>
      </c>
      <c r="EJ24" s="102">
        <v>84</v>
      </c>
      <c r="EK24" s="102">
        <v>59</v>
      </c>
      <c r="EL24" s="102">
        <v>43</v>
      </c>
      <c r="EM24" s="102">
        <v>35</v>
      </c>
      <c r="EN24" s="103">
        <v>325</v>
      </c>
      <c r="EO24" s="104">
        <v>513</v>
      </c>
      <c r="EP24" s="101">
        <v>210</v>
      </c>
      <c r="EQ24" s="102">
        <v>188</v>
      </c>
      <c r="ER24" s="103">
        <v>398</v>
      </c>
      <c r="ES24" s="413">
        <v>0</v>
      </c>
      <c r="ET24" s="102">
        <v>230</v>
      </c>
      <c r="EU24" s="102">
        <v>164</v>
      </c>
      <c r="EV24" s="102">
        <v>130</v>
      </c>
      <c r="EW24" s="102">
        <v>100</v>
      </c>
      <c r="EX24" s="102">
        <v>76</v>
      </c>
      <c r="EY24" s="103">
        <v>700</v>
      </c>
      <c r="EZ24" s="104">
        <v>1098</v>
      </c>
      <c r="FA24" s="101">
        <v>167</v>
      </c>
      <c r="FB24" s="102">
        <v>180</v>
      </c>
      <c r="FC24" s="103">
        <v>347</v>
      </c>
      <c r="FD24" s="413">
        <v>0</v>
      </c>
      <c r="FE24" s="102">
        <v>227</v>
      </c>
      <c r="FF24" s="102">
        <v>221</v>
      </c>
      <c r="FG24" s="102">
        <v>171</v>
      </c>
      <c r="FH24" s="102">
        <v>111</v>
      </c>
      <c r="FI24" s="102">
        <v>88</v>
      </c>
      <c r="FJ24" s="103">
        <v>818</v>
      </c>
      <c r="FK24" s="104">
        <v>1165</v>
      </c>
      <c r="FL24" s="101">
        <v>94</v>
      </c>
      <c r="FM24" s="102">
        <v>83</v>
      </c>
      <c r="FN24" s="103">
        <v>177</v>
      </c>
      <c r="FO24" s="413">
        <v>0</v>
      </c>
      <c r="FP24" s="102">
        <v>207</v>
      </c>
      <c r="FQ24" s="102">
        <v>217</v>
      </c>
      <c r="FR24" s="102">
        <v>192</v>
      </c>
      <c r="FS24" s="102">
        <v>174</v>
      </c>
      <c r="FT24" s="102">
        <v>100</v>
      </c>
      <c r="FU24" s="103">
        <v>890</v>
      </c>
      <c r="FV24" s="104">
        <v>1067</v>
      </c>
      <c r="FW24" s="101">
        <v>6</v>
      </c>
      <c r="FX24" s="102">
        <v>10</v>
      </c>
      <c r="FY24" s="103">
        <v>16</v>
      </c>
      <c r="FZ24" s="413">
        <v>0</v>
      </c>
      <c r="GA24" s="102">
        <v>6</v>
      </c>
      <c r="GB24" s="102">
        <v>18</v>
      </c>
      <c r="GC24" s="102">
        <v>17</v>
      </c>
      <c r="GD24" s="102">
        <v>10</v>
      </c>
      <c r="GE24" s="102">
        <v>7</v>
      </c>
      <c r="GF24" s="103">
        <v>58</v>
      </c>
      <c r="GG24" s="104">
        <v>74</v>
      </c>
      <c r="GH24" s="101">
        <v>611</v>
      </c>
      <c r="GI24" s="102">
        <v>614</v>
      </c>
      <c r="GJ24" s="103">
        <v>1225</v>
      </c>
      <c r="GK24" s="413">
        <v>0</v>
      </c>
      <c r="GL24" s="102">
        <v>841</v>
      </c>
      <c r="GM24" s="102">
        <v>755</v>
      </c>
      <c r="GN24" s="102">
        <v>608</v>
      </c>
      <c r="GO24" s="102">
        <v>468</v>
      </c>
      <c r="GP24" s="102">
        <v>343</v>
      </c>
      <c r="GQ24" s="103">
        <v>3015</v>
      </c>
      <c r="GR24" s="104">
        <v>4240</v>
      </c>
      <c r="GS24" s="105">
        <v>909</v>
      </c>
      <c r="GT24" s="97">
        <v>848</v>
      </c>
      <c r="GU24" s="98">
        <v>1757</v>
      </c>
      <c r="GV24" s="413">
        <v>0</v>
      </c>
      <c r="GW24" s="97">
        <v>1326</v>
      </c>
      <c r="GX24" s="97">
        <v>1168</v>
      </c>
      <c r="GY24" s="97">
        <v>881</v>
      </c>
      <c r="GZ24" s="97">
        <v>696</v>
      </c>
      <c r="HA24" s="97">
        <v>462</v>
      </c>
      <c r="HB24" s="99">
        <v>4533</v>
      </c>
      <c r="HC24" s="100">
        <v>6290</v>
      </c>
      <c r="HD24" s="101">
        <v>26</v>
      </c>
      <c r="HE24" s="102">
        <v>30</v>
      </c>
      <c r="HF24" s="103">
        <v>56</v>
      </c>
      <c r="HG24" s="416">
        <v>0</v>
      </c>
      <c r="HH24" s="102">
        <v>41</v>
      </c>
      <c r="HI24" s="102">
        <v>40</v>
      </c>
      <c r="HJ24" s="102">
        <v>28</v>
      </c>
      <c r="HK24" s="102">
        <v>16</v>
      </c>
      <c r="HL24" s="102">
        <v>30</v>
      </c>
      <c r="HM24" s="103">
        <v>155</v>
      </c>
      <c r="HN24" s="104">
        <v>211</v>
      </c>
      <c r="HO24" s="101">
        <v>62</v>
      </c>
      <c r="HP24" s="102">
        <v>52</v>
      </c>
      <c r="HQ24" s="103">
        <v>114</v>
      </c>
      <c r="HR24" s="413">
        <v>0</v>
      </c>
      <c r="HS24" s="102">
        <v>87</v>
      </c>
      <c r="HT24" s="102">
        <v>80</v>
      </c>
      <c r="HU24" s="102">
        <v>57</v>
      </c>
      <c r="HV24" s="102">
        <v>54</v>
      </c>
      <c r="HW24" s="102">
        <v>42</v>
      </c>
      <c r="HX24" s="103">
        <v>320</v>
      </c>
      <c r="HY24" s="104">
        <v>434</v>
      </c>
      <c r="HZ24" s="101">
        <v>138</v>
      </c>
      <c r="IA24" s="102">
        <v>156</v>
      </c>
      <c r="IB24" s="103">
        <v>294</v>
      </c>
      <c r="IC24" s="413">
        <v>0</v>
      </c>
      <c r="ID24" s="102">
        <v>185</v>
      </c>
      <c r="IE24" s="102">
        <v>154</v>
      </c>
      <c r="IF24" s="102">
        <v>106</v>
      </c>
      <c r="IG24" s="102">
        <v>89</v>
      </c>
      <c r="IH24" s="102">
        <v>54</v>
      </c>
      <c r="II24" s="103">
        <v>588</v>
      </c>
      <c r="IJ24" s="104">
        <v>882</v>
      </c>
      <c r="IK24" s="101">
        <v>299</v>
      </c>
      <c r="IL24" s="102">
        <v>249</v>
      </c>
      <c r="IM24" s="103">
        <v>548</v>
      </c>
      <c r="IN24" s="413">
        <v>0</v>
      </c>
      <c r="IO24" s="102">
        <v>371</v>
      </c>
      <c r="IP24" s="102">
        <v>291</v>
      </c>
      <c r="IQ24" s="102">
        <v>208</v>
      </c>
      <c r="IR24" s="102">
        <v>173</v>
      </c>
      <c r="IS24" s="102">
        <v>102</v>
      </c>
      <c r="IT24" s="103">
        <v>1145</v>
      </c>
      <c r="IU24" s="104">
        <v>1693</v>
      </c>
      <c r="IV24" s="101">
        <v>254</v>
      </c>
      <c r="IW24" s="102">
        <v>245</v>
      </c>
      <c r="IX24" s="103">
        <v>499</v>
      </c>
      <c r="IY24" s="413">
        <v>0</v>
      </c>
      <c r="IZ24" s="102">
        <v>371</v>
      </c>
      <c r="JA24" s="102">
        <v>322</v>
      </c>
      <c r="JB24" s="102">
        <v>236</v>
      </c>
      <c r="JC24" s="102">
        <v>160</v>
      </c>
      <c r="JD24" s="102">
        <v>114</v>
      </c>
      <c r="JE24" s="103">
        <v>1203</v>
      </c>
      <c r="JF24" s="104">
        <v>1702</v>
      </c>
      <c r="JG24" s="101">
        <v>130</v>
      </c>
      <c r="JH24" s="102">
        <v>116</v>
      </c>
      <c r="JI24" s="103">
        <v>246</v>
      </c>
      <c r="JJ24" s="413">
        <v>0</v>
      </c>
      <c r="JK24" s="102">
        <v>271</v>
      </c>
      <c r="JL24" s="102">
        <v>281</v>
      </c>
      <c r="JM24" s="102">
        <v>246</v>
      </c>
      <c r="JN24" s="102">
        <v>204</v>
      </c>
      <c r="JO24" s="102">
        <v>120</v>
      </c>
      <c r="JP24" s="103">
        <v>1122</v>
      </c>
      <c r="JQ24" s="104">
        <v>1368</v>
      </c>
      <c r="JR24" s="101">
        <v>19</v>
      </c>
      <c r="JS24" s="102">
        <v>21</v>
      </c>
      <c r="JT24" s="103">
        <v>40</v>
      </c>
      <c r="JU24" s="413">
        <v>0</v>
      </c>
      <c r="JV24" s="102">
        <v>14</v>
      </c>
      <c r="JW24" s="102">
        <v>37</v>
      </c>
      <c r="JX24" s="102">
        <v>30</v>
      </c>
      <c r="JY24" s="102">
        <v>19</v>
      </c>
      <c r="JZ24" s="102">
        <v>19</v>
      </c>
      <c r="KA24" s="103">
        <v>119</v>
      </c>
      <c r="KB24" s="104">
        <v>159</v>
      </c>
      <c r="KC24" s="101">
        <v>928</v>
      </c>
      <c r="KD24" s="102">
        <v>869</v>
      </c>
      <c r="KE24" s="103">
        <v>1797</v>
      </c>
      <c r="KF24" s="413">
        <v>0</v>
      </c>
      <c r="KG24" s="102">
        <v>1340</v>
      </c>
      <c r="KH24" s="102">
        <v>1205</v>
      </c>
      <c r="KI24" s="102">
        <v>911</v>
      </c>
      <c r="KJ24" s="102">
        <v>715</v>
      </c>
      <c r="KK24" s="102">
        <v>481</v>
      </c>
      <c r="KL24" s="103">
        <v>4652</v>
      </c>
      <c r="KM24" s="104">
        <v>6449</v>
      </c>
    </row>
    <row r="25" spans="2:299" s="70" customFormat="1" ht="21" customHeight="1" x14ac:dyDescent="0.2">
      <c r="B25" s="106" t="s">
        <v>22</v>
      </c>
      <c r="C25" s="96">
        <v>92</v>
      </c>
      <c r="D25" s="97">
        <v>80</v>
      </c>
      <c r="E25" s="98">
        <v>172</v>
      </c>
      <c r="F25" s="413">
        <v>0</v>
      </c>
      <c r="G25" s="97">
        <v>207</v>
      </c>
      <c r="H25" s="97">
        <v>169</v>
      </c>
      <c r="I25" s="97">
        <v>108</v>
      </c>
      <c r="J25" s="97">
        <v>95</v>
      </c>
      <c r="K25" s="97">
        <v>43</v>
      </c>
      <c r="L25" s="99">
        <v>622</v>
      </c>
      <c r="M25" s="100">
        <v>794</v>
      </c>
      <c r="N25" s="101">
        <v>3</v>
      </c>
      <c r="O25" s="102">
        <v>4</v>
      </c>
      <c r="P25" s="103">
        <v>7</v>
      </c>
      <c r="Q25" s="413">
        <v>0</v>
      </c>
      <c r="R25" s="102">
        <v>4</v>
      </c>
      <c r="S25" s="102">
        <v>5</v>
      </c>
      <c r="T25" s="102">
        <v>6</v>
      </c>
      <c r="U25" s="102">
        <v>1</v>
      </c>
      <c r="V25" s="102">
        <v>4</v>
      </c>
      <c r="W25" s="103">
        <v>20</v>
      </c>
      <c r="X25" s="104">
        <v>27</v>
      </c>
      <c r="Y25" s="101">
        <v>3</v>
      </c>
      <c r="Z25" s="102">
        <v>6</v>
      </c>
      <c r="AA25" s="103">
        <v>9</v>
      </c>
      <c r="AB25" s="413">
        <v>0</v>
      </c>
      <c r="AC25" s="102">
        <v>11</v>
      </c>
      <c r="AD25" s="102">
        <v>14</v>
      </c>
      <c r="AE25" s="102">
        <v>5</v>
      </c>
      <c r="AF25" s="102">
        <v>5</v>
      </c>
      <c r="AG25" s="102">
        <v>7</v>
      </c>
      <c r="AH25" s="103">
        <v>42</v>
      </c>
      <c r="AI25" s="104">
        <v>51</v>
      </c>
      <c r="AJ25" s="101">
        <v>14</v>
      </c>
      <c r="AK25" s="102">
        <v>18</v>
      </c>
      <c r="AL25" s="103">
        <v>32</v>
      </c>
      <c r="AM25" s="413">
        <v>0</v>
      </c>
      <c r="AN25" s="102">
        <v>39</v>
      </c>
      <c r="AO25" s="102">
        <v>19</v>
      </c>
      <c r="AP25" s="102">
        <v>18</v>
      </c>
      <c r="AQ25" s="102">
        <v>18</v>
      </c>
      <c r="AR25" s="102">
        <v>7</v>
      </c>
      <c r="AS25" s="103">
        <v>101</v>
      </c>
      <c r="AT25" s="104">
        <v>133</v>
      </c>
      <c r="AU25" s="101">
        <v>26</v>
      </c>
      <c r="AV25" s="102">
        <v>19</v>
      </c>
      <c r="AW25" s="103">
        <v>45</v>
      </c>
      <c r="AX25" s="413">
        <v>0</v>
      </c>
      <c r="AY25" s="102">
        <v>50</v>
      </c>
      <c r="AZ25" s="102">
        <v>43</v>
      </c>
      <c r="BA25" s="102">
        <v>27</v>
      </c>
      <c r="BB25" s="102">
        <v>20</v>
      </c>
      <c r="BC25" s="102">
        <v>11</v>
      </c>
      <c r="BD25" s="103">
        <v>151</v>
      </c>
      <c r="BE25" s="104">
        <v>196</v>
      </c>
      <c r="BF25" s="101">
        <v>33</v>
      </c>
      <c r="BG25" s="102">
        <v>22</v>
      </c>
      <c r="BH25" s="103">
        <v>55</v>
      </c>
      <c r="BI25" s="413">
        <v>0</v>
      </c>
      <c r="BJ25" s="102">
        <v>53</v>
      </c>
      <c r="BK25" s="102">
        <v>50</v>
      </c>
      <c r="BL25" s="102">
        <v>24</v>
      </c>
      <c r="BM25" s="102">
        <v>29</v>
      </c>
      <c r="BN25" s="102">
        <v>8</v>
      </c>
      <c r="BO25" s="103">
        <v>164</v>
      </c>
      <c r="BP25" s="104">
        <v>219</v>
      </c>
      <c r="BQ25" s="101">
        <v>13</v>
      </c>
      <c r="BR25" s="102">
        <v>11</v>
      </c>
      <c r="BS25" s="103">
        <v>24</v>
      </c>
      <c r="BT25" s="413">
        <v>0</v>
      </c>
      <c r="BU25" s="102">
        <v>50</v>
      </c>
      <c r="BV25" s="102">
        <v>38</v>
      </c>
      <c r="BW25" s="102">
        <v>28</v>
      </c>
      <c r="BX25" s="102">
        <v>22</v>
      </c>
      <c r="BY25" s="102">
        <v>6</v>
      </c>
      <c r="BZ25" s="103">
        <v>144</v>
      </c>
      <c r="CA25" s="104">
        <v>168</v>
      </c>
      <c r="CB25" s="101">
        <v>4</v>
      </c>
      <c r="CC25" s="102">
        <v>4</v>
      </c>
      <c r="CD25" s="103">
        <v>8</v>
      </c>
      <c r="CE25" s="413">
        <v>0</v>
      </c>
      <c r="CF25" s="102">
        <v>10</v>
      </c>
      <c r="CG25" s="102">
        <v>5</v>
      </c>
      <c r="CH25" s="102">
        <v>1</v>
      </c>
      <c r="CI25" s="102">
        <v>1</v>
      </c>
      <c r="CJ25" s="102">
        <v>3</v>
      </c>
      <c r="CK25" s="103">
        <v>20</v>
      </c>
      <c r="CL25" s="104">
        <v>28</v>
      </c>
      <c r="CM25" s="101">
        <v>96</v>
      </c>
      <c r="CN25" s="102">
        <v>84</v>
      </c>
      <c r="CO25" s="103">
        <v>180</v>
      </c>
      <c r="CP25" s="413">
        <v>0</v>
      </c>
      <c r="CQ25" s="102">
        <v>217</v>
      </c>
      <c r="CR25" s="102">
        <v>174</v>
      </c>
      <c r="CS25" s="102">
        <v>109</v>
      </c>
      <c r="CT25" s="102">
        <v>96</v>
      </c>
      <c r="CU25" s="102">
        <v>46</v>
      </c>
      <c r="CV25" s="103">
        <v>642</v>
      </c>
      <c r="CW25" s="104">
        <v>822</v>
      </c>
      <c r="CX25" s="105">
        <v>145</v>
      </c>
      <c r="CY25" s="97">
        <v>264</v>
      </c>
      <c r="CZ25" s="98">
        <v>409</v>
      </c>
      <c r="DA25" s="413">
        <v>0</v>
      </c>
      <c r="DB25" s="97">
        <v>356</v>
      </c>
      <c r="DC25" s="97">
        <v>318</v>
      </c>
      <c r="DD25" s="97">
        <v>221</v>
      </c>
      <c r="DE25" s="97">
        <v>219</v>
      </c>
      <c r="DF25" s="97">
        <v>116</v>
      </c>
      <c r="DG25" s="99">
        <v>1230</v>
      </c>
      <c r="DH25" s="100">
        <v>1639</v>
      </c>
      <c r="DI25" s="101">
        <v>4</v>
      </c>
      <c r="DJ25" s="102">
        <v>6</v>
      </c>
      <c r="DK25" s="103">
        <v>10</v>
      </c>
      <c r="DL25" s="413">
        <v>0</v>
      </c>
      <c r="DM25" s="102">
        <v>5</v>
      </c>
      <c r="DN25" s="102">
        <v>5</v>
      </c>
      <c r="DO25" s="102">
        <v>7</v>
      </c>
      <c r="DP25" s="102">
        <v>3</v>
      </c>
      <c r="DQ25" s="102">
        <v>4</v>
      </c>
      <c r="DR25" s="103">
        <v>24</v>
      </c>
      <c r="DS25" s="104">
        <v>34</v>
      </c>
      <c r="DT25" s="101">
        <v>8</v>
      </c>
      <c r="DU25" s="102">
        <v>13</v>
      </c>
      <c r="DV25" s="103">
        <v>21</v>
      </c>
      <c r="DW25" s="413">
        <v>0</v>
      </c>
      <c r="DX25" s="102">
        <v>15</v>
      </c>
      <c r="DY25" s="102">
        <v>15</v>
      </c>
      <c r="DZ25" s="102">
        <v>9</v>
      </c>
      <c r="EA25" s="102">
        <v>6</v>
      </c>
      <c r="EB25" s="102">
        <v>1</v>
      </c>
      <c r="EC25" s="103">
        <v>46</v>
      </c>
      <c r="ED25" s="104">
        <v>67</v>
      </c>
      <c r="EE25" s="101">
        <v>28</v>
      </c>
      <c r="EF25" s="102">
        <v>42</v>
      </c>
      <c r="EG25" s="103">
        <v>70</v>
      </c>
      <c r="EH25" s="413">
        <v>0</v>
      </c>
      <c r="EI25" s="102">
        <v>42</v>
      </c>
      <c r="EJ25" s="102">
        <v>36</v>
      </c>
      <c r="EK25" s="102">
        <v>21</v>
      </c>
      <c r="EL25" s="102">
        <v>16</v>
      </c>
      <c r="EM25" s="102">
        <v>17</v>
      </c>
      <c r="EN25" s="103">
        <v>132</v>
      </c>
      <c r="EO25" s="104">
        <v>202</v>
      </c>
      <c r="EP25" s="101">
        <v>43</v>
      </c>
      <c r="EQ25" s="102">
        <v>71</v>
      </c>
      <c r="ER25" s="103">
        <v>114</v>
      </c>
      <c r="ES25" s="413">
        <v>0</v>
      </c>
      <c r="ET25" s="102">
        <v>76</v>
      </c>
      <c r="EU25" s="102">
        <v>66</v>
      </c>
      <c r="EV25" s="102">
        <v>43</v>
      </c>
      <c r="EW25" s="102">
        <v>42</v>
      </c>
      <c r="EX25" s="102">
        <v>21</v>
      </c>
      <c r="EY25" s="103">
        <v>248</v>
      </c>
      <c r="EZ25" s="104">
        <v>362</v>
      </c>
      <c r="FA25" s="101">
        <v>46</v>
      </c>
      <c r="FB25" s="102">
        <v>78</v>
      </c>
      <c r="FC25" s="103">
        <v>124</v>
      </c>
      <c r="FD25" s="413">
        <v>0</v>
      </c>
      <c r="FE25" s="102">
        <v>117</v>
      </c>
      <c r="FF25" s="102">
        <v>88</v>
      </c>
      <c r="FG25" s="102">
        <v>54</v>
      </c>
      <c r="FH25" s="102">
        <v>57</v>
      </c>
      <c r="FI25" s="102">
        <v>35</v>
      </c>
      <c r="FJ25" s="103">
        <v>351</v>
      </c>
      <c r="FK25" s="104">
        <v>475</v>
      </c>
      <c r="FL25" s="101">
        <v>16</v>
      </c>
      <c r="FM25" s="102">
        <v>54</v>
      </c>
      <c r="FN25" s="103">
        <v>70</v>
      </c>
      <c r="FO25" s="413">
        <v>0</v>
      </c>
      <c r="FP25" s="102">
        <v>101</v>
      </c>
      <c r="FQ25" s="102">
        <v>108</v>
      </c>
      <c r="FR25" s="102">
        <v>87</v>
      </c>
      <c r="FS25" s="102">
        <v>95</v>
      </c>
      <c r="FT25" s="102">
        <v>38</v>
      </c>
      <c r="FU25" s="103">
        <v>429</v>
      </c>
      <c r="FV25" s="104">
        <v>499</v>
      </c>
      <c r="FW25" s="101">
        <v>0</v>
      </c>
      <c r="FX25" s="102">
        <v>5</v>
      </c>
      <c r="FY25" s="103">
        <v>5</v>
      </c>
      <c r="FZ25" s="413">
        <v>0</v>
      </c>
      <c r="GA25" s="102">
        <v>3</v>
      </c>
      <c r="GB25" s="102">
        <v>5</v>
      </c>
      <c r="GC25" s="102">
        <v>2</v>
      </c>
      <c r="GD25" s="102">
        <v>2</v>
      </c>
      <c r="GE25" s="102">
        <v>2</v>
      </c>
      <c r="GF25" s="103">
        <v>14</v>
      </c>
      <c r="GG25" s="104">
        <v>19</v>
      </c>
      <c r="GH25" s="101">
        <v>145</v>
      </c>
      <c r="GI25" s="102">
        <v>269</v>
      </c>
      <c r="GJ25" s="103">
        <v>414</v>
      </c>
      <c r="GK25" s="413">
        <v>0</v>
      </c>
      <c r="GL25" s="102">
        <v>359</v>
      </c>
      <c r="GM25" s="102">
        <v>323</v>
      </c>
      <c r="GN25" s="102">
        <v>223</v>
      </c>
      <c r="GO25" s="102">
        <v>221</v>
      </c>
      <c r="GP25" s="102">
        <v>118</v>
      </c>
      <c r="GQ25" s="103">
        <v>1244</v>
      </c>
      <c r="GR25" s="104">
        <v>1658</v>
      </c>
      <c r="GS25" s="105">
        <v>237</v>
      </c>
      <c r="GT25" s="97">
        <v>344</v>
      </c>
      <c r="GU25" s="98">
        <v>581</v>
      </c>
      <c r="GV25" s="413">
        <v>0</v>
      </c>
      <c r="GW25" s="97">
        <v>563</v>
      </c>
      <c r="GX25" s="97">
        <v>487</v>
      </c>
      <c r="GY25" s="97">
        <v>329</v>
      </c>
      <c r="GZ25" s="97">
        <v>314</v>
      </c>
      <c r="HA25" s="97">
        <v>159</v>
      </c>
      <c r="HB25" s="99">
        <v>1852</v>
      </c>
      <c r="HC25" s="100">
        <v>2433</v>
      </c>
      <c r="HD25" s="101">
        <v>7</v>
      </c>
      <c r="HE25" s="102">
        <v>10</v>
      </c>
      <c r="HF25" s="103">
        <v>17</v>
      </c>
      <c r="HG25" s="416">
        <v>0</v>
      </c>
      <c r="HH25" s="102">
        <v>9</v>
      </c>
      <c r="HI25" s="102">
        <v>10</v>
      </c>
      <c r="HJ25" s="102">
        <v>13</v>
      </c>
      <c r="HK25" s="102">
        <v>4</v>
      </c>
      <c r="HL25" s="102">
        <v>8</v>
      </c>
      <c r="HM25" s="103">
        <v>44</v>
      </c>
      <c r="HN25" s="104">
        <v>61</v>
      </c>
      <c r="HO25" s="101">
        <v>11</v>
      </c>
      <c r="HP25" s="102">
        <v>19</v>
      </c>
      <c r="HQ25" s="103">
        <v>30</v>
      </c>
      <c r="HR25" s="413">
        <v>0</v>
      </c>
      <c r="HS25" s="102">
        <v>26</v>
      </c>
      <c r="HT25" s="102">
        <v>29</v>
      </c>
      <c r="HU25" s="102">
        <v>14</v>
      </c>
      <c r="HV25" s="102">
        <v>11</v>
      </c>
      <c r="HW25" s="102">
        <v>8</v>
      </c>
      <c r="HX25" s="103">
        <v>88</v>
      </c>
      <c r="HY25" s="104">
        <v>118</v>
      </c>
      <c r="HZ25" s="101">
        <v>42</v>
      </c>
      <c r="IA25" s="102">
        <v>60</v>
      </c>
      <c r="IB25" s="103">
        <v>102</v>
      </c>
      <c r="IC25" s="413">
        <v>0</v>
      </c>
      <c r="ID25" s="102">
        <v>81</v>
      </c>
      <c r="IE25" s="102">
        <v>55</v>
      </c>
      <c r="IF25" s="102">
        <v>39</v>
      </c>
      <c r="IG25" s="102">
        <v>34</v>
      </c>
      <c r="IH25" s="102">
        <v>24</v>
      </c>
      <c r="II25" s="103">
        <v>233</v>
      </c>
      <c r="IJ25" s="104">
        <v>335</v>
      </c>
      <c r="IK25" s="101">
        <v>69</v>
      </c>
      <c r="IL25" s="102">
        <v>90</v>
      </c>
      <c r="IM25" s="103">
        <v>159</v>
      </c>
      <c r="IN25" s="413">
        <v>0</v>
      </c>
      <c r="IO25" s="102">
        <v>126</v>
      </c>
      <c r="IP25" s="102">
        <v>109</v>
      </c>
      <c r="IQ25" s="102">
        <v>70</v>
      </c>
      <c r="IR25" s="102">
        <v>62</v>
      </c>
      <c r="IS25" s="102">
        <v>32</v>
      </c>
      <c r="IT25" s="103">
        <v>399</v>
      </c>
      <c r="IU25" s="104">
        <v>558</v>
      </c>
      <c r="IV25" s="101">
        <v>79</v>
      </c>
      <c r="IW25" s="102">
        <v>100</v>
      </c>
      <c r="IX25" s="103">
        <v>179</v>
      </c>
      <c r="IY25" s="413">
        <v>0</v>
      </c>
      <c r="IZ25" s="102">
        <v>170</v>
      </c>
      <c r="JA25" s="102">
        <v>138</v>
      </c>
      <c r="JB25" s="102">
        <v>78</v>
      </c>
      <c r="JC25" s="102">
        <v>86</v>
      </c>
      <c r="JD25" s="102">
        <v>43</v>
      </c>
      <c r="JE25" s="103">
        <v>515</v>
      </c>
      <c r="JF25" s="104">
        <v>694</v>
      </c>
      <c r="JG25" s="101">
        <v>29</v>
      </c>
      <c r="JH25" s="102">
        <v>65</v>
      </c>
      <c r="JI25" s="103">
        <v>94</v>
      </c>
      <c r="JJ25" s="413">
        <v>0</v>
      </c>
      <c r="JK25" s="102">
        <v>151</v>
      </c>
      <c r="JL25" s="102">
        <v>146</v>
      </c>
      <c r="JM25" s="102">
        <v>115</v>
      </c>
      <c r="JN25" s="102">
        <v>117</v>
      </c>
      <c r="JO25" s="102">
        <v>44</v>
      </c>
      <c r="JP25" s="103">
        <v>573</v>
      </c>
      <c r="JQ25" s="104">
        <v>667</v>
      </c>
      <c r="JR25" s="101">
        <v>4</v>
      </c>
      <c r="JS25" s="102">
        <v>9</v>
      </c>
      <c r="JT25" s="103">
        <v>13</v>
      </c>
      <c r="JU25" s="413">
        <v>0</v>
      </c>
      <c r="JV25" s="102">
        <v>13</v>
      </c>
      <c r="JW25" s="102">
        <v>10</v>
      </c>
      <c r="JX25" s="102">
        <v>3</v>
      </c>
      <c r="JY25" s="102">
        <v>3</v>
      </c>
      <c r="JZ25" s="102">
        <v>5</v>
      </c>
      <c r="KA25" s="103">
        <v>34</v>
      </c>
      <c r="KB25" s="104">
        <v>47</v>
      </c>
      <c r="KC25" s="101">
        <v>241</v>
      </c>
      <c r="KD25" s="102">
        <v>353</v>
      </c>
      <c r="KE25" s="103">
        <v>594</v>
      </c>
      <c r="KF25" s="413">
        <v>0</v>
      </c>
      <c r="KG25" s="102">
        <v>576</v>
      </c>
      <c r="KH25" s="102">
        <v>497</v>
      </c>
      <c r="KI25" s="102">
        <v>332</v>
      </c>
      <c r="KJ25" s="102">
        <v>317</v>
      </c>
      <c r="KK25" s="102">
        <v>164</v>
      </c>
      <c r="KL25" s="103">
        <v>1886</v>
      </c>
      <c r="KM25" s="104">
        <v>2480</v>
      </c>
    </row>
    <row r="26" spans="2:299" s="70" customFormat="1" ht="21" customHeight="1" x14ac:dyDescent="0.2">
      <c r="B26" s="106" t="s">
        <v>23</v>
      </c>
      <c r="C26" s="96">
        <v>213</v>
      </c>
      <c r="D26" s="97">
        <v>210</v>
      </c>
      <c r="E26" s="98">
        <v>423</v>
      </c>
      <c r="F26" s="413">
        <v>0</v>
      </c>
      <c r="G26" s="97">
        <v>322</v>
      </c>
      <c r="H26" s="97">
        <v>279</v>
      </c>
      <c r="I26" s="97">
        <v>191</v>
      </c>
      <c r="J26" s="97">
        <v>158</v>
      </c>
      <c r="K26" s="97">
        <v>91</v>
      </c>
      <c r="L26" s="99">
        <v>1041</v>
      </c>
      <c r="M26" s="100">
        <v>1464</v>
      </c>
      <c r="N26" s="101">
        <v>5</v>
      </c>
      <c r="O26" s="102">
        <v>10</v>
      </c>
      <c r="P26" s="103">
        <v>15</v>
      </c>
      <c r="Q26" s="413">
        <v>0</v>
      </c>
      <c r="R26" s="102">
        <v>7</v>
      </c>
      <c r="S26" s="102">
        <v>14</v>
      </c>
      <c r="T26" s="102">
        <v>2</v>
      </c>
      <c r="U26" s="102">
        <v>7</v>
      </c>
      <c r="V26" s="102">
        <v>2</v>
      </c>
      <c r="W26" s="103">
        <v>32</v>
      </c>
      <c r="X26" s="104">
        <v>47</v>
      </c>
      <c r="Y26" s="101">
        <v>16</v>
      </c>
      <c r="Z26" s="102">
        <v>18</v>
      </c>
      <c r="AA26" s="103">
        <v>34</v>
      </c>
      <c r="AB26" s="413">
        <v>0</v>
      </c>
      <c r="AC26" s="102">
        <v>21</v>
      </c>
      <c r="AD26" s="102">
        <v>34</v>
      </c>
      <c r="AE26" s="102">
        <v>19</v>
      </c>
      <c r="AF26" s="102">
        <v>20</v>
      </c>
      <c r="AG26" s="102">
        <v>10</v>
      </c>
      <c r="AH26" s="103">
        <v>104</v>
      </c>
      <c r="AI26" s="104">
        <v>138</v>
      </c>
      <c r="AJ26" s="101">
        <v>42</v>
      </c>
      <c r="AK26" s="102">
        <v>37</v>
      </c>
      <c r="AL26" s="103">
        <v>79</v>
      </c>
      <c r="AM26" s="413">
        <v>0</v>
      </c>
      <c r="AN26" s="102">
        <v>54</v>
      </c>
      <c r="AO26" s="102">
        <v>37</v>
      </c>
      <c r="AP26" s="102">
        <v>24</v>
      </c>
      <c r="AQ26" s="102">
        <v>22</v>
      </c>
      <c r="AR26" s="102">
        <v>19</v>
      </c>
      <c r="AS26" s="103">
        <v>156</v>
      </c>
      <c r="AT26" s="104">
        <v>235</v>
      </c>
      <c r="AU26" s="101">
        <v>60</v>
      </c>
      <c r="AV26" s="102">
        <v>65</v>
      </c>
      <c r="AW26" s="103">
        <v>125</v>
      </c>
      <c r="AX26" s="413">
        <v>0</v>
      </c>
      <c r="AY26" s="102">
        <v>105</v>
      </c>
      <c r="AZ26" s="102">
        <v>77</v>
      </c>
      <c r="BA26" s="102">
        <v>55</v>
      </c>
      <c r="BB26" s="102">
        <v>45</v>
      </c>
      <c r="BC26" s="102">
        <v>23</v>
      </c>
      <c r="BD26" s="103">
        <v>305</v>
      </c>
      <c r="BE26" s="104">
        <v>430</v>
      </c>
      <c r="BF26" s="101">
        <v>68</v>
      </c>
      <c r="BG26" s="102">
        <v>59</v>
      </c>
      <c r="BH26" s="103">
        <v>127</v>
      </c>
      <c r="BI26" s="413">
        <v>0</v>
      </c>
      <c r="BJ26" s="102">
        <v>99</v>
      </c>
      <c r="BK26" s="102">
        <v>77</v>
      </c>
      <c r="BL26" s="102">
        <v>55</v>
      </c>
      <c r="BM26" s="102">
        <v>35</v>
      </c>
      <c r="BN26" s="102">
        <v>27</v>
      </c>
      <c r="BO26" s="103">
        <v>293</v>
      </c>
      <c r="BP26" s="104">
        <v>420</v>
      </c>
      <c r="BQ26" s="101">
        <v>22</v>
      </c>
      <c r="BR26" s="102">
        <v>21</v>
      </c>
      <c r="BS26" s="103">
        <v>43</v>
      </c>
      <c r="BT26" s="413">
        <v>0</v>
      </c>
      <c r="BU26" s="102">
        <v>36</v>
      </c>
      <c r="BV26" s="102">
        <v>40</v>
      </c>
      <c r="BW26" s="102">
        <v>36</v>
      </c>
      <c r="BX26" s="102">
        <v>29</v>
      </c>
      <c r="BY26" s="102">
        <v>10</v>
      </c>
      <c r="BZ26" s="103">
        <v>151</v>
      </c>
      <c r="CA26" s="104">
        <v>194</v>
      </c>
      <c r="CB26" s="101">
        <v>5</v>
      </c>
      <c r="CC26" s="102">
        <v>9</v>
      </c>
      <c r="CD26" s="103">
        <v>14</v>
      </c>
      <c r="CE26" s="413">
        <v>0</v>
      </c>
      <c r="CF26" s="102">
        <v>5</v>
      </c>
      <c r="CG26" s="102">
        <v>14</v>
      </c>
      <c r="CH26" s="102">
        <v>9</v>
      </c>
      <c r="CI26" s="102">
        <v>9</v>
      </c>
      <c r="CJ26" s="102">
        <v>2</v>
      </c>
      <c r="CK26" s="103">
        <v>39</v>
      </c>
      <c r="CL26" s="104">
        <v>53</v>
      </c>
      <c r="CM26" s="101">
        <v>218</v>
      </c>
      <c r="CN26" s="102">
        <v>219</v>
      </c>
      <c r="CO26" s="103">
        <v>437</v>
      </c>
      <c r="CP26" s="413">
        <v>0</v>
      </c>
      <c r="CQ26" s="102">
        <v>327</v>
      </c>
      <c r="CR26" s="102">
        <v>293</v>
      </c>
      <c r="CS26" s="102">
        <v>200</v>
      </c>
      <c r="CT26" s="102">
        <v>167</v>
      </c>
      <c r="CU26" s="102">
        <v>93</v>
      </c>
      <c r="CV26" s="103">
        <v>1080</v>
      </c>
      <c r="CW26" s="104">
        <v>1517</v>
      </c>
      <c r="CX26" s="105">
        <v>363</v>
      </c>
      <c r="CY26" s="97">
        <v>469</v>
      </c>
      <c r="CZ26" s="98">
        <v>832</v>
      </c>
      <c r="DA26" s="413">
        <v>0</v>
      </c>
      <c r="DB26" s="97">
        <v>547</v>
      </c>
      <c r="DC26" s="97">
        <v>445</v>
      </c>
      <c r="DD26" s="97">
        <v>315</v>
      </c>
      <c r="DE26" s="97">
        <v>379</v>
      </c>
      <c r="DF26" s="97">
        <v>226</v>
      </c>
      <c r="DG26" s="99">
        <v>1912</v>
      </c>
      <c r="DH26" s="100">
        <v>2744</v>
      </c>
      <c r="DI26" s="101">
        <v>9</v>
      </c>
      <c r="DJ26" s="102">
        <v>13</v>
      </c>
      <c r="DK26" s="103">
        <v>22</v>
      </c>
      <c r="DL26" s="413">
        <v>0</v>
      </c>
      <c r="DM26" s="102">
        <v>10</v>
      </c>
      <c r="DN26" s="102">
        <v>11</v>
      </c>
      <c r="DO26" s="102">
        <v>4</v>
      </c>
      <c r="DP26" s="102">
        <v>3</v>
      </c>
      <c r="DQ26" s="102">
        <v>4</v>
      </c>
      <c r="DR26" s="103">
        <v>32</v>
      </c>
      <c r="DS26" s="104">
        <v>54</v>
      </c>
      <c r="DT26" s="101">
        <v>25</v>
      </c>
      <c r="DU26" s="102">
        <v>36</v>
      </c>
      <c r="DV26" s="103">
        <v>61</v>
      </c>
      <c r="DW26" s="413">
        <v>0</v>
      </c>
      <c r="DX26" s="102">
        <v>18</v>
      </c>
      <c r="DY26" s="102">
        <v>30</v>
      </c>
      <c r="DZ26" s="102">
        <v>20</v>
      </c>
      <c r="EA26" s="102">
        <v>23</v>
      </c>
      <c r="EB26" s="102">
        <v>9</v>
      </c>
      <c r="EC26" s="103">
        <v>100</v>
      </c>
      <c r="ED26" s="104">
        <v>161</v>
      </c>
      <c r="EE26" s="101">
        <v>67</v>
      </c>
      <c r="EF26" s="102">
        <v>79</v>
      </c>
      <c r="EG26" s="103">
        <v>146</v>
      </c>
      <c r="EH26" s="413">
        <v>0</v>
      </c>
      <c r="EI26" s="102">
        <v>79</v>
      </c>
      <c r="EJ26" s="102">
        <v>57</v>
      </c>
      <c r="EK26" s="102">
        <v>37</v>
      </c>
      <c r="EL26" s="102">
        <v>49</v>
      </c>
      <c r="EM26" s="102">
        <v>33</v>
      </c>
      <c r="EN26" s="103">
        <v>255</v>
      </c>
      <c r="EO26" s="104">
        <v>401</v>
      </c>
      <c r="EP26" s="101">
        <v>150</v>
      </c>
      <c r="EQ26" s="102">
        <v>160</v>
      </c>
      <c r="ER26" s="103">
        <v>310</v>
      </c>
      <c r="ES26" s="413">
        <v>0</v>
      </c>
      <c r="ET26" s="102">
        <v>144</v>
      </c>
      <c r="EU26" s="102">
        <v>114</v>
      </c>
      <c r="EV26" s="102">
        <v>67</v>
      </c>
      <c r="EW26" s="102">
        <v>77</v>
      </c>
      <c r="EX26" s="102">
        <v>58</v>
      </c>
      <c r="EY26" s="103">
        <v>460</v>
      </c>
      <c r="EZ26" s="104">
        <v>770</v>
      </c>
      <c r="FA26" s="101">
        <v>76</v>
      </c>
      <c r="FB26" s="102">
        <v>122</v>
      </c>
      <c r="FC26" s="103">
        <v>198</v>
      </c>
      <c r="FD26" s="413">
        <v>0</v>
      </c>
      <c r="FE26" s="102">
        <v>182</v>
      </c>
      <c r="FF26" s="102">
        <v>107</v>
      </c>
      <c r="FG26" s="102">
        <v>105</v>
      </c>
      <c r="FH26" s="102">
        <v>97</v>
      </c>
      <c r="FI26" s="102">
        <v>54</v>
      </c>
      <c r="FJ26" s="103">
        <v>545</v>
      </c>
      <c r="FK26" s="104">
        <v>743</v>
      </c>
      <c r="FL26" s="101">
        <v>36</v>
      </c>
      <c r="FM26" s="102">
        <v>59</v>
      </c>
      <c r="FN26" s="103">
        <v>95</v>
      </c>
      <c r="FO26" s="413">
        <v>0</v>
      </c>
      <c r="FP26" s="102">
        <v>114</v>
      </c>
      <c r="FQ26" s="102">
        <v>126</v>
      </c>
      <c r="FR26" s="102">
        <v>82</v>
      </c>
      <c r="FS26" s="102">
        <v>130</v>
      </c>
      <c r="FT26" s="102">
        <v>68</v>
      </c>
      <c r="FU26" s="103">
        <v>520</v>
      </c>
      <c r="FV26" s="104">
        <v>615</v>
      </c>
      <c r="FW26" s="101">
        <v>6</v>
      </c>
      <c r="FX26" s="102">
        <v>9</v>
      </c>
      <c r="FY26" s="103">
        <v>15</v>
      </c>
      <c r="FZ26" s="413">
        <v>0</v>
      </c>
      <c r="GA26" s="102">
        <v>7</v>
      </c>
      <c r="GB26" s="102">
        <v>12</v>
      </c>
      <c r="GC26" s="102">
        <v>3</v>
      </c>
      <c r="GD26" s="102">
        <v>4</v>
      </c>
      <c r="GE26" s="102">
        <v>4</v>
      </c>
      <c r="GF26" s="103">
        <v>30</v>
      </c>
      <c r="GG26" s="104">
        <v>45</v>
      </c>
      <c r="GH26" s="101">
        <v>369</v>
      </c>
      <c r="GI26" s="102">
        <v>478</v>
      </c>
      <c r="GJ26" s="103">
        <v>847</v>
      </c>
      <c r="GK26" s="413">
        <v>0</v>
      </c>
      <c r="GL26" s="102">
        <v>554</v>
      </c>
      <c r="GM26" s="102">
        <v>457</v>
      </c>
      <c r="GN26" s="102">
        <v>318</v>
      </c>
      <c r="GO26" s="102">
        <v>383</v>
      </c>
      <c r="GP26" s="102">
        <v>230</v>
      </c>
      <c r="GQ26" s="103">
        <v>1942</v>
      </c>
      <c r="GR26" s="104">
        <v>2789</v>
      </c>
      <c r="GS26" s="105">
        <v>576</v>
      </c>
      <c r="GT26" s="97">
        <v>679</v>
      </c>
      <c r="GU26" s="98">
        <v>1255</v>
      </c>
      <c r="GV26" s="413">
        <v>0</v>
      </c>
      <c r="GW26" s="97">
        <v>869</v>
      </c>
      <c r="GX26" s="97">
        <v>724</v>
      </c>
      <c r="GY26" s="97">
        <v>506</v>
      </c>
      <c r="GZ26" s="97">
        <v>537</v>
      </c>
      <c r="HA26" s="97">
        <v>317</v>
      </c>
      <c r="HB26" s="99">
        <v>2953</v>
      </c>
      <c r="HC26" s="100">
        <v>4208</v>
      </c>
      <c r="HD26" s="101">
        <v>14</v>
      </c>
      <c r="HE26" s="102">
        <v>23</v>
      </c>
      <c r="HF26" s="103">
        <v>37</v>
      </c>
      <c r="HG26" s="416">
        <v>0</v>
      </c>
      <c r="HH26" s="102">
        <v>17</v>
      </c>
      <c r="HI26" s="102">
        <v>25</v>
      </c>
      <c r="HJ26" s="102">
        <v>6</v>
      </c>
      <c r="HK26" s="102">
        <v>10</v>
      </c>
      <c r="HL26" s="102">
        <v>6</v>
      </c>
      <c r="HM26" s="103">
        <v>64</v>
      </c>
      <c r="HN26" s="104">
        <v>101</v>
      </c>
      <c r="HO26" s="101">
        <v>41</v>
      </c>
      <c r="HP26" s="102">
        <v>54</v>
      </c>
      <c r="HQ26" s="103">
        <v>95</v>
      </c>
      <c r="HR26" s="413">
        <v>0</v>
      </c>
      <c r="HS26" s="102">
        <v>39</v>
      </c>
      <c r="HT26" s="102">
        <v>64</v>
      </c>
      <c r="HU26" s="102">
        <v>39</v>
      </c>
      <c r="HV26" s="102">
        <v>43</v>
      </c>
      <c r="HW26" s="102">
        <v>19</v>
      </c>
      <c r="HX26" s="103">
        <v>204</v>
      </c>
      <c r="HY26" s="104">
        <v>299</v>
      </c>
      <c r="HZ26" s="101">
        <v>109</v>
      </c>
      <c r="IA26" s="102">
        <v>116</v>
      </c>
      <c r="IB26" s="103">
        <v>225</v>
      </c>
      <c r="IC26" s="413">
        <v>0</v>
      </c>
      <c r="ID26" s="102">
        <v>133</v>
      </c>
      <c r="IE26" s="102">
        <v>94</v>
      </c>
      <c r="IF26" s="102">
        <v>61</v>
      </c>
      <c r="IG26" s="102">
        <v>71</v>
      </c>
      <c r="IH26" s="102">
        <v>52</v>
      </c>
      <c r="II26" s="103">
        <v>411</v>
      </c>
      <c r="IJ26" s="104">
        <v>636</v>
      </c>
      <c r="IK26" s="101">
        <v>210</v>
      </c>
      <c r="IL26" s="102">
        <v>225</v>
      </c>
      <c r="IM26" s="103">
        <v>435</v>
      </c>
      <c r="IN26" s="413">
        <v>0</v>
      </c>
      <c r="IO26" s="102">
        <v>249</v>
      </c>
      <c r="IP26" s="102">
        <v>191</v>
      </c>
      <c r="IQ26" s="102">
        <v>122</v>
      </c>
      <c r="IR26" s="102">
        <v>122</v>
      </c>
      <c r="IS26" s="102">
        <v>81</v>
      </c>
      <c r="IT26" s="103">
        <v>765</v>
      </c>
      <c r="IU26" s="104">
        <v>1200</v>
      </c>
      <c r="IV26" s="101">
        <v>144</v>
      </c>
      <c r="IW26" s="102">
        <v>181</v>
      </c>
      <c r="IX26" s="103">
        <v>325</v>
      </c>
      <c r="IY26" s="413">
        <v>0</v>
      </c>
      <c r="IZ26" s="102">
        <v>281</v>
      </c>
      <c r="JA26" s="102">
        <v>184</v>
      </c>
      <c r="JB26" s="102">
        <v>160</v>
      </c>
      <c r="JC26" s="102">
        <v>132</v>
      </c>
      <c r="JD26" s="102">
        <v>81</v>
      </c>
      <c r="JE26" s="103">
        <v>838</v>
      </c>
      <c r="JF26" s="104">
        <v>1163</v>
      </c>
      <c r="JG26" s="101">
        <v>58</v>
      </c>
      <c r="JH26" s="102">
        <v>80</v>
      </c>
      <c r="JI26" s="103">
        <v>138</v>
      </c>
      <c r="JJ26" s="413">
        <v>0</v>
      </c>
      <c r="JK26" s="102">
        <v>150</v>
      </c>
      <c r="JL26" s="102">
        <v>166</v>
      </c>
      <c r="JM26" s="102">
        <v>118</v>
      </c>
      <c r="JN26" s="102">
        <v>159</v>
      </c>
      <c r="JO26" s="102">
        <v>78</v>
      </c>
      <c r="JP26" s="103">
        <v>671</v>
      </c>
      <c r="JQ26" s="104">
        <v>809</v>
      </c>
      <c r="JR26" s="101">
        <v>11</v>
      </c>
      <c r="JS26" s="102">
        <v>18</v>
      </c>
      <c r="JT26" s="103">
        <v>29</v>
      </c>
      <c r="JU26" s="413">
        <v>0</v>
      </c>
      <c r="JV26" s="102">
        <v>12</v>
      </c>
      <c r="JW26" s="102">
        <v>26</v>
      </c>
      <c r="JX26" s="102">
        <v>12</v>
      </c>
      <c r="JY26" s="102">
        <v>13</v>
      </c>
      <c r="JZ26" s="102">
        <v>6</v>
      </c>
      <c r="KA26" s="103">
        <v>69</v>
      </c>
      <c r="KB26" s="104">
        <v>98</v>
      </c>
      <c r="KC26" s="101">
        <v>587</v>
      </c>
      <c r="KD26" s="102">
        <v>697</v>
      </c>
      <c r="KE26" s="103">
        <v>1284</v>
      </c>
      <c r="KF26" s="413">
        <v>0</v>
      </c>
      <c r="KG26" s="102">
        <v>881</v>
      </c>
      <c r="KH26" s="102">
        <v>750</v>
      </c>
      <c r="KI26" s="102">
        <v>518</v>
      </c>
      <c r="KJ26" s="102">
        <v>550</v>
      </c>
      <c r="KK26" s="102">
        <v>323</v>
      </c>
      <c r="KL26" s="103">
        <v>3022</v>
      </c>
      <c r="KM26" s="104">
        <v>4306</v>
      </c>
    </row>
    <row r="27" spans="2:299" s="70" customFormat="1" ht="21" customHeight="1" x14ac:dyDescent="0.2">
      <c r="B27" s="106" t="s">
        <v>24</v>
      </c>
      <c r="C27" s="96">
        <v>115</v>
      </c>
      <c r="D27" s="97">
        <v>82</v>
      </c>
      <c r="E27" s="98">
        <v>197</v>
      </c>
      <c r="F27" s="413">
        <v>0</v>
      </c>
      <c r="G27" s="97">
        <v>159</v>
      </c>
      <c r="H27" s="97">
        <v>105</v>
      </c>
      <c r="I27" s="97">
        <v>76</v>
      </c>
      <c r="J27" s="97">
        <v>56</v>
      </c>
      <c r="K27" s="97">
        <v>52</v>
      </c>
      <c r="L27" s="99">
        <v>448</v>
      </c>
      <c r="M27" s="100">
        <v>645</v>
      </c>
      <c r="N27" s="101">
        <v>3</v>
      </c>
      <c r="O27" s="102">
        <v>2</v>
      </c>
      <c r="P27" s="103">
        <v>5</v>
      </c>
      <c r="Q27" s="413">
        <v>0</v>
      </c>
      <c r="R27" s="102">
        <v>5</v>
      </c>
      <c r="S27" s="102">
        <v>0</v>
      </c>
      <c r="T27" s="102">
        <v>2</v>
      </c>
      <c r="U27" s="102">
        <v>1</v>
      </c>
      <c r="V27" s="102">
        <v>3</v>
      </c>
      <c r="W27" s="103">
        <v>11</v>
      </c>
      <c r="X27" s="104">
        <v>16</v>
      </c>
      <c r="Y27" s="101">
        <v>10</v>
      </c>
      <c r="Z27" s="102">
        <v>6</v>
      </c>
      <c r="AA27" s="103">
        <v>16</v>
      </c>
      <c r="AB27" s="413">
        <v>0</v>
      </c>
      <c r="AC27" s="102">
        <v>15</v>
      </c>
      <c r="AD27" s="102">
        <v>5</v>
      </c>
      <c r="AE27" s="102">
        <v>5</v>
      </c>
      <c r="AF27" s="102">
        <v>4</v>
      </c>
      <c r="AG27" s="102">
        <v>10</v>
      </c>
      <c r="AH27" s="103">
        <v>39</v>
      </c>
      <c r="AI27" s="104">
        <v>55</v>
      </c>
      <c r="AJ27" s="101">
        <v>15</v>
      </c>
      <c r="AK27" s="102">
        <v>13</v>
      </c>
      <c r="AL27" s="103">
        <v>28</v>
      </c>
      <c r="AM27" s="413">
        <v>0</v>
      </c>
      <c r="AN27" s="102">
        <v>22</v>
      </c>
      <c r="AO27" s="102">
        <v>16</v>
      </c>
      <c r="AP27" s="102">
        <v>11</v>
      </c>
      <c r="AQ27" s="102">
        <v>10</v>
      </c>
      <c r="AR27" s="102">
        <v>3</v>
      </c>
      <c r="AS27" s="103">
        <v>62</v>
      </c>
      <c r="AT27" s="104">
        <v>90</v>
      </c>
      <c r="AU27" s="101">
        <v>20</v>
      </c>
      <c r="AV27" s="102">
        <v>14</v>
      </c>
      <c r="AW27" s="103">
        <v>34</v>
      </c>
      <c r="AX27" s="413">
        <v>0</v>
      </c>
      <c r="AY27" s="102">
        <v>45</v>
      </c>
      <c r="AZ27" s="102">
        <v>22</v>
      </c>
      <c r="BA27" s="102">
        <v>20</v>
      </c>
      <c r="BB27" s="102">
        <v>13</v>
      </c>
      <c r="BC27" s="102">
        <v>9</v>
      </c>
      <c r="BD27" s="103">
        <v>109</v>
      </c>
      <c r="BE27" s="104">
        <v>143</v>
      </c>
      <c r="BF27" s="101">
        <v>38</v>
      </c>
      <c r="BG27" s="102">
        <v>24</v>
      </c>
      <c r="BH27" s="103">
        <v>62</v>
      </c>
      <c r="BI27" s="413">
        <v>0</v>
      </c>
      <c r="BJ27" s="102">
        <v>44</v>
      </c>
      <c r="BK27" s="102">
        <v>33</v>
      </c>
      <c r="BL27" s="102">
        <v>20</v>
      </c>
      <c r="BM27" s="102">
        <v>17</v>
      </c>
      <c r="BN27" s="102">
        <v>10</v>
      </c>
      <c r="BO27" s="103">
        <v>124</v>
      </c>
      <c r="BP27" s="104">
        <v>186</v>
      </c>
      <c r="BQ27" s="101">
        <v>29</v>
      </c>
      <c r="BR27" s="102">
        <v>23</v>
      </c>
      <c r="BS27" s="103">
        <v>52</v>
      </c>
      <c r="BT27" s="413">
        <v>0</v>
      </c>
      <c r="BU27" s="102">
        <v>28</v>
      </c>
      <c r="BV27" s="102">
        <v>29</v>
      </c>
      <c r="BW27" s="102">
        <v>18</v>
      </c>
      <c r="BX27" s="102">
        <v>11</v>
      </c>
      <c r="BY27" s="102">
        <v>17</v>
      </c>
      <c r="BZ27" s="103">
        <v>103</v>
      </c>
      <c r="CA27" s="104">
        <v>155</v>
      </c>
      <c r="CB27" s="101">
        <v>3</v>
      </c>
      <c r="CC27" s="102">
        <v>2</v>
      </c>
      <c r="CD27" s="103">
        <v>5</v>
      </c>
      <c r="CE27" s="413">
        <v>0</v>
      </c>
      <c r="CF27" s="102">
        <v>3</v>
      </c>
      <c r="CG27" s="102">
        <v>4</v>
      </c>
      <c r="CH27" s="102">
        <v>3</v>
      </c>
      <c r="CI27" s="102">
        <v>4</v>
      </c>
      <c r="CJ27" s="102">
        <v>1</v>
      </c>
      <c r="CK27" s="103">
        <v>15</v>
      </c>
      <c r="CL27" s="104">
        <v>20</v>
      </c>
      <c r="CM27" s="101">
        <v>118</v>
      </c>
      <c r="CN27" s="102">
        <v>84</v>
      </c>
      <c r="CO27" s="103">
        <v>202</v>
      </c>
      <c r="CP27" s="413">
        <v>0</v>
      </c>
      <c r="CQ27" s="102">
        <v>162</v>
      </c>
      <c r="CR27" s="102">
        <v>109</v>
      </c>
      <c r="CS27" s="102">
        <v>79</v>
      </c>
      <c r="CT27" s="102">
        <v>60</v>
      </c>
      <c r="CU27" s="102">
        <v>53</v>
      </c>
      <c r="CV27" s="103">
        <v>463</v>
      </c>
      <c r="CW27" s="104">
        <v>665</v>
      </c>
      <c r="CX27" s="105">
        <v>249</v>
      </c>
      <c r="CY27" s="97">
        <v>166</v>
      </c>
      <c r="CZ27" s="98">
        <v>415</v>
      </c>
      <c r="DA27" s="413">
        <v>0</v>
      </c>
      <c r="DB27" s="97">
        <v>280</v>
      </c>
      <c r="DC27" s="97">
        <v>179</v>
      </c>
      <c r="DD27" s="97">
        <v>148</v>
      </c>
      <c r="DE27" s="97">
        <v>221</v>
      </c>
      <c r="DF27" s="97">
        <v>105</v>
      </c>
      <c r="DG27" s="99">
        <v>933</v>
      </c>
      <c r="DH27" s="100">
        <v>1348</v>
      </c>
      <c r="DI27" s="101">
        <v>2</v>
      </c>
      <c r="DJ27" s="102">
        <v>5</v>
      </c>
      <c r="DK27" s="103">
        <v>7</v>
      </c>
      <c r="DL27" s="413">
        <v>0</v>
      </c>
      <c r="DM27" s="102">
        <v>3</v>
      </c>
      <c r="DN27" s="102">
        <v>2</v>
      </c>
      <c r="DO27" s="102">
        <v>1</v>
      </c>
      <c r="DP27" s="102">
        <v>3</v>
      </c>
      <c r="DQ27" s="102">
        <v>2</v>
      </c>
      <c r="DR27" s="103">
        <v>11</v>
      </c>
      <c r="DS27" s="104">
        <v>18</v>
      </c>
      <c r="DT27" s="101">
        <v>9</v>
      </c>
      <c r="DU27" s="102">
        <v>5</v>
      </c>
      <c r="DV27" s="103">
        <v>14</v>
      </c>
      <c r="DW27" s="413">
        <v>0</v>
      </c>
      <c r="DX27" s="102">
        <v>7</v>
      </c>
      <c r="DY27" s="102">
        <v>6</v>
      </c>
      <c r="DZ27" s="102">
        <v>4</v>
      </c>
      <c r="EA27" s="102">
        <v>8</v>
      </c>
      <c r="EB27" s="102">
        <v>3</v>
      </c>
      <c r="EC27" s="103">
        <v>28</v>
      </c>
      <c r="ED27" s="104">
        <v>42</v>
      </c>
      <c r="EE27" s="101">
        <v>31</v>
      </c>
      <c r="EF27" s="102">
        <v>17</v>
      </c>
      <c r="EG27" s="103">
        <v>48</v>
      </c>
      <c r="EH27" s="413">
        <v>0</v>
      </c>
      <c r="EI27" s="102">
        <v>28</v>
      </c>
      <c r="EJ27" s="102">
        <v>20</v>
      </c>
      <c r="EK27" s="102">
        <v>13</v>
      </c>
      <c r="EL27" s="102">
        <v>15</v>
      </c>
      <c r="EM27" s="102">
        <v>7</v>
      </c>
      <c r="EN27" s="103">
        <v>83</v>
      </c>
      <c r="EO27" s="104">
        <v>131</v>
      </c>
      <c r="EP27" s="101">
        <v>69</v>
      </c>
      <c r="EQ27" s="102">
        <v>36</v>
      </c>
      <c r="ER27" s="103">
        <v>105</v>
      </c>
      <c r="ES27" s="413">
        <v>0</v>
      </c>
      <c r="ET27" s="102">
        <v>71</v>
      </c>
      <c r="EU27" s="102">
        <v>24</v>
      </c>
      <c r="EV27" s="102">
        <v>24</v>
      </c>
      <c r="EW27" s="102">
        <v>33</v>
      </c>
      <c r="EX27" s="102">
        <v>19</v>
      </c>
      <c r="EY27" s="103">
        <v>171</v>
      </c>
      <c r="EZ27" s="104">
        <v>276</v>
      </c>
      <c r="FA27" s="101">
        <v>82</v>
      </c>
      <c r="FB27" s="102">
        <v>57</v>
      </c>
      <c r="FC27" s="103">
        <v>139</v>
      </c>
      <c r="FD27" s="413">
        <v>0</v>
      </c>
      <c r="FE27" s="102">
        <v>94</v>
      </c>
      <c r="FF27" s="102">
        <v>56</v>
      </c>
      <c r="FG27" s="102">
        <v>33</v>
      </c>
      <c r="FH27" s="102">
        <v>48</v>
      </c>
      <c r="FI27" s="102">
        <v>25</v>
      </c>
      <c r="FJ27" s="103">
        <v>256</v>
      </c>
      <c r="FK27" s="104">
        <v>395</v>
      </c>
      <c r="FL27" s="101">
        <v>56</v>
      </c>
      <c r="FM27" s="102">
        <v>46</v>
      </c>
      <c r="FN27" s="103">
        <v>102</v>
      </c>
      <c r="FO27" s="413">
        <v>0</v>
      </c>
      <c r="FP27" s="102">
        <v>77</v>
      </c>
      <c r="FQ27" s="102">
        <v>71</v>
      </c>
      <c r="FR27" s="102">
        <v>73</v>
      </c>
      <c r="FS27" s="102">
        <v>114</v>
      </c>
      <c r="FT27" s="102">
        <v>49</v>
      </c>
      <c r="FU27" s="103">
        <v>384</v>
      </c>
      <c r="FV27" s="104">
        <v>486</v>
      </c>
      <c r="FW27" s="101">
        <v>3</v>
      </c>
      <c r="FX27" s="102">
        <v>1</v>
      </c>
      <c r="FY27" s="103">
        <v>4</v>
      </c>
      <c r="FZ27" s="413">
        <v>0</v>
      </c>
      <c r="GA27" s="102">
        <v>2</v>
      </c>
      <c r="GB27" s="102">
        <v>3</v>
      </c>
      <c r="GC27" s="102">
        <v>2</v>
      </c>
      <c r="GD27" s="102">
        <v>2</v>
      </c>
      <c r="GE27" s="102">
        <v>4</v>
      </c>
      <c r="GF27" s="103">
        <v>13</v>
      </c>
      <c r="GG27" s="104">
        <v>17</v>
      </c>
      <c r="GH27" s="101">
        <v>252</v>
      </c>
      <c r="GI27" s="102">
        <v>167</v>
      </c>
      <c r="GJ27" s="103">
        <v>419</v>
      </c>
      <c r="GK27" s="413">
        <v>0</v>
      </c>
      <c r="GL27" s="102">
        <v>282</v>
      </c>
      <c r="GM27" s="102">
        <v>182</v>
      </c>
      <c r="GN27" s="102">
        <v>150</v>
      </c>
      <c r="GO27" s="102">
        <v>223</v>
      </c>
      <c r="GP27" s="102">
        <v>109</v>
      </c>
      <c r="GQ27" s="103">
        <v>946</v>
      </c>
      <c r="GR27" s="104">
        <v>1365</v>
      </c>
      <c r="GS27" s="105">
        <v>364</v>
      </c>
      <c r="GT27" s="97">
        <v>248</v>
      </c>
      <c r="GU27" s="98">
        <v>612</v>
      </c>
      <c r="GV27" s="413">
        <v>0</v>
      </c>
      <c r="GW27" s="97">
        <v>439</v>
      </c>
      <c r="GX27" s="97">
        <v>284</v>
      </c>
      <c r="GY27" s="97">
        <v>224</v>
      </c>
      <c r="GZ27" s="97">
        <v>277</v>
      </c>
      <c r="HA27" s="97">
        <v>157</v>
      </c>
      <c r="HB27" s="99">
        <v>1381</v>
      </c>
      <c r="HC27" s="100">
        <v>1993</v>
      </c>
      <c r="HD27" s="101">
        <v>5</v>
      </c>
      <c r="HE27" s="102">
        <v>7</v>
      </c>
      <c r="HF27" s="103">
        <v>12</v>
      </c>
      <c r="HG27" s="416">
        <v>0</v>
      </c>
      <c r="HH27" s="102">
        <v>8</v>
      </c>
      <c r="HI27" s="102">
        <v>2</v>
      </c>
      <c r="HJ27" s="102">
        <v>3</v>
      </c>
      <c r="HK27" s="102">
        <v>4</v>
      </c>
      <c r="HL27" s="102">
        <v>5</v>
      </c>
      <c r="HM27" s="103">
        <v>22</v>
      </c>
      <c r="HN27" s="104">
        <v>34</v>
      </c>
      <c r="HO27" s="101">
        <v>19</v>
      </c>
      <c r="HP27" s="102">
        <v>11</v>
      </c>
      <c r="HQ27" s="103">
        <v>30</v>
      </c>
      <c r="HR27" s="413">
        <v>0</v>
      </c>
      <c r="HS27" s="102">
        <v>22</v>
      </c>
      <c r="HT27" s="102">
        <v>11</v>
      </c>
      <c r="HU27" s="102">
        <v>9</v>
      </c>
      <c r="HV27" s="102">
        <v>12</v>
      </c>
      <c r="HW27" s="102">
        <v>13</v>
      </c>
      <c r="HX27" s="103">
        <v>67</v>
      </c>
      <c r="HY27" s="104">
        <v>97</v>
      </c>
      <c r="HZ27" s="101">
        <v>46</v>
      </c>
      <c r="IA27" s="102">
        <v>30</v>
      </c>
      <c r="IB27" s="103">
        <v>76</v>
      </c>
      <c r="IC27" s="413">
        <v>0</v>
      </c>
      <c r="ID27" s="102">
        <v>50</v>
      </c>
      <c r="IE27" s="102">
        <v>36</v>
      </c>
      <c r="IF27" s="102">
        <v>24</v>
      </c>
      <c r="IG27" s="102">
        <v>25</v>
      </c>
      <c r="IH27" s="102">
        <v>10</v>
      </c>
      <c r="II27" s="103">
        <v>145</v>
      </c>
      <c r="IJ27" s="104">
        <v>221</v>
      </c>
      <c r="IK27" s="101">
        <v>89</v>
      </c>
      <c r="IL27" s="102">
        <v>50</v>
      </c>
      <c r="IM27" s="103">
        <v>139</v>
      </c>
      <c r="IN27" s="413">
        <v>0</v>
      </c>
      <c r="IO27" s="102">
        <v>116</v>
      </c>
      <c r="IP27" s="102">
        <v>46</v>
      </c>
      <c r="IQ27" s="102">
        <v>44</v>
      </c>
      <c r="IR27" s="102">
        <v>46</v>
      </c>
      <c r="IS27" s="102">
        <v>28</v>
      </c>
      <c r="IT27" s="103">
        <v>280</v>
      </c>
      <c r="IU27" s="104">
        <v>419</v>
      </c>
      <c r="IV27" s="101">
        <v>120</v>
      </c>
      <c r="IW27" s="102">
        <v>81</v>
      </c>
      <c r="IX27" s="103">
        <v>201</v>
      </c>
      <c r="IY27" s="413">
        <v>0</v>
      </c>
      <c r="IZ27" s="102">
        <v>138</v>
      </c>
      <c r="JA27" s="102">
        <v>89</v>
      </c>
      <c r="JB27" s="102">
        <v>53</v>
      </c>
      <c r="JC27" s="102">
        <v>65</v>
      </c>
      <c r="JD27" s="102">
        <v>35</v>
      </c>
      <c r="JE27" s="103">
        <v>380</v>
      </c>
      <c r="JF27" s="104">
        <v>581</v>
      </c>
      <c r="JG27" s="101">
        <v>85</v>
      </c>
      <c r="JH27" s="102">
        <v>69</v>
      </c>
      <c r="JI27" s="103">
        <v>154</v>
      </c>
      <c r="JJ27" s="413">
        <v>0</v>
      </c>
      <c r="JK27" s="102">
        <v>105</v>
      </c>
      <c r="JL27" s="102">
        <v>100</v>
      </c>
      <c r="JM27" s="102">
        <v>91</v>
      </c>
      <c r="JN27" s="102">
        <v>125</v>
      </c>
      <c r="JO27" s="102">
        <v>66</v>
      </c>
      <c r="JP27" s="103">
        <v>487</v>
      </c>
      <c r="JQ27" s="104">
        <v>641</v>
      </c>
      <c r="JR27" s="101">
        <v>6</v>
      </c>
      <c r="JS27" s="102">
        <v>3</v>
      </c>
      <c r="JT27" s="103">
        <v>9</v>
      </c>
      <c r="JU27" s="413">
        <v>0</v>
      </c>
      <c r="JV27" s="102">
        <v>5</v>
      </c>
      <c r="JW27" s="102">
        <v>7</v>
      </c>
      <c r="JX27" s="102">
        <v>5</v>
      </c>
      <c r="JY27" s="102">
        <v>6</v>
      </c>
      <c r="JZ27" s="102">
        <v>5</v>
      </c>
      <c r="KA27" s="103">
        <v>28</v>
      </c>
      <c r="KB27" s="104">
        <v>37</v>
      </c>
      <c r="KC27" s="101">
        <v>370</v>
      </c>
      <c r="KD27" s="102">
        <v>251</v>
      </c>
      <c r="KE27" s="103">
        <v>621</v>
      </c>
      <c r="KF27" s="413">
        <v>0</v>
      </c>
      <c r="KG27" s="102">
        <v>444</v>
      </c>
      <c r="KH27" s="102">
        <v>291</v>
      </c>
      <c r="KI27" s="102">
        <v>229</v>
      </c>
      <c r="KJ27" s="102">
        <v>283</v>
      </c>
      <c r="KK27" s="102">
        <v>162</v>
      </c>
      <c r="KL27" s="103">
        <v>1409</v>
      </c>
      <c r="KM27" s="104">
        <v>2030</v>
      </c>
    </row>
    <row r="28" spans="2:299" s="70" customFormat="1" ht="21" customHeight="1" x14ac:dyDescent="0.2">
      <c r="B28" s="106" t="s">
        <v>25</v>
      </c>
      <c r="C28" s="96">
        <v>129</v>
      </c>
      <c r="D28" s="97">
        <v>123</v>
      </c>
      <c r="E28" s="98">
        <v>252</v>
      </c>
      <c r="F28" s="413">
        <v>0</v>
      </c>
      <c r="G28" s="97">
        <v>195</v>
      </c>
      <c r="H28" s="97">
        <v>165</v>
      </c>
      <c r="I28" s="97">
        <v>97</v>
      </c>
      <c r="J28" s="97">
        <v>106</v>
      </c>
      <c r="K28" s="97">
        <v>53</v>
      </c>
      <c r="L28" s="99">
        <v>616</v>
      </c>
      <c r="M28" s="100">
        <v>868</v>
      </c>
      <c r="N28" s="101">
        <v>3</v>
      </c>
      <c r="O28" s="102">
        <v>5</v>
      </c>
      <c r="P28" s="103">
        <v>8</v>
      </c>
      <c r="Q28" s="413">
        <v>0</v>
      </c>
      <c r="R28" s="102">
        <v>10</v>
      </c>
      <c r="S28" s="102">
        <v>6</v>
      </c>
      <c r="T28" s="102">
        <v>2</v>
      </c>
      <c r="U28" s="102">
        <v>5</v>
      </c>
      <c r="V28" s="102">
        <v>1</v>
      </c>
      <c r="W28" s="103">
        <v>24</v>
      </c>
      <c r="X28" s="104">
        <v>32</v>
      </c>
      <c r="Y28" s="101">
        <v>20</v>
      </c>
      <c r="Z28" s="102">
        <v>9</v>
      </c>
      <c r="AA28" s="103">
        <v>29</v>
      </c>
      <c r="AB28" s="413">
        <v>0</v>
      </c>
      <c r="AC28" s="102">
        <v>15</v>
      </c>
      <c r="AD28" s="102">
        <v>20</v>
      </c>
      <c r="AE28" s="102">
        <v>12</v>
      </c>
      <c r="AF28" s="102">
        <v>15</v>
      </c>
      <c r="AG28" s="102">
        <v>7</v>
      </c>
      <c r="AH28" s="103">
        <v>69</v>
      </c>
      <c r="AI28" s="104">
        <v>98</v>
      </c>
      <c r="AJ28" s="101">
        <v>18</v>
      </c>
      <c r="AK28" s="102">
        <v>17</v>
      </c>
      <c r="AL28" s="103">
        <v>35</v>
      </c>
      <c r="AM28" s="413">
        <v>0</v>
      </c>
      <c r="AN28" s="102">
        <v>38</v>
      </c>
      <c r="AO28" s="102">
        <v>33</v>
      </c>
      <c r="AP28" s="102">
        <v>16</v>
      </c>
      <c r="AQ28" s="102">
        <v>23</v>
      </c>
      <c r="AR28" s="102">
        <v>12</v>
      </c>
      <c r="AS28" s="103">
        <v>122</v>
      </c>
      <c r="AT28" s="104">
        <v>157</v>
      </c>
      <c r="AU28" s="101">
        <v>41</v>
      </c>
      <c r="AV28" s="102">
        <v>43</v>
      </c>
      <c r="AW28" s="103">
        <v>84</v>
      </c>
      <c r="AX28" s="413">
        <v>0</v>
      </c>
      <c r="AY28" s="102">
        <v>51</v>
      </c>
      <c r="AZ28" s="102">
        <v>40</v>
      </c>
      <c r="BA28" s="102">
        <v>33</v>
      </c>
      <c r="BB28" s="102">
        <v>24</v>
      </c>
      <c r="BC28" s="102">
        <v>14</v>
      </c>
      <c r="BD28" s="103">
        <v>162</v>
      </c>
      <c r="BE28" s="104">
        <v>246</v>
      </c>
      <c r="BF28" s="101">
        <v>28</v>
      </c>
      <c r="BG28" s="102">
        <v>33</v>
      </c>
      <c r="BH28" s="103">
        <v>61</v>
      </c>
      <c r="BI28" s="413">
        <v>0</v>
      </c>
      <c r="BJ28" s="102">
        <v>60</v>
      </c>
      <c r="BK28" s="102">
        <v>33</v>
      </c>
      <c r="BL28" s="102">
        <v>25</v>
      </c>
      <c r="BM28" s="102">
        <v>23</v>
      </c>
      <c r="BN28" s="102">
        <v>10</v>
      </c>
      <c r="BO28" s="103">
        <v>151</v>
      </c>
      <c r="BP28" s="104">
        <v>212</v>
      </c>
      <c r="BQ28" s="101">
        <v>19</v>
      </c>
      <c r="BR28" s="102">
        <v>16</v>
      </c>
      <c r="BS28" s="103">
        <v>35</v>
      </c>
      <c r="BT28" s="413">
        <v>0</v>
      </c>
      <c r="BU28" s="102">
        <v>21</v>
      </c>
      <c r="BV28" s="102">
        <v>33</v>
      </c>
      <c r="BW28" s="102">
        <v>9</v>
      </c>
      <c r="BX28" s="102">
        <v>16</v>
      </c>
      <c r="BY28" s="102">
        <v>9</v>
      </c>
      <c r="BZ28" s="103">
        <v>88</v>
      </c>
      <c r="CA28" s="104">
        <v>123</v>
      </c>
      <c r="CB28" s="101">
        <v>2</v>
      </c>
      <c r="CC28" s="102">
        <v>3</v>
      </c>
      <c r="CD28" s="103">
        <v>5</v>
      </c>
      <c r="CE28" s="413">
        <v>0</v>
      </c>
      <c r="CF28" s="102">
        <v>2</v>
      </c>
      <c r="CG28" s="102">
        <v>11</v>
      </c>
      <c r="CH28" s="102">
        <v>4</v>
      </c>
      <c r="CI28" s="102">
        <v>5</v>
      </c>
      <c r="CJ28" s="102">
        <v>2</v>
      </c>
      <c r="CK28" s="103">
        <v>24</v>
      </c>
      <c r="CL28" s="104">
        <v>29</v>
      </c>
      <c r="CM28" s="101">
        <v>131</v>
      </c>
      <c r="CN28" s="102">
        <v>126</v>
      </c>
      <c r="CO28" s="103">
        <v>257</v>
      </c>
      <c r="CP28" s="413">
        <v>0</v>
      </c>
      <c r="CQ28" s="102">
        <v>197</v>
      </c>
      <c r="CR28" s="102">
        <v>176</v>
      </c>
      <c r="CS28" s="102">
        <v>101</v>
      </c>
      <c r="CT28" s="102">
        <v>111</v>
      </c>
      <c r="CU28" s="102">
        <v>55</v>
      </c>
      <c r="CV28" s="103">
        <v>640</v>
      </c>
      <c r="CW28" s="104">
        <v>897</v>
      </c>
      <c r="CX28" s="105">
        <v>221</v>
      </c>
      <c r="CY28" s="97">
        <v>255</v>
      </c>
      <c r="CZ28" s="98">
        <v>476</v>
      </c>
      <c r="DA28" s="413">
        <v>0</v>
      </c>
      <c r="DB28" s="97">
        <v>319</v>
      </c>
      <c r="DC28" s="97">
        <v>246</v>
      </c>
      <c r="DD28" s="97">
        <v>172</v>
      </c>
      <c r="DE28" s="97">
        <v>203</v>
      </c>
      <c r="DF28" s="97">
        <v>93</v>
      </c>
      <c r="DG28" s="99">
        <v>1033</v>
      </c>
      <c r="DH28" s="100">
        <v>1509</v>
      </c>
      <c r="DI28" s="101">
        <v>4</v>
      </c>
      <c r="DJ28" s="102">
        <v>6</v>
      </c>
      <c r="DK28" s="103">
        <v>10</v>
      </c>
      <c r="DL28" s="413">
        <v>0</v>
      </c>
      <c r="DM28" s="102">
        <v>8</v>
      </c>
      <c r="DN28" s="102">
        <v>7</v>
      </c>
      <c r="DO28" s="102">
        <v>4</v>
      </c>
      <c r="DP28" s="102">
        <v>1</v>
      </c>
      <c r="DQ28" s="102">
        <v>2</v>
      </c>
      <c r="DR28" s="103">
        <v>22</v>
      </c>
      <c r="DS28" s="104">
        <v>32</v>
      </c>
      <c r="DT28" s="101">
        <v>17</v>
      </c>
      <c r="DU28" s="102">
        <v>24</v>
      </c>
      <c r="DV28" s="103">
        <v>41</v>
      </c>
      <c r="DW28" s="413">
        <v>0</v>
      </c>
      <c r="DX28" s="102">
        <v>21</v>
      </c>
      <c r="DY28" s="102">
        <v>7</v>
      </c>
      <c r="DZ28" s="102">
        <v>10</v>
      </c>
      <c r="EA28" s="102">
        <v>10</v>
      </c>
      <c r="EB28" s="102">
        <v>9</v>
      </c>
      <c r="EC28" s="103">
        <v>57</v>
      </c>
      <c r="ED28" s="104">
        <v>98</v>
      </c>
      <c r="EE28" s="101">
        <v>32</v>
      </c>
      <c r="EF28" s="102">
        <v>26</v>
      </c>
      <c r="EG28" s="103">
        <v>58</v>
      </c>
      <c r="EH28" s="413">
        <v>0</v>
      </c>
      <c r="EI28" s="102">
        <v>50</v>
      </c>
      <c r="EJ28" s="102">
        <v>38</v>
      </c>
      <c r="EK28" s="102">
        <v>21</v>
      </c>
      <c r="EL28" s="102">
        <v>22</v>
      </c>
      <c r="EM28" s="102">
        <v>11</v>
      </c>
      <c r="EN28" s="103">
        <v>142</v>
      </c>
      <c r="EO28" s="104">
        <v>200</v>
      </c>
      <c r="EP28" s="101">
        <v>73</v>
      </c>
      <c r="EQ28" s="102">
        <v>73</v>
      </c>
      <c r="ER28" s="103">
        <v>146</v>
      </c>
      <c r="ES28" s="413">
        <v>0</v>
      </c>
      <c r="ET28" s="102">
        <v>83</v>
      </c>
      <c r="EU28" s="102">
        <v>64</v>
      </c>
      <c r="EV28" s="102">
        <v>39</v>
      </c>
      <c r="EW28" s="102">
        <v>44</v>
      </c>
      <c r="EX28" s="102">
        <v>13</v>
      </c>
      <c r="EY28" s="103">
        <v>243</v>
      </c>
      <c r="EZ28" s="104">
        <v>389</v>
      </c>
      <c r="FA28" s="101">
        <v>66</v>
      </c>
      <c r="FB28" s="102">
        <v>72</v>
      </c>
      <c r="FC28" s="103">
        <v>138</v>
      </c>
      <c r="FD28" s="413">
        <v>0</v>
      </c>
      <c r="FE28" s="102">
        <v>78</v>
      </c>
      <c r="FF28" s="102">
        <v>63</v>
      </c>
      <c r="FG28" s="102">
        <v>47</v>
      </c>
      <c r="FH28" s="102">
        <v>55</v>
      </c>
      <c r="FI28" s="102">
        <v>28</v>
      </c>
      <c r="FJ28" s="103">
        <v>271</v>
      </c>
      <c r="FK28" s="104">
        <v>409</v>
      </c>
      <c r="FL28" s="101">
        <v>29</v>
      </c>
      <c r="FM28" s="102">
        <v>54</v>
      </c>
      <c r="FN28" s="103">
        <v>83</v>
      </c>
      <c r="FO28" s="413">
        <v>0</v>
      </c>
      <c r="FP28" s="102">
        <v>79</v>
      </c>
      <c r="FQ28" s="102">
        <v>67</v>
      </c>
      <c r="FR28" s="102">
        <v>51</v>
      </c>
      <c r="FS28" s="102">
        <v>71</v>
      </c>
      <c r="FT28" s="102">
        <v>30</v>
      </c>
      <c r="FU28" s="103">
        <v>298</v>
      </c>
      <c r="FV28" s="104">
        <v>381</v>
      </c>
      <c r="FW28" s="101">
        <v>3</v>
      </c>
      <c r="FX28" s="102">
        <v>4</v>
      </c>
      <c r="FY28" s="103">
        <v>7</v>
      </c>
      <c r="FZ28" s="413">
        <v>0</v>
      </c>
      <c r="GA28" s="102">
        <v>4</v>
      </c>
      <c r="GB28" s="102">
        <v>5</v>
      </c>
      <c r="GC28" s="102">
        <v>3</v>
      </c>
      <c r="GD28" s="102">
        <v>0</v>
      </c>
      <c r="GE28" s="102">
        <v>6</v>
      </c>
      <c r="GF28" s="103">
        <v>18</v>
      </c>
      <c r="GG28" s="104">
        <v>25</v>
      </c>
      <c r="GH28" s="101">
        <v>224</v>
      </c>
      <c r="GI28" s="102">
        <v>259</v>
      </c>
      <c r="GJ28" s="103">
        <v>483</v>
      </c>
      <c r="GK28" s="413">
        <v>0</v>
      </c>
      <c r="GL28" s="102">
        <v>323</v>
      </c>
      <c r="GM28" s="102">
        <v>251</v>
      </c>
      <c r="GN28" s="102">
        <v>175</v>
      </c>
      <c r="GO28" s="102">
        <v>203</v>
      </c>
      <c r="GP28" s="102">
        <v>99</v>
      </c>
      <c r="GQ28" s="103">
        <v>1051</v>
      </c>
      <c r="GR28" s="104">
        <v>1534</v>
      </c>
      <c r="GS28" s="105">
        <v>350</v>
      </c>
      <c r="GT28" s="97">
        <v>378</v>
      </c>
      <c r="GU28" s="98">
        <v>728</v>
      </c>
      <c r="GV28" s="413">
        <v>0</v>
      </c>
      <c r="GW28" s="97">
        <v>514</v>
      </c>
      <c r="GX28" s="97">
        <v>411</v>
      </c>
      <c r="GY28" s="97">
        <v>269</v>
      </c>
      <c r="GZ28" s="97">
        <v>309</v>
      </c>
      <c r="HA28" s="97">
        <v>146</v>
      </c>
      <c r="HB28" s="99">
        <v>1649</v>
      </c>
      <c r="HC28" s="100">
        <v>2377</v>
      </c>
      <c r="HD28" s="101">
        <v>7</v>
      </c>
      <c r="HE28" s="102">
        <v>11</v>
      </c>
      <c r="HF28" s="103">
        <v>18</v>
      </c>
      <c r="HG28" s="416">
        <v>0</v>
      </c>
      <c r="HH28" s="102">
        <v>18</v>
      </c>
      <c r="HI28" s="102">
        <v>13</v>
      </c>
      <c r="HJ28" s="102">
        <v>6</v>
      </c>
      <c r="HK28" s="102">
        <v>6</v>
      </c>
      <c r="HL28" s="102">
        <v>3</v>
      </c>
      <c r="HM28" s="103">
        <v>46</v>
      </c>
      <c r="HN28" s="104">
        <v>64</v>
      </c>
      <c r="HO28" s="101">
        <v>37</v>
      </c>
      <c r="HP28" s="102">
        <v>33</v>
      </c>
      <c r="HQ28" s="103">
        <v>70</v>
      </c>
      <c r="HR28" s="413">
        <v>0</v>
      </c>
      <c r="HS28" s="102">
        <v>36</v>
      </c>
      <c r="HT28" s="102">
        <v>27</v>
      </c>
      <c r="HU28" s="102">
        <v>22</v>
      </c>
      <c r="HV28" s="102">
        <v>25</v>
      </c>
      <c r="HW28" s="102">
        <v>16</v>
      </c>
      <c r="HX28" s="103">
        <v>126</v>
      </c>
      <c r="HY28" s="104">
        <v>196</v>
      </c>
      <c r="HZ28" s="101">
        <v>50</v>
      </c>
      <c r="IA28" s="102">
        <v>43</v>
      </c>
      <c r="IB28" s="103">
        <v>93</v>
      </c>
      <c r="IC28" s="413">
        <v>0</v>
      </c>
      <c r="ID28" s="102">
        <v>88</v>
      </c>
      <c r="IE28" s="102">
        <v>71</v>
      </c>
      <c r="IF28" s="102">
        <v>37</v>
      </c>
      <c r="IG28" s="102">
        <v>45</v>
      </c>
      <c r="IH28" s="102">
        <v>23</v>
      </c>
      <c r="II28" s="103">
        <v>264</v>
      </c>
      <c r="IJ28" s="104">
        <v>357</v>
      </c>
      <c r="IK28" s="101">
        <v>114</v>
      </c>
      <c r="IL28" s="102">
        <v>116</v>
      </c>
      <c r="IM28" s="103">
        <v>230</v>
      </c>
      <c r="IN28" s="413">
        <v>0</v>
      </c>
      <c r="IO28" s="102">
        <v>134</v>
      </c>
      <c r="IP28" s="102">
        <v>104</v>
      </c>
      <c r="IQ28" s="102">
        <v>72</v>
      </c>
      <c r="IR28" s="102">
        <v>68</v>
      </c>
      <c r="IS28" s="102">
        <v>27</v>
      </c>
      <c r="IT28" s="103">
        <v>405</v>
      </c>
      <c r="IU28" s="104">
        <v>635</v>
      </c>
      <c r="IV28" s="101">
        <v>94</v>
      </c>
      <c r="IW28" s="102">
        <v>105</v>
      </c>
      <c r="IX28" s="103">
        <v>199</v>
      </c>
      <c r="IY28" s="413">
        <v>0</v>
      </c>
      <c r="IZ28" s="102">
        <v>138</v>
      </c>
      <c r="JA28" s="102">
        <v>96</v>
      </c>
      <c r="JB28" s="102">
        <v>72</v>
      </c>
      <c r="JC28" s="102">
        <v>78</v>
      </c>
      <c r="JD28" s="102">
        <v>38</v>
      </c>
      <c r="JE28" s="103">
        <v>422</v>
      </c>
      <c r="JF28" s="104">
        <v>621</v>
      </c>
      <c r="JG28" s="101">
        <v>48</v>
      </c>
      <c r="JH28" s="102">
        <v>70</v>
      </c>
      <c r="JI28" s="103">
        <v>118</v>
      </c>
      <c r="JJ28" s="413">
        <v>0</v>
      </c>
      <c r="JK28" s="102">
        <v>100</v>
      </c>
      <c r="JL28" s="102">
        <v>100</v>
      </c>
      <c r="JM28" s="102">
        <v>60</v>
      </c>
      <c r="JN28" s="102">
        <v>87</v>
      </c>
      <c r="JO28" s="102">
        <v>39</v>
      </c>
      <c r="JP28" s="103">
        <v>386</v>
      </c>
      <c r="JQ28" s="104">
        <v>504</v>
      </c>
      <c r="JR28" s="101">
        <v>5</v>
      </c>
      <c r="JS28" s="102">
        <v>7</v>
      </c>
      <c r="JT28" s="103">
        <v>12</v>
      </c>
      <c r="JU28" s="413">
        <v>0</v>
      </c>
      <c r="JV28" s="102">
        <v>6</v>
      </c>
      <c r="JW28" s="102">
        <v>16</v>
      </c>
      <c r="JX28" s="102">
        <v>7</v>
      </c>
      <c r="JY28" s="102">
        <v>5</v>
      </c>
      <c r="JZ28" s="102">
        <v>8</v>
      </c>
      <c r="KA28" s="103">
        <v>42</v>
      </c>
      <c r="KB28" s="104">
        <v>54</v>
      </c>
      <c r="KC28" s="101">
        <v>355</v>
      </c>
      <c r="KD28" s="102">
        <v>385</v>
      </c>
      <c r="KE28" s="103">
        <v>740</v>
      </c>
      <c r="KF28" s="413">
        <v>0</v>
      </c>
      <c r="KG28" s="102">
        <v>520</v>
      </c>
      <c r="KH28" s="102">
        <v>427</v>
      </c>
      <c r="KI28" s="102">
        <v>276</v>
      </c>
      <c r="KJ28" s="102">
        <v>314</v>
      </c>
      <c r="KK28" s="102">
        <v>154</v>
      </c>
      <c r="KL28" s="103">
        <v>1691</v>
      </c>
      <c r="KM28" s="104">
        <v>2431</v>
      </c>
    </row>
    <row r="29" spans="2:299" s="70" customFormat="1" ht="21" customHeight="1" x14ac:dyDescent="0.2">
      <c r="B29" s="106" t="s">
        <v>26</v>
      </c>
      <c r="C29" s="96">
        <v>86</v>
      </c>
      <c r="D29" s="97">
        <v>75</v>
      </c>
      <c r="E29" s="98">
        <v>161</v>
      </c>
      <c r="F29" s="413">
        <v>0</v>
      </c>
      <c r="G29" s="97">
        <v>144</v>
      </c>
      <c r="H29" s="97">
        <v>130</v>
      </c>
      <c r="I29" s="97">
        <v>95</v>
      </c>
      <c r="J29" s="97">
        <v>70</v>
      </c>
      <c r="K29" s="97">
        <v>51</v>
      </c>
      <c r="L29" s="99">
        <v>490</v>
      </c>
      <c r="M29" s="100">
        <v>651</v>
      </c>
      <c r="N29" s="101">
        <v>5</v>
      </c>
      <c r="O29" s="102">
        <v>2</v>
      </c>
      <c r="P29" s="103">
        <v>7</v>
      </c>
      <c r="Q29" s="413">
        <v>0</v>
      </c>
      <c r="R29" s="102">
        <v>3</v>
      </c>
      <c r="S29" s="102">
        <v>2</v>
      </c>
      <c r="T29" s="102">
        <v>5</v>
      </c>
      <c r="U29" s="102">
        <v>3</v>
      </c>
      <c r="V29" s="102">
        <v>1</v>
      </c>
      <c r="W29" s="103">
        <v>14</v>
      </c>
      <c r="X29" s="104">
        <v>21</v>
      </c>
      <c r="Y29" s="101">
        <v>5</v>
      </c>
      <c r="Z29" s="102">
        <v>8</v>
      </c>
      <c r="AA29" s="103">
        <v>13</v>
      </c>
      <c r="AB29" s="413">
        <v>0</v>
      </c>
      <c r="AC29" s="102">
        <v>15</v>
      </c>
      <c r="AD29" s="102">
        <v>11</v>
      </c>
      <c r="AE29" s="102">
        <v>8</v>
      </c>
      <c r="AF29" s="102">
        <v>9</v>
      </c>
      <c r="AG29" s="102">
        <v>7</v>
      </c>
      <c r="AH29" s="103">
        <v>50</v>
      </c>
      <c r="AI29" s="104">
        <v>63</v>
      </c>
      <c r="AJ29" s="101">
        <v>12</v>
      </c>
      <c r="AK29" s="102">
        <v>11</v>
      </c>
      <c r="AL29" s="103">
        <v>23</v>
      </c>
      <c r="AM29" s="413">
        <v>0</v>
      </c>
      <c r="AN29" s="102">
        <v>21</v>
      </c>
      <c r="AO29" s="102">
        <v>23</v>
      </c>
      <c r="AP29" s="102">
        <v>9</v>
      </c>
      <c r="AQ29" s="102">
        <v>9</v>
      </c>
      <c r="AR29" s="102">
        <v>9</v>
      </c>
      <c r="AS29" s="103">
        <v>71</v>
      </c>
      <c r="AT29" s="104">
        <v>94</v>
      </c>
      <c r="AU29" s="101">
        <v>26</v>
      </c>
      <c r="AV29" s="102">
        <v>17</v>
      </c>
      <c r="AW29" s="103">
        <v>43</v>
      </c>
      <c r="AX29" s="413">
        <v>0</v>
      </c>
      <c r="AY29" s="102">
        <v>39</v>
      </c>
      <c r="AZ29" s="102">
        <v>31</v>
      </c>
      <c r="BA29" s="102">
        <v>24</v>
      </c>
      <c r="BB29" s="102">
        <v>21</v>
      </c>
      <c r="BC29" s="102">
        <v>16</v>
      </c>
      <c r="BD29" s="103">
        <v>131</v>
      </c>
      <c r="BE29" s="104">
        <v>174</v>
      </c>
      <c r="BF29" s="101">
        <v>18</v>
      </c>
      <c r="BG29" s="102">
        <v>24</v>
      </c>
      <c r="BH29" s="103">
        <v>42</v>
      </c>
      <c r="BI29" s="413">
        <v>0</v>
      </c>
      <c r="BJ29" s="102">
        <v>38</v>
      </c>
      <c r="BK29" s="102">
        <v>37</v>
      </c>
      <c r="BL29" s="102">
        <v>31</v>
      </c>
      <c r="BM29" s="102">
        <v>20</v>
      </c>
      <c r="BN29" s="102">
        <v>7</v>
      </c>
      <c r="BO29" s="103">
        <v>133</v>
      </c>
      <c r="BP29" s="104">
        <v>175</v>
      </c>
      <c r="BQ29" s="101">
        <v>20</v>
      </c>
      <c r="BR29" s="102">
        <v>13</v>
      </c>
      <c r="BS29" s="103">
        <v>33</v>
      </c>
      <c r="BT29" s="413">
        <v>0</v>
      </c>
      <c r="BU29" s="102">
        <v>28</v>
      </c>
      <c r="BV29" s="102">
        <v>26</v>
      </c>
      <c r="BW29" s="102">
        <v>18</v>
      </c>
      <c r="BX29" s="102">
        <v>8</v>
      </c>
      <c r="BY29" s="102">
        <v>11</v>
      </c>
      <c r="BZ29" s="103">
        <v>91</v>
      </c>
      <c r="CA29" s="104">
        <v>124</v>
      </c>
      <c r="CB29" s="101">
        <v>3</v>
      </c>
      <c r="CC29" s="102">
        <v>1</v>
      </c>
      <c r="CD29" s="103">
        <v>4</v>
      </c>
      <c r="CE29" s="413">
        <v>0</v>
      </c>
      <c r="CF29" s="102">
        <v>6</v>
      </c>
      <c r="CG29" s="102">
        <v>8</v>
      </c>
      <c r="CH29" s="102">
        <v>1</v>
      </c>
      <c r="CI29" s="102">
        <v>2</v>
      </c>
      <c r="CJ29" s="102">
        <v>0</v>
      </c>
      <c r="CK29" s="103">
        <v>17</v>
      </c>
      <c r="CL29" s="104">
        <v>21</v>
      </c>
      <c r="CM29" s="101">
        <v>89</v>
      </c>
      <c r="CN29" s="102">
        <v>76</v>
      </c>
      <c r="CO29" s="103">
        <v>165</v>
      </c>
      <c r="CP29" s="413">
        <v>0</v>
      </c>
      <c r="CQ29" s="102">
        <v>150</v>
      </c>
      <c r="CR29" s="102">
        <v>138</v>
      </c>
      <c r="CS29" s="102">
        <v>96</v>
      </c>
      <c r="CT29" s="102">
        <v>72</v>
      </c>
      <c r="CU29" s="102">
        <v>51</v>
      </c>
      <c r="CV29" s="103">
        <v>507</v>
      </c>
      <c r="CW29" s="104">
        <v>672</v>
      </c>
      <c r="CX29" s="105">
        <v>178</v>
      </c>
      <c r="CY29" s="97">
        <v>241</v>
      </c>
      <c r="CZ29" s="98">
        <v>419</v>
      </c>
      <c r="DA29" s="413">
        <v>0</v>
      </c>
      <c r="DB29" s="97">
        <v>233</v>
      </c>
      <c r="DC29" s="97">
        <v>253</v>
      </c>
      <c r="DD29" s="97">
        <v>174</v>
      </c>
      <c r="DE29" s="97">
        <v>150</v>
      </c>
      <c r="DF29" s="97">
        <v>122</v>
      </c>
      <c r="DG29" s="99">
        <v>932</v>
      </c>
      <c r="DH29" s="100">
        <v>1351</v>
      </c>
      <c r="DI29" s="101">
        <v>0</v>
      </c>
      <c r="DJ29" s="102">
        <v>5</v>
      </c>
      <c r="DK29" s="103">
        <v>5</v>
      </c>
      <c r="DL29" s="413">
        <v>0</v>
      </c>
      <c r="DM29" s="102">
        <v>4</v>
      </c>
      <c r="DN29" s="102">
        <v>5</v>
      </c>
      <c r="DO29" s="102">
        <v>1</v>
      </c>
      <c r="DP29" s="102">
        <v>2</v>
      </c>
      <c r="DQ29" s="102">
        <v>1</v>
      </c>
      <c r="DR29" s="103">
        <v>13</v>
      </c>
      <c r="DS29" s="104">
        <v>18</v>
      </c>
      <c r="DT29" s="101">
        <v>11</v>
      </c>
      <c r="DU29" s="102">
        <v>17</v>
      </c>
      <c r="DV29" s="103">
        <v>28</v>
      </c>
      <c r="DW29" s="413">
        <v>0</v>
      </c>
      <c r="DX29" s="102">
        <v>12</v>
      </c>
      <c r="DY29" s="102">
        <v>14</v>
      </c>
      <c r="DZ29" s="102">
        <v>3</v>
      </c>
      <c r="EA29" s="102">
        <v>5</v>
      </c>
      <c r="EB29" s="102">
        <v>5</v>
      </c>
      <c r="EC29" s="103">
        <v>39</v>
      </c>
      <c r="ED29" s="104">
        <v>67</v>
      </c>
      <c r="EE29" s="101">
        <v>22</v>
      </c>
      <c r="EF29" s="102">
        <v>31</v>
      </c>
      <c r="EG29" s="103">
        <v>53</v>
      </c>
      <c r="EH29" s="413">
        <v>0</v>
      </c>
      <c r="EI29" s="102">
        <v>29</v>
      </c>
      <c r="EJ29" s="102">
        <v>26</v>
      </c>
      <c r="EK29" s="102">
        <v>17</v>
      </c>
      <c r="EL29" s="102">
        <v>16</v>
      </c>
      <c r="EM29" s="102">
        <v>10</v>
      </c>
      <c r="EN29" s="103">
        <v>98</v>
      </c>
      <c r="EO29" s="104">
        <v>151</v>
      </c>
      <c r="EP29" s="101">
        <v>55</v>
      </c>
      <c r="EQ29" s="102">
        <v>75</v>
      </c>
      <c r="ER29" s="103">
        <v>130</v>
      </c>
      <c r="ES29" s="413">
        <v>0</v>
      </c>
      <c r="ET29" s="102">
        <v>52</v>
      </c>
      <c r="EU29" s="102">
        <v>58</v>
      </c>
      <c r="EV29" s="102">
        <v>37</v>
      </c>
      <c r="EW29" s="102">
        <v>23</v>
      </c>
      <c r="EX29" s="102">
        <v>13</v>
      </c>
      <c r="EY29" s="103">
        <v>183</v>
      </c>
      <c r="EZ29" s="104">
        <v>313</v>
      </c>
      <c r="FA29" s="101">
        <v>56</v>
      </c>
      <c r="FB29" s="102">
        <v>63</v>
      </c>
      <c r="FC29" s="103">
        <v>119</v>
      </c>
      <c r="FD29" s="413">
        <v>0</v>
      </c>
      <c r="FE29" s="102">
        <v>68</v>
      </c>
      <c r="FF29" s="102">
        <v>68</v>
      </c>
      <c r="FG29" s="102">
        <v>48</v>
      </c>
      <c r="FH29" s="102">
        <v>29</v>
      </c>
      <c r="FI29" s="102">
        <v>32</v>
      </c>
      <c r="FJ29" s="103">
        <v>245</v>
      </c>
      <c r="FK29" s="104">
        <v>364</v>
      </c>
      <c r="FL29" s="101">
        <v>34</v>
      </c>
      <c r="FM29" s="102">
        <v>50</v>
      </c>
      <c r="FN29" s="103">
        <v>84</v>
      </c>
      <c r="FO29" s="413">
        <v>0</v>
      </c>
      <c r="FP29" s="102">
        <v>68</v>
      </c>
      <c r="FQ29" s="102">
        <v>82</v>
      </c>
      <c r="FR29" s="102">
        <v>68</v>
      </c>
      <c r="FS29" s="102">
        <v>75</v>
      </c>
      <c r="FT29" s="102">
        <v>61</v>
      </c>
      <c r="FU29" s="103">
        <v>354</v>
      </c>
      <c r="FV29" s="104">
        <v>438</v>
      </c>
      <c r="FW29" s="101">
        <v>1</v>
      </c>
      <c r="FX29" s="102">
        <v>1</v>
      </c>
      <c r="FY29" s="103">
        <v>2</v>
      </c>
      <c r="FZ29" s="413">
        <v>0</v>
      </c>
      <c r="GA29" s="102">
        <v>3</v>
      </c>
      <c r="GB29" s="102">
        <v>0</v>
      </c>
      <c r="GC29" s="102">
        <v>5</v>
      </c>
      <c r="GD29" s="102">
        <v>5</v>
      </c>
      <c r="GE29" s="102">
        <v>3</v>
      </c>
      <c r="GF29" s="103">
        <v>16</v>
      </c>
      <c r="GG29" s="104">
        <v>18</v>
      </c>
      <c r="GH29" s="101">
        <v>179</v>
      </c>
      <c r="GI29" s="102">
        <v>242</v>
      </c>
      <c r="GJ29" s="103">
        <v>421</v>
      </c>
      <c r="GK29" s="413">
        <v>0</v>
      </c>
      <c r="GL29" s="102">
        <v>236</v>
      </c>
      <c r="GM29" s="102">
        <v>253</v>
      </c>
      <c r="GN29" s="102">
        <v>179</v>
      </c>
      <c r="GO29" s="102">
        <v>155</v>
      </c>
      <c r="GP29" s="102">
        <v>125</v>
      </c>
      <c r="GQ29" s="103">
        <v>948</v>
      </c>
      <c r="GR29" s="104">
        <v>1369</v>
      </c>
      <c r="GS29" s="105">
        <v>264</v>
      </c>
      <c r="GT29" s="97">
        <v>316</v>
      </c>
      <c r="GU29" s="98">
        <v>580</v>
      </c>
      <c r="GV29" s="413">
        <v>0</v>
      </c>
      <c r="GW29" s="97">
        <v>377</v>
      </c>
      <c r="GX29" s="97">
        <v>383</v>
      </c>
      <c r="GY29" s="97">
        <v>269</v>
      </c>
      <c r="GZ29" s="97">
        <v>220</v>
      </c>
      <c r="HA29" s="97">
        <v>173</v>
      </c>
      <c r="HB29" s="99">
        <v>1422</v>
      </c>
      <c r="HC29" s="100">
        <v>2002</v>
      </c>
      <c r="HD29" s="101">
        <v>5</v>
      </c>
      <c r="HE29" s="102">
        <v>7</v>
      </c>
      <c r="HF29" s="103">
        <v>12</v>
      </c>
      <c r="HG29" s="416">
        <v>0</v>
      </c>
      <c r="HH29" s="102">
        <v>7</v>
      </c>
      <c r="HI29" s="102">
        <v>7</v>
      </c>
      <c r="HJ29" s="102">
        <v>6</v>
      </c>
      <c r="HK29" s="102">
        <v>5</v>
      </c>
      <c r="HL29" s="102">
        <v>2</v>
      </c>
      <c r="HM29" s="103">
        <v>27</v>
      </c>
      <c r="HN29" s="104">
        <v>39</v>
      </c>
      <c r="HO29" s="101">
        <v>16</v>
      </c>
      <c r="HP29" s="102">
        <v>25</v>
      </c>
      <c r="HQ29" s="103">
        <v>41</v>
      </c>
      <c r="HR29" s="413">
        <v>0</v>
      </c>
      <c r="HS29" s="102">
        <v>27</v>
      </c>
      <c r="HT29" s="102">
        <v>25</v>
      </c>
      <c r="HU29" s="102">
        <v>11</v>
      </c>
      <c r="HV29" s="102">
        <v>14</v>
      </c>
      <c r="HW29" s="102">
        <v>12</v>
      </c>
      <c r="HX29" s="103">
        <v>89</v>
      </c>
      <c r="HY29" s="104">
        <v>130</v>
      </c>
      <c r="HZ29" s="101">
        <v>34</v>
      </c>
      <c r="IA29" s="102">
        <v>42</v>
      </c>
      <c r="IB29" s="103">
        <v>76</v>
      </c>
      <c r="IC29" s="413">
        <v>0</v>
      </c>
      <c r="ID29" s="102">
        <v>50</v>
      </c>
      <c r="IE29" s="102">
        <v>49</v>
      </c>
      <c r="IF29" s="102">
        <v>26</v>
      </c>
      <c r="IG29" s="102">
        <v>25</v>
      </c>
      <c r="IH29" s="102">
        <v>19</v>
      </c>
      <c r="II29" s="103">
        <v>169</v>
      </c>
      <c r="IJ29" s="104">
        <v>245</v>
      </c>
      <c r="IK29" s="101">
        <v>81</v>
      </c>
      <c r="IL29" s="102">
        <v>92</v>
      </c>
      <c r="IM29" s="103">
        <v>173</v>
      </c>
      <c r="IN29" s="413">
        <v>0</v>
      </c>
      <c r="IO29" s="102">
        <v>91</v>
      </c>
      <c r="IP29" s="102">
        <v>89</v>
      </c>
      <c r="IQ29" s="102">
        <v>61</v>
      </c>
      <c r="IR29" s="102">
        <v>44</v>
      </c>
      <c r="IS29" s="102">
        <v>29</v>
      </c>
      <c r="IT29" s="103">
        <v>314</v>
      </c>
      <c r="IU29" s="104">
        <v>487</v>
      </c>
      <c r="IV29" s="101">
        <v>74</v>
      </c>
      <c r="IW29" s="102">
        <v>87</v>
      </c>
      <c r="IX29" s="103">
        <v>161</v>
      </c>
      <c r="IY29" s="413">
        <v>0</v>
      </c>
      <c r="IZ29" s="102">
        <v>106</v>
      </c>
      <c r="JA29" s="102">
        <v>105</v>
      </c>
      <c r="JB29" s="102">
        <v>79</v>
      </c>
      <c r="JC29" s="102">
        <v>49</v>
      </c>
      <c r="JD29" s="102">
        <v>39</v>
      </c>
      <c r="JE29" s="103">
        <v>378</v>
      </c>
      <c r="JF29" s="104">
        <v>539</v>
      </c>
      <c r="JG29" s="101">
        <v>54</v>
      </c>
      <c r="JH29" s="102">
        <v>63</v>
      </c>
      <c r="JI29" s="103">
        <v>117</v>
      </c>
      <c r="JJ29" s="413">
        <v>0</v>
      </c>
      <c r="JK29" s="102">
        <v>96</v>
      </c>
      <c r="JL29" s="102">
        <v>108</v>
      </c>
      <c r="JM29" s="102">
        <v>86</v>
      </c>
      <c r="JN29" s="102">
        <v>83</v>
      </c>
      <c r="JO29" s="102">
        <v>72</v>
      </c>
      <c r="JP29" s="103">
        <v>445</v>
      </c>
      <c r="JQ29" s="104">
        <v>562</v>
      </c>
      <c r="JR29" s="101">
        <v>4</v>
      </c>
      <c r="JS29" s="102">
        <v>2</v>
      </c>
      <c r="JT29" s="103">
        <v>6</v>
      </c>
      <c r="JU29" s="413">
        <v>0</v>
      </c>
      <c r="JV29" s="102">
        <v>9</v>
      </c>
      <c r="JW29" s="102">
        <v>8</v>
      </c>
      <c r="JX29" s="102">
        <v>6</v>
      </c>
      <c r="JY29" s="102">
        <v>7</v>
      </c>
      <c r="JZ29" s="102">
        <v>3</v>
      </c>
      <c r="KA29" s="103">
        <v>33</v>
      </c>
      <c r="KB29" s="104">
        <v>39</v>
      </c>
      <c r="KC29" s="101">
        <v>268</v>
      </c>
      <c r="KD29" s="102">
        <v>318</v>
      </c>
      <c r="KE29" s="103">
        <v>586</v>
      </c>
      <c r="KF29" s="413">
        <v>0</v>
      </c>
      <c r="KG29" s="102">
        <v>386</v>
      </c>
      <c r="KH29" s="102">
        <v>391</v>
      </c>
      <c r="KI29" s="102">
        <v>275</v>
      </c>
      <c r="KJ29" s="102">
        <v>227</v>
      </c>
      <c r="KK29" s="102">
        <v>176</v>
      </c>
      <c r="KL29" s="103">
        <v>1455</v>
      </c>
      <c r="KM29" s="104">
        <v>2041</v>
      </c>
    </row>
    <row r="30" spans="2:299" s="70" customFormat="1" ht="21" customHeight="1" x14ac:dyDescent="0.2">
      <c r="B30" s="106" t="s">
        <v>27</v>
      </c>
      <c r="C30" s="96">
        <v>113</v>
      </c>
      <c r="D30" s="97">
        <v>137</v>
      </c>
      <c r="E30" s="98">
        <v>250</v>
      </c>
      <c r="F30" s="413">
        <v>0</v>
      </c>
      <c r="G30" s="97">
        <v>107</v>
      </c>
      <c r="H30" s="97">
        <v>90</v>
      </c>
      <c r="I30" s="97">
        <v>67</v>
      </c>
      <c r="J30" s="97">
        <v>77</v>
      </c>
      <c r="K30" s="97">
        <v>41</v>
      </c>
      <c r="L30" s="99">
        <v>382</v>
      </c>
      <c r="M30" s="100">
        <v>632</v>
      </c>
      <c r="N30" s="101">
        <v>1</v>
      </c>
      <c r="O30" s="102">
        <v>7</v>
      </c>
      <c r="P30" s="103">
        <v>8</v>
      </c>
      <c r="Q30" s="413">
        <v>0</v>
      </c>
      <c r="R30" s="102">
        <v>2</v>
      </c>
      <c r="S30" s="102">
        <v>2</v>
      </c>
      <c r="T30" s="102">
        <v>1</v>
      </c>
      <c r="U30" s="102">
        <v>1</v>
      </c>
      <c r="V30" s="102">
        <v>2</v>
      </c>
      <c r="W30" s="103">
        <v>8</v>
      </c>
      <c r="X30" s="104">
        <v>16</v>
      </c>
      <c r="Y30" s="101">
        <v>6</v>
      </c>
      <c r="Z30" s="102">
        <v>12</v>
      </c>
      <c r="AA30" s="103">
        <v>18</v>
      </c>
      <c r="AB30" s="413">
        <v>0</v>
      </c>
      <c r="AC30" s="102">
        <v>12</v>
      </c>
      <c r="AD30" s="102">
        <v>14</v>
      </c>
      <c r="AE30" s="102">
        <v>4</v>
      </c>
      <c r="AF30" s="102">
        <v>4</v>
      </c>
      <c r="AG30" s="102">
        <v>3</v>
      </c>
      <c r="AH30" s="103">
        <v>37</v>
      </c>
      <c r="AI30" s="104">
        <v>55</v>
      </c>
      <c r="AJ30" s="101">
        <v>22</v>
      </c>
      <c r="AK30" s="102">
        <v>25</v>
      </c>
      <c r="AL30" s="103">
        <v>47</v>
      </c>
      <c r="AM30" s="413">
        <v>0</v>
      </c>
      <c r="AN30" s="102">
        <v>17</v>
      </c>
      <c r="AO30" s="102">
        <v>14</v>
      </c>
      <c r="AP30" s="102">
        <v>9</v>
      </c>
      <c r="AQ30" s="102">
        <v>9</v>
      </c>
      <c r="AR30" s="102">
        <v>8</v>
      </c>
      <c r="AS30" s="103">
        <v>57</v>
      </c>
      <c r="AT30" s="104">
        <v>104</v>
      </c>
      <c r="AU30" s="101">
        <v>27</v>
      </c>
      <c r="AV30" s="102">
        <v>33</v>
      </c>
      <c r="AW30" s="103">
        <v>60</v>
      </c>
      <c r="AX30" s="413">
        <v>0</v>
      </c>
      <c r="AY30" s="102">
        <v>21</v>
      </c>
      <c r="AZ30" s="102">
        <v>27</v>
      </c>
      <c r="BA30" s="102">
        <v>21</v>
      </c>
      <c r="BB30" s="102">
        <v>20</v>
      </c>
      <c r="BC30" s="102">
        <v>6</v>
      </c>
      <c r="BD30" s="103">
        <v>95</v>
      </c>
      <c r="BE30" s="104">
        <v>155</v>
      </c>
      <c r="BF30" s="101">
        <v>39</v>
      </c>
      <c r="BG30" s="102">
        <v>41</v>
      </c>
      <c r="BH30" s="103">
        <v>80</v>
      </c>
      <c r="BI30" s="413">
        <v>0</v>
      </c>
      <c r="BJ30" s="102">
        <v>26</v>
      </c>
      <c r="BK30" s="102">
        <v>11</v>
      </c>
      <c r="BL30" s="102">
        <v>17</v>
      </c>
      <c r="BM30" s="102">
        <v>19</v>
      </c>
      <c r="BN30" s="102">
        <v>13</v>
      </c>
      <c r="BO30" s="103">
        <v>86</v>
      </c>
      <c r="BP30" s="104">
        <v>166</v>
      </c>
      <c r="BQ30" s="101">
        <v>18</v>
      </c>
      <c r="BR30" s="102">
        <v>19</v>
      </c>
      <c r="BS30" s="103">
        <v>37</v>
      </c>
      <c r="BT30" s="413">
        <v>0</v>
      </c>
      <c r="BU30" s="102">
        <v>29</v>
      </c>
      <c r="BV30" s="102">
        <v>22</v>
      </c>
      <c r="BW30" s="102">
        <v>15</v>
      </c>
      <c r="BX30" s="102">
        <v>24</v>
      </c>
      <c r="BY30" s="102">
        <v>9</v>
      </c>
      <c r="BZ30" s="103">
        <v>99</v>
      </c>
      <c r="CA30" s="104">
        <v>136</v>
      </c>
      <c r="CB30" s="101">
        <v>8</v>
      </c>
      <c r="CC30" s="102">
        <v>5</v>
      </c>
      <c r="CD30" s="103">
        <v>13</v>
      </c>
      <c r="CE30" s="413">
        <v>0</v>
      </c>
      <c r="CF30" s="102">
        <v>2</v>
      </c>
      <c r="CG30" s="102">
        <v>2</v>
      </c>
      <c r="CH30" s="102">
        <v>6</v>
      </c>
      <c r="CI30" s="102">
        <v>4</v>
      </c>
      <c r="CJ30" s="102">
        <v>2</v>
      </c>
      <c r="CK30" s="103">
        <v>16</v>
      </c>
      <c r="CL30" s="104">
        <v>29</v>
      </c>
      <c r="CM30" s="101">
        <v>121</v>
      </c>
      <c r="CN30" s="102">
        <v>142</v>
      </c>
      <c r="CO30" s="103">
        <v>263</v>
      </c>
      <c r="CP30" s="413">
        <v>0</v>
      </c>
      <c r="CQ30" s="102">
        <v>109</v>
      </c>
      <c r="CR30" s="102">
        <v>92</v>
      </c>
      <c r="CS30" s="102">
        <v>73</v>
      </c>
      <c r="CT30" s="102">
        <v>81</v>
      </c>
      <c r="CU30" s="102">
        <v>43</v>
      </c>
      <c r="CV30" s="103">
        <v>398</v>
      </c>
      <c r="CW30" s="104">
        <v>661</v>
      </c>
      <c r="CX30" s="105">
        <v>262</v>
      </c>
      <c r="CY30" s="97">
        <v>208</v>
      </c>
      <c r="CZ30" s="98">
        <v>470</v>
      </c>
      <c r="DA30" s="413">
        <v>0</v>
      </c>
      <c r="DB30" s="97">
        <v>248</v>
      </c>
      <c r="DC30" s="97">
        <v>137</v>
      </c>
      <c r="DD30" s="97">
        <v>135</v>
      </c>
      <c r="DE30" s="97">
        <v>147</v>
      </c>
      <c r="DF30" s="97">
        <v>103</v>
      </c>
      <c r="DG30" s="99">
        <v>770</v>
      </c>
      <c r="DH30" s="100">
        <v>1240</v>
      </c>
      <c r="DI30" s="101">
        <v>5</v>
      </c>
      <c r="DJ30" s="102">
        <v>2</v>
      </c>
      <c r="DK30" s="103">
        <v>7</v>
      </c>
      <c r="DL30" s="413">
        <v>0</v>
      </c>
      <c r="DM30" s="102">
        <v>4</v>
      </c>
      <c r="DN30" s="102">
        <v>1</v>
      </c>
      <c r="DO30" s="102">
        <v>0</v>
      </c>
      <c r="DP30" s="102">
        <v>2</v>
      </c>
      <c r="DQ30" s="102">
        <v>3</v>
      </c>
      <c r="DR30" s="103">
        <v>10</v>
      </c>
      <c r="DS30" s="104">
        <v>17</v>
      </c>
      <c r="DT30" s="101">
        <v>14</v>
      </c>
      <c r="DU30" s="102">
        <v>12</v>
      </c>
      <c r="DV30" s="103">
        <v>26</v>
      </c>
      <c r="DW30" s="413">
        <v>0</v>
      </c>
      <c r="DX30" s="102">
        <v>12</v>
      </c>
      <c r="DY30" s="102">
        <v>9</v>
      </c>
      <c r="DZ30" s="102">
        <v>8</v>
      </c>
      <c r="EA30" s="102">
        <v>8</v>
      </c>
      <c r="EB30" s="102">
        <v>0</v>
      </c>
      <c r="EC30" s="103">
        <v>37</v>
      </c>
      <c r="ED30" s="104">
        <v>63</v>
      </c>
      <c r="EE30" s="101">
        <v>40</v>
      </c>
      <c r="EF30" s="102">
        <v>23</v>
      </c>
      <c r="EG30" s="103">
        <v>63</v>
      </c>
      <c r="EH30" s="413">
        <v>0</v>
      </c>
      <c r="EI30" s="102">
        <v>19</v>
      </c>
      <c r="EJ30" s="102">
        <v>17</v>
      </c>
      <c r="EK30" s="102">
        <v>11</v>
      </c>
      <c r="EL30" s="102">
        <v>9</v>
      </c>
      <c r="EM30" s="102">
        <v>7</v>
      </c>
      <c r="EN30" s="103">
        <v>63</v>
      </c>
      <c r="EO30" s="104">
        <v>126</v>
      </c>
      <c r="EP30" s="101">
        <v>66</v>
      </c>
      <c r="EQ30" s="102">
        <v>42</v>
      </c>
      <c r="ER30" s="103">
        <v>108</v>
      </c>
      <c r="ES30" s="413">
        <v>0</v>
      </c>
      <c r="ET30" s="102">
        <v>63</v>
      </c>
      <c r="EU30" s="102">
        <v>24</v>
      </c>
      <c r="EV30" s="102">
        <v>18</v>
      </c>
      <c r="EW30" s="102">
        <v>24</v>
      </c>
      <c r="EX30" s="102">
        <v>19</v>
      </c>
      <c r="EY30" s="103">
        <v>148</v>
      </c>
      <c r="EZ30" s="104">
        <v>256</v>
      </c>
      <c r="FA30" s="101">
        <v>82</v>
      </c>
      <c r="FB30" s="102">
        <v>74</v>
      </c>
      <c r="FC30" s="103">
        <v>156</v>
      </c>
      <c r="FD30" s="413">
        <v>0</v>
      </c>
      <c r="FE30" s="102">
        <v>75</v>
      </c>
      <c r="FF30" s="102">
        <v>36</v>
      </c>
      <c r="FG30" s="102">
        <v>35</v>
      </c>
      <c r="FH30" s="102">
        <v>31</v>
      </c>
      <c r="FI30" s="102">
        <v>26</v>
      </c>
      <c r="FJ30" s="103">
        <v>203</v>
      </c>
      <c r="FK30" s="104">
        <v>359</v>
      </c>
      <c r="FL30" s="101">
        <v>55</v>
      </c>
      <c r="FM30" s="102">
        <v>55</v>
      </c>
      <c r="FN30" s="103">
        <v>110</v>
      </c>
      <c r="FO30" s="413">
        <v>0</v>
      </c>
      <c r="FP30" s="102">
        <v>75</v>
      </c>
      <c r="FQ30" s="102">
        <v>50</v>
      </c>
      <c r="FR30" s="102">
        <v>63</v>
      </c>
      <c r="FS30" s="102">
        <v>73</v>
      </c>
      <c r="FT30" s="102">
        <v>48</v>
      </c>
      <c r="FU30" s="103">
        <v>309</v>
      </c>
      <c r="FV30" s="104">
        <v>419</v>
      </c>
      <c r="FW30" s="101">
        <v>0</v>
      </c>
      <c r="FX30" s="102">
        <v>3</v>
      </c>
      <c r="FY30" s="103">
        <v>3</v>
      </c>
      <c r="FZ30" s="413">
        <v>0</v>
      </c>
      <c r="GA30" s="102">
        <v>4</v>
      </c>
      <c r="GB30" s="102">
        <v>5</v>
      </c>
      <c r="GC30" s="102">
        <v>2</v>
      </c>
      <c r="GD30" s="102">
        <v>2</v>
      </c>
      <c r="GE30" s="102">
        <v>2</v>
      </c>
      <c r="GF30" s="103">
        <v>15</v>
      </c>
      <c r="GG30" s="104">
        <v>18</v>
      </c>
      <c r="GH30" s="101">
        <v>262</v>
      </c>
      <c r="GI30" s="102">
        <v>211</v>
      </c>
      <c r="GJ30" s="103">
        <v>473</v>
      </c>
      <c r="GK30" s="413">
        <v>0</v>
      </c>
      <c r="GL30" s="102">
        <v>252</v>
      </c>
      <c r="GM30" s="102">
        <v>142</v>
      </c>
      <c r="GN30" s="102">
        <v>137</v>
      </c>
      <c r="GO30" s="102">
        <v>149</v>
      </c>
      <c r="GP30" s="102">
        <v>105</v>
      </c>
      <c r="GQ30" s="103">
        <v>785</v>
      </c>
      <c r="GR30" s="104">
        <v>1258</v>
      </c>
      <c r="GS30" s="105">
        <v>375</v>
      </c>
      <c r="GT30" s="97">
        <v>345</v>
      </c>
      <c r="GU30" s="98">
        <v>720</v>
      </c>
      <c r="GV30" s="413">
        <v>0</v>
      </c>
      <c r="GW30" s="97">
        <v>355</v>
      </c>
      <c r="GX30" s="97">
        <v>227</v>
      </c>
      <c r="GY30" s="97">
        <v>202</v>
      </c>
      <c r="GZ30" s="97">
        <v>224</v>
      </c>
      <c r="HA30" s="97">
        <v>144</v>
      </c>
      <c r="HB30" s="99">
        <v>1152</v>
      </c>
      <c r="HC30" s="100">
        <v>1872</v>
      </c>
      <c r="HD30" s="101">
        <v>6</v>
      </c>
      <c r="HE30" s="102">
        <v>9</v>
      </c>
      <c r="HF30" s="103">
        <v>15</v>
      </c>
      <c r="HG30" s="416">
        <v>0</v>
      </c>
      <c r="HH30" s="102">
        <v>6</v>
      </c>
      <c r="HI30" s="102">
        <v>3</v>
      </c>
      <c r="HJ30" s="102">
        <v>1</v>
      </c>
      <c r="HK30" s="102">
        <v>3</v>
      </c>
      <c r="HL30" s="102">
        <v>5</v>
      </c>
      <c r="HM30" s="103">
        <v>18</v>
      </c>
      <c r="HN30" s="104">
        <v>33</v>
      </c>
      <c r="HO30" s="101">
        <v>20</v>
      </c>
      <c r="HP30" s="102">
        <v>24</v>
      </c>
      <c r="HQ30" s="103">
        <v>44</v>
      </c>
      <c r="HR30" s="413">
        <v>0</v>
      </c>
      <c r="HS30" s="102">
        <v>24</v>
      </c>
      <c r="HT30" s="102">
        <v>23</v>
      </c>
      <c r="HU30" s="102">
        <v>12</v>
      </c>
      <c r="HV30" s="102">
        <v>12</v>
      </c>
      <c r="HW30" s="102">
        <v>3</v>
      </c>
      <c r="HX30" s="103">
        <v>74</v>
      </c>
      <c r="HY30" s="104">
        <v>118</v>
      </c>
      <c r="HZ30" s="101">
        <v>62</v>
      </c>
      <c r="IA30" s="102">
        <v>48</v>
      </c>
      <c r="IB30" s="103">
        <v>110</v>
      </c>
      <c r="IC30" s="413">
        <v>0</v>
      </c>
      <c r="ID30" s="102">
        <v>36</v>
      </c>
      <c r="IE30" s="102">
        <v>31</v>
      </c>
      <c r="IF30" s="102">
        <v>20</v>
      </c>
      <c r="IG30" s="102">
        <v>18</v>
      </c>
      <c r="IH30" s="102">
        <v>15</v>
      </c>
      <c r="II30" s="103">
        <v>120</v>
      </c>
      <c r="IJ30" s="104">
        <v>230</v>
      </c>
      <c r="IK30" s="101">
        <v>93</v>
      </c>
      <c r="IL30" s="102">
        <v>75</v>
      </c>
      <c r="IM30" s="103">
        <v>168</v>
      </c>
      <c r="IN30" s="413">
        <v>0</v>
      </c>
      <c r="IO30" s="102">
        <v>84</v>
      </c>
      <c r="IP30" s="102">
        <v>51</v>
      </c>
      <c r="IQ30" s="102">
        <v>39</v>
      </c>
      <c r="IR30" s="102">
        <v>44</v>
      </c>
      <c r="IS30" s="102">
        <v>25</v>
      </c>
      <c r="IT30" s="103">
        <v>243</v>
      </c>
      <c r="IU30" s="104">
        <v>411</v>
      </c>
      <c r="IV30" s="101">
        <v>121</v>
      </c>
      <c r="IW30" s="102">
        <v>115</v>
      </c>
      <c r="IX30" s="103">
        <v>236</v>
      </c>
      <c r="IY30" s="413">
        <v>0</v>
      </c>
      <c r="IZ30" s="102">
        <v>101</v>
      </c>
      <c r="JA30" s="102">
        <v>47</v>
      </c>
      <c r="JB30" s="102">
        <v>52</v>
      </c>
      <c r="JC30" s="102">
        <v>50</v>
      </c>
      <c r="JD30" s="102">
        <v>39</v>
      </c>
      <c r="JE30" s="103">
        <v>289</v>
      </c>
      <c r="JF30" s="104">
        <v>525</v>
      </c>
      <c r="JG30" s="101">
        <v>73</v>
      </c>
      <c r="JH30" s="102">
        <v>74</v>
      </c>
      <c r="JI30" s="103">
        <v>147</v>
      </c>
      <c r="JJ30" s="413">
        <v>0</v>
      </c>
      <c r="JK30" s="102">
        <v>104</v>
      </c>
      <c r="JL30" s="102">
        <v>72</v>
      </c>
      <c r="JM30" s="102">
        <v>78</v>
      </c>
      <c r="JN30" s="102">
        <v>97</v>
      </c>
      <c r="JO30" s="102">
        <v>57</v>
      </c>
      <c r="JP30" s="103">
        <v>408</v>
      </c>
      <c r="JQ30" s="104">
        <v>555</v>
      </c>
      <c r="JR30" s="101">
        <v>8</v>
      </c>
      <c r="JS30" s="102">
        <v>8</v>
      </c>
      <c r="JT30" s="103">
        <v>16</v>
      </c>
      <c r="JU30" s="413">
        <v>0</v>
      </c>
      <c r="JV30" s="102">
        <v>6</v>
      </c>
      <c r="JW30" s="102">
        <v>7</v>
      </c>
      <c r="JX30" s="102">
        <v>8</v>
      </c>
      <c r="JY30" s="102">
        <v>6</v>
      </c>
      <c r="JZ30" s="102">
        <v>4</v>
      </c>
      <c r="KA30" s="103">
        <v>31</v>
      </c>
      <c r="KB30" s="104">
        <v>47</v>
      </c>
      <c r="KC30" s="101">
        <v>383</v>
      </c>
      <c r="KD30" s="102">
        <v>353</v>
      </c>
      <c r="KE30" s="103">
        <v>736</v>
      </c>
      <c r="KF30" s="413">
        <v>0</v>
      </c>
      <c r="KG30" s="102">
        <v>361</v>
      </c>
      <c r="KH30" s="102">
        <v>234</v>
      </c>
      <c r="KI30" s="102">
        <v>210</v>
      </c>
      <c r="KJ30" s="102">
        <v>230</v>
      </c>
      <c r="KK30" s="102">
        <v>148</v>
      </c>
      <c r="KL30" s="103">
        <v>1183</v>
      </c>
      <c r="KM30" s="104">
        <v>1919</v>
      </c>
    </row>
    <row r="31" spans="2:299" s="70" customFormat="1" ht="21" customHeight="1" x14ac:dyDescent="0.2">
      <c r="B31" s="106" t="s">
        <v>28</v>
      </c>
      <c r="C31" s="96">
        <v>8</v>
      </c>
      <c r="D31" s="97">
        <v>24</v>
      </c>
      <c r="E31" s="98">
        <v>32</v>
      </c>
      <c r="F31" s="413">
        <v>0</v>
      </c>
      <c r="G31" s="97">
        <v>58</v>
      </c>
      <c r="H31" s="97">
        <v>43</v>
      </c>
      <c r="I31" s="97">
        <v>31</v>
      </c>
      <c r="J31" s="97">
        <v>18</v>
      </c>
      <c r="K31" s="97">
        <v>13</v>
      </c>
      <c r="L31" s="99">
        <v>163</v>
      </c>
      <c r="M31" s="100">
        <v>195</v>
      </c>
      <c r="N31" s="101">
        <v>0</v>
      </c>
      <c r="O31" s="102">
        <v>4</v>
      </c>
      <c r="P31" s="103">
        <v>4</v>
      </c>
      <c r="Q31" s="413">
        <v>0</v>
      </c>
      <c r="R31" s="102">
        <v>4</v>
      </c>
      <c r="S31" s="102">
        <v>0</v>
      </c>
      <c r="T31" s="102">
        <v>3</v>
      </c>
      <c r="U31" s="102">
        <v>1</v>
      </c>
      <c r="V31" s="102">
        <v>1</v>
      </c>
      <c r="W31" s="103">
        <v>9</v>
      </c>
      <c r="X31" s="104">
        <v>13</v>
      </c>
      <c r="Y31" s="101">
        <v>1</v>
      </c>
      <c r="Z31" s="102">
        <v>4</v>
      </c>
      <c r="AA31" s="103">
        <v>5</v>
      </c>
      <c r="AB31" s="413">
        <v>0</v>
      </c>
      <c r="AC31" s="102">
        <v>9</v>
      </c>
      <c r="AD31" s="102">
        <v>8</v>
      </c>
      <c r="AE31" s="102">
        <v>2</v>
      </c>
      <c r="AF31" s="102">
        <v>2</v>
      </c>
      <c r="AG31" s="102">
        <v>2</v>
      </c>
      <c r="AH31" s="103">
        <v>23</v>
      </c>
      <c r="AI31" s="104">
        <v>28</v>
      </c>
      <c r="AJ31" s="101">
        <v>2</v>
      </c>
      <c r="AK31" s="102">
        <v>3</v>
      </c>
      <c r="AL31" s="103">
        <v>5</v>
      </c>
      <c r="AM31" s="413">
        <v>0</v>
      </c>
      <c r="AN31" s="102">
        <v>9</v>
      </c>
      <c r="AO31" s="102">
        <v>7</v>
      </c>
      <c r="AP31" s="102">
        <v>6</v>
      </c>
      <c r="AQ31" s="102">
        <v>2</v>
      </c>
      <c r="AR31" s="102">
        <v>3</v>
      </c>
      <c r="AS31" s="103">
        <v>27</v>
      </c>
      <c r="AT31" s="104">
        <v>32</v>
      </c>
      <c r="AU31" s="101">
        <v>3</v>
      </c>
      <c r="AV31" s="102">
        <v>6</v>
      </c>
      <c r="AW31" s="103">
        <v>9</v>
      </c>
      <c r="AX31" s="413">
        <v>0</v>
      </c>
      <c r="AY31" s="102">
        <v>16</v>
      </c>
      <c r="AZ31" s="102">
        <v>11</v>
      </c>
      <c r="BA31" s="102">
        <v>4</v>
      </c>
      <c r="BB31" s="102">
        <v>6</v>
      </c>
      <c r="BC31" s="102">
        <v>1</v>
      </c>
      <c r="BD31" s="103">
        <v>38</v>
      </c>
      <c r="BE31" s="104">
        <v>47</v>
      </c>
      <c r="BF31" s="101">
        <v>1</v>
      </c>
      <c r="BG31" s="102">
        <v>4</v>
      </c>
      <c r="BH31" s="103">
        <v>5</v>
      </c>
      <c r="BI31" s="413">
        <v>0</v>
      </c>
      <c r="BJ31" s="102">
        <v>13</v>
      </c>
      <c r="BK31" s="102">
        <v>9</v>
      </c>
      <c r="BL31" s="102">
        <v>8</v>
      </c>
      <c r="BM31" s="102">
        <v>2</v>
      </c>
      <c r="BN31" s="102">
        <v>2</v>
      </c>
      <c r="BO31" s="103">
        <v>34</v>
      </c>
      <c r="BP31" s="104">
        <v>39</v>
      </c>
      <c r="BQ31" s="101">
        <v>1</v>
      </c>
      <c r="BR31" s="102">
        <v>3</v>
      </c>
      <c r="BS31" s="103">
        <v>4</v>
      </c>
      <c r="BT31" s="413">
        <v>0</v>
      </c>
      <c r="BU31" s="102">
        <v>7</v>
      </c>
      <c r="BV31" s="102">
        <v>8</v>
      </c>
      <c r="BW31" s="102">
        <v>8</v>
      </c>
      <c r="BX31" s="102">
        <v>5</v>
      </c>
      <c r="BY31" s="102">
        <v>4</v>
      </c>
      <c r="BZ31" s="103">
        <v>32</v>
      </c>
      <c r="CA31" s="104">
        <v>36</v>
      </c>
      <c r="CB31" s="101">
        <v>0</v>
      </c>
      <c r="CC31" s="102">
        <v>1</v>
      </c>
      <c r="CD31" s="103">
        <v>1</v>
      </c>
      <c r="CE31" s="413">
        <v>0</v>
      </c>
      <c r="CF31" s="102">
        <v>0</v>
      </c>
      <c r="CG31" s="102">
        <v>1</v>
      </c>
      <c r="CH31" s="102">
        <v>1</v>
      </c>
      <c r="CI31" s="102">
        <v>0</v>
      </c>
      <c r="CJ31" s="102">
        <v>2</v>
      </c>
      <c r="CK31" s="103">
        <v>4</v>
      </c>
      <c r="CL31" s="104">
        <v>5</v>
      </c>
      <c r="CM31" s="101">
        <v>8</v>
      </c>
      <c r="CN31" s="102">
        <v>25</v>
      </c>
      <c r="CO31" s="103">
        <v>33</v>
      </c>
      <c r="CP31" s="413">
        <v>0</v>
      </c>
      <c r="CQ31" s="102">
        <v>58</v>
      </c>
      <c r="CR31" s="102">
        <v>44</v>
      </c>
      <c r="CS31" s="102">
        <v>32</v>
      </c>
      <c r="CT31" s="102">
        <v>18</v>
      </c>
      <c r="CU31" s="102">
        <v>15</v>
      </c>
      <c r="CV31" s="103">
        <v>167</v>
      </c>
      <c r="CW31" s="104">
        <v>200</v>
      </c>
      <c r="CX31" s="105">
        <v>14</v>
      </c>
      <c r="CY31" s="97">
        <v>39</v>
      </c>
      <c r="CZ31" s="98">
        <v>53</v>
      </c>
      <c r="DA31" s="413">
        <v>0</v>
      </c>
      <c r="DB31" s="97">
        <v>54</v>
      </c>
      <c r="DC31" s="97">
        <v>79</v>
      </c>
      <c r="DD31" s="97">
        <v>50</v>
      </c>
      <c r="DE31" s="97">
        <v>49</v>
      </c>
      <c r="DF31" s="97">
        <v>39</v>
      </c>
      <c r="DG31" s="99">
        <v>271</v>
      </c>
      <c r="DH31" s="100">
        <v>324</v>
      </c>
      <c r="DI31" s="101">
        <v>1</v>
      </c>
      <c r="DJ31" s="102">
        <v>0</v>
      </c>
      <c r="DK31" s="103">
        <v>1</v>
      </c>
      <c r="DL31" s="413">
        <v>0</v>
      </c>
      <c r="DM31" s="102">
        <v>2</v>
      </c>
      <c r="DN31" s="102">
        <v>2</v>
      </c>
      <c r="DO31" s="102">
        <v>0</v>
      </c>
      <c r="DP31" s="102">
        <v>0</v>
      </c>
      <c r="DQ31" s="102">
        <v>0</v>
      </c>
      <c r="DR31" s="103">
        <v>4</v>
      </c>
      <c r="DS31" s="104">
        <v>5</v>
      </c>
      <c r="DT31" s="101">
        <v>0</v>
      </c>
      <c r="DU31" s="102">
        <v>4</v>
      </c>
      <c r="DV31" s="103">
        <v>4</v>
      </c>
      <c r="DW31" s="413">
        <v>0</v>
      </c>
      <c r="DX31" s="102">
        <v>2</v>
      </c>
      <c r="DY31" s="102">
        <v>7</v>
      </c>
      <c r="DZ31" s="102">
        <v>3</v>
      </c>
      <c r="EA31" s="102">
        <v>1</v>
      </c>
      <c r="EB31" s="102">
        <v>1</v>
      </c>
      <c r="EC31" s="103">
        <v>14</v>
      </c>
      <c r="ED31" s="104">
        <v>18</v>
      </c>
      <c r="EE31" s="101">
        <v>2</v>
      </c>
      <c r="EF31" s="102">
        <v>8</v>
      </c>
      <c r="EG31" s="103">
        <v>10</v>
      </c>
      <c r="EH31" s="413">
        <v>0</v>
      </c>
      <c r="EI31" s="102">
        <v>8</v>
      </c>
      <c r="EJ31" s="102">
        <v>12</v>
      </c>
      <c r="EK31" s="102">
        <v>5</v>
      </c>
      <c r="EL31" s="102">
        <v>4</v>
      </c>
      <c r="EM31" s="102">
        <v>6</v>
      </c>
      <c r="EN31" s="103">
        <v>35</v>
      </c>
      <c r="EO31" s="104">
        <v>45</v>
      </c>
      <c r="EP31" s="101">
        <v>8</v>
      </c>
      <c r="EQ31" s="102">
        <v>10</v>
      </c>
      <c r="ER31" s="103">
        <v>18</v>
      </c>
      <c r="ES31" s="413">
        <v>0</v>
      </c>
      <c r="ET31" s="102">
        <v>14</v>
      </c>
      <c r="EU31" s="102">
        <v>10</v>
      </c>
      <c r="EV31" s="102">
        <v>15</v>
      </c>
      <c r="EW31" s="102">
        <v>10</v>
      </c>
      <c r="EX31" s="102">
        <v>9</v>
      </c>
      <c r="EY31" s="103">
        <v>58</v>
      </c>
      <c r="EZ31" s="104">
        <v>76</v>
      </c>
      <c r="FA31" s="101">
        <v>3</v>
      </c>
      <c r="FB31" s="102">
        <v>12</v>
      </c>
      <c r="FC31" s="103">
        <v>15</v>
      </c>
      <c r="FD31" s="413">
        <v>0</v>
      </c>
      <c r="FE31" s="102">
        <v>16</v>
      </c>
      <c r="FF31" s="102">
        <v>28</v>
      </c>
      <c r="FG31" s="102">
        <v>11</v>
      </c>
      <c r="FH31" s="102">
        <v>13</v>
      </c>
      <c r="FI31" s="102">
        <v>10</v>
      </c>
      <c r="FJ31" s="103">
        <v>78</v>
      </c>
      <c r="FK31" s="104">
        <v>93</v>
      </c>
      <c r="FL31" s="101">
        <v>0</v>
      </c>
      <c r="FM31" s="102">
        <v>5</v>
      </c>
      <c r="FN31" s="103">
        <v>5</v>
      </c>
      <c r="FO31" s="413">
        <v>0</v>
      </c>
      <c r="FP31" s="102">
        <v>12</v>
      </c>
      <c r="FQ31" s="102">
        <v>20</v>
      </c>
      <c r="FR31" s="102">
        <v>16</v>
      </c>
      <c r="FS31" s="102">
        <v>21</v>
      </c>
      <c r="FT31" s="102">
        <v>13</v>
      </c>
      <c r="FU31" s="103">
        <v>82</v>
      </c>
      <c r="FV31" s="104">
        <v>87</v>
      </c>
      <c r="FW31" s="101">
        <v>1</v>
      </c>
      <c r="FX31" s="102">
        <v>1</v>
      </c>
      <c r="FY31" s="103">
        <v>2</v>
      </c>
      <c r="FZ31" s="413">
        <v>0</v>
      </c>
      <c r="GA31" s="102">
        <v>1</v>
      </c>
      <c r="GB31" s="102">
        <v>2</v>
      </c>
      <c r="GC31" s="102">
        <v>0</v>
      </c>
      <c r="GD31" s="102">
        <v>0</v>
      </c>
      <c r="GE31" s="102">
        <v>2</v>
      </c>
      <c r="GF31" s="103">
        <v>5</v>
      </c>
      <c r="GG31" s="104">
        <v>7</v>
      </c>
      <c r="GH31" s="101">
        <v>15</v>
      </c>
      <c r="GI31" s="102">
        <v>40</v>
      </c>
      <c r="GJ31" s="103">
        <v>55</v>
      </c>
      <c r="GK31" s="413">
        <v>0</v>
      </c>
      <c r="GL31" s="102">
        <v>55</v>
      </c>
      <c r="GM31" s="102">
        <v>81</v>
      </c>
      <c r="GN31" s="102">
        <v>50</v>
      </c>
      <c r="GO31" s="102">
        <v>49</v>
      </c>
      <c r="GP31" s="102">
        <v>41</v>
      </c>
      <c r="GQ31" s="103">
        <v>276</v>
      </c>
      <c r="GR31" s="104">
        <v>331</v>
      </c>
      <c r="GS31" s="105">
        <v>22</v>
      </c>
      <c r="GT31" s="97">
        <v>63</v>
      </c>
      <c r="GU31" s="98">
        <v>85</v>
      </c>
      <c r="GV31" s="413">
        <v>0</v>
      </c>
      <c r="GW31" s="97">
        <v>112</v>
      </c>
      <c r="GX31" s="97">
        <v>122</v>
      </c>
      <c r="GY31" s="97">
        <v>81</v>
      </c>
      <c r="GZ31" s="97">
        <v>67</v>
      </c>
      <c r="HA31" s="97">
        <v>52</v>
      </c>
      <c r="HB31" s="99">
        <v>434</v>
      </c>
      <c r="HC31" s="100">
        <v>519</v>
      </c>
      <c r="HD31" s="101">
        <v>1</v>
      </c>
      <c r="HE31" s="102">
        <v>4</v>
      </c>
      <c r="HF31" s="103">
        <v>5</v>
      </c>
      <c r="HG31" s="416">
        <v>0</v>
      </c>
      <c r="HH31" s="102">
        <v>6</v>
      </c>
      <c r="HI31" s="102">
        <v>2</v>
      </c>
      <c r="HJ31" s="102">
        <v>3</v>
      </c>
      <c r="HK31" s="102">
        <v>1</v>
      </c>
      <c r="HL31" s="102">
        <v>1</v>
      </c>
      <c r="HM31" s="103">
        <v>13</v>
      </c>
      <c r="HN31" s="104">
        <v>18</v>
      </c>
      <c r="HO31" s="101">
        <v>1</v>
      </c>
      <c r="HP31" s="102">
        <v>8</v>
      </c>
      <c r="HQ31" s="103">
        <v>9</v>
      </c>
      <c r="HR31" s="413">
        <v>0</v>
      </c>
      <c r="HS31" s="102">
        <v>11</v>
      </c>
      <c r="HT31" s="102">
        <v>15</v>
      </c>
      <c r="HU31" s="102">
        <v>5</v>
      </c>
      <c r="HV31" s="102">
        <v>3</v>
      </c>
      <c r="HW31" s="102">
        <v>3</v>
      </c>
      <c r="HX31" s="103">
        <v>37</v>
      </c>
      <c r="HY31" s="104">
        <v>46</v>
      </c>
      <c r="HZ31" s="101">
        <v>4</v>
      </c>
      <c r="IA31" s="102">
        <v>11</v>
      </c>
      <c r="IB31" s="103">
        <v>15</v>
      </c>
      <c r="IC31" s="413">
        <v>0</v>
      </c>
      <c r="ID31" s="102">
        <v>17</v>
      </c>
      <c r="IE31" s="102">
        <v>19</v>
      </c>
      <c r="IF31" s="102">
        <v>11</v>
      </c>
      <c r="IG31" s="102">
        <v>6</v>
      </c>
      <c r="IH31" s="102">
        <v>9</v>
      </c>
      <c r="II31" s="103">
        <v>62</v>
      </c>
      <c r="IJ31" s="104">
        <v>77</v>
      </c>
      <c r="IK31" s="101">
        <v>11</v>
      </c>
      <c r="IL31" s="102">
        <v>16</v>
      </c>
      <c r="IM31" s="103">
        <v>27</v>
      </c>
      <c r="IN31" s="413">
        <v>0</v>
      </c>
      <c r="IO31" s="102">
        <v>30</v>
      </c>
      <c r="IP31" s="102">
        <v>21</v>
      </c>
      <c r="IQ31" s="102">
        <v>19</v>
      </c>
      <c r="IR31" s="102">
        <v>16</v>
      </c>
      <c r="IS31" s="102">
        <v>10</v>
      </c>
      <c r="IT31" s="103">
        <v>96</v>
      </c>
      <c r="IU31" s="104">
        <v>123</v>
      </c>
      <c r="IV31" s="101">
        <v>4</v>
      </c>
      <c r="IW31" s="102">
        <v>16</v>
      </c>
      <c r="IX31" s="103">
        <v>20</v>
      </c>
      <c r="IY31" s="413">
        <v>0</v>
      </c>
      <c r="IZ31" s="102">
        <v>29</v>
      </c>
      <c r="JA31" s="102">
        <v>37</v>
      </c>
      <c r="JB31" s="102">
        <v>19</v>
      </c>
      <c r="JC31" s="102">
        <v>15</v>
      </c>
      <c r="JD31" s="102">
        <v>12</v>
      </c>
      <c r="JE31" s="103">
        <v>112</v>
      </c>
      <c r="JF31" s="104">
        <v>132</v>
      </c>
      <c r="JG31" s="101">
        <v>1</v>
      </c>
      <c r="JH31" s="102">
        <v>8</v>
      </c>
      <c r="JI31" s="103">
        <v>9</v>
      </c>
      <c r="JJ31" s="413">
        <v>0</v>
      </c>
      <c r="JK31" s="102">
        <v>19</v>
      </c>
      <c r="JL31" s="102">
        <v>28</v>
      </c>
      <c r="JM31" s="102">
        <v>24</v>
      </c>
      <c r="JN31" s="102">
        <v>26</v>
      </c>
      <c r="JO31" s="102">
        <v>17</v>
      </c>
      <c r="JP31" s="103">
        <v>114</v>
      </c>
      <c r="JQ31" s="104">
        <v>123</v>
      </c>
      <c r="JR31" s="101">
        <v>1</v>
      </c>
      <c r="JS31" s="102">
        <v>2</v>
      </c>
      <c r="JT31" s="103">
        <v>3</v>
      </c>
      <c r="JU31" s="413">
        <v>0</v>
      </c>
      <c r="JV31" s="102">
        <v>1</v>
      </c>
      <c r="JW31" s="102">
        <v>3</v>
      </c>
      <c r="JX31" s="102">
        <v>1</v>
      </c>
      <c r="JY31" s="102">
        <v>0</v>
      </c>
      <c r="JZ31" s="102">
        <v>4</v>
      </c>
      <c r="KA31" s="103">
        <v>9</v>
      </c>
      <c r="KB31" s="104">
        <v>12</v>
      </c>
      <c r="KC31" s="101">
        <v>23</v>
      </c>
      <c r="KD31" s="102">
        <v>65</v>
      </c>
      <c r="KE31" s="103">
        <v>88</v>
      </c>
      <c r="KF31" s="413">
        <v>0</v>
      </c>
      <c r="KG31" s="102">
        <v>113</v>
      </c>
      <c r="KH31" s="102">
        <v>125</v>
      </c>
      <c r="KI31" s="102">
        <v>82</v>
      </c>
      <c r="KJ31" s="102">
        <v>67</v>
      </c>
      <c r="KK31" s="102">
        <v>56</v>
      </c>
      <c r="KL31" s="103">
        <v>443</v>
      </c>
      <c r="KM31" s="104">
        <v>531</v>
      </c>
    </row>
    <row r="32" spans="2:299" s="70" customFormat="1" ht="21" customHeight="1" x14ac:dyDescent="0.2">
      <c r="B32" s="106" t="s">
        <v>29</v>
      </c>
      <c r="C32" s="96">
        <v>26</v>
      </c>
      <c r="D32" s="97">
        <v>18</v>
      </c>
      <c r="E32" s="98">
        <v>44</v>
      </c>
      <c r="F32" s="413">
        <v>0</v>
      </c>
      <c r="G32" s="97">
        <v>43</v>
      </c>
      <c r="H32" s="97">
        <v>49</v>
      </c>
      <c r="I32" s="97">
        <v>47</v>
      </c>
      <c r="J32" s="97">
        <v>29</v>
      </c>
      <c r="K32" s="97">
        <v>18</v>
      </c>
      <c r="L32" s="99">
        <v>186</v>
      </c>
      <c r="M32" s="100">
        <v>230</v>
      </c>
      <c r="N32" s="101">
        <v>4</v>
      </c>
      <c r="O32" s="102">
        <v>0</v>
      </c>
      <c r="P32" s="103">
        <v>4</v>
      </c>
      <c r="Q32" s="413">
        <v>0</v>
      </c>
      <c r="R32" s="102">
        <v>3</v>
      </c>
      <c r="S32" s="102">
        <v>3</v>
      </c>
      <c r="T32" s="102">
        <v>3</v>
      </c>
      <c r="U32" s="102">
        <v>1</v>
      </c>
      <c r="V32" s="102">
        <v>2</v>
      </c>
      <c r="W32" s="103">
        <v>12</v>
      </c>
      <c r="X32" s="104">
        <v>16</v>
      </c>
      <c r="Y32" s="101">
        <v>2</v>
      </c>
      <c r="Z32" s="102">
        <v>3</v>
      </c>
      <c r="AA32" s="103">
        <v>5</v>
      </c>
      <c r="AB32" s="413">
        <v>0</v>
      </c>
      <c r="AC32" s="102">
        <v>5</v>
      </c>
      <c r="AD32" s="102">
        <v>3</v>
      </c>
      <c r="AE32" s="102">
        <v>7</v>
      </c>
      <c r="AF32" s="102">
        <v>2</v>
      </c>
      <c r="AG32" s="102">
        <v>2</v>
      </c>
      <c r="AH32" s="103">
        <v>19</v>
      </c>
      <c r="AI32" s="104">
        <v>24</v>
      </c>
      <c r="AJ32" s="101">
        <v>1</v>
      </c>
      <c r="AK32" s="102">
        <v>1</v>
      </c>
      <c r="AL32" s="103">
        <v>2</v>
      </c>
      <c r="AM32" s="413">
        <v>0</v>
      </c>
      <c r="AN32" s="102">
        <v>12</v>
      </c>
      <c r="AO32" s="102">
        <v>8</v>
      </c>
      <c r="AP32" s="102">
        <v>8</v>
      </c>
      <c r="AQ32" s="102">
        <v>5</v>
      </c>
      <c r="AR32" s="102">
        <v>2</v>
      </c>
      <c r="AS32" s="103">
        <v>35</v>
      </c>
      <c r="AT32" s="104">
        <v>37</v>
      </c>
      <c r="AU32" s="101">
        <v>10</v>
      </c>
      <c r="AV32" s="102">
        <v>9</v>
      </c>
      <c r="AW32" s="103">
        <v>19</v>
      </c>
      <c r="AX32" s="413">
        <v>0</v>
      </c>
      <c r="AY32" s="102">
        <v>11</v>
      </c>
      <c r="AZ32" s="102">
        <v>9</v>
      </c>
      <c r="BA32" s="102">
        <v>7</v>
      </c>
      <c r="BB32" s="102">
        <v>11</v>
      </c>
      <c r="BC32" s="102">
        <v>2</v>
      </c>
      <c r="BD32" s="103">
        <v>40</v>
      </c>
      <c r="BE32" s="104">
        <v>59</v>
      </c>
      <c r="BF32" s="101">
        <v>8</v>
      </c>
      <c r="BG32" s="102">
        <v>1</v>
      </c>
      <c r="BH32" s="103">
        <v>9</v>
      </c>
      <c r="BI32" s="413">
        <v>0</v>
      </c>
      <c r="BJ32" s="102">
        <v>7</v>
      </c>
      <c r="BK32" s="102">
        <v>9</v>
      </c>
      <c r="BL32" s="102">
        <v>17</v>
      </c>
      <c r="BM32" s="102">
        <v>5</v>
      </c>
      <c r="BN32" s="102">
        <v>2</v>
      </c>
      <c r="BO32" s="103">
        <v>40</v>
      </c>
      <c r="BP32" s="104">
        <v>49</v>
      </c>
      <c r="BQ32" s="101">
        <v>1</v>
      </c>
      <c r="BR32" s="102">
        <v>4</v>
      </c>
      <c r="BS32" s="103">
        <v>5</v>
      </c>
      <c r="BT32" s="413">
        <v>0</v>
      </c>
      <c r="BU32" s="102">
        <v>5</v>
      </c>
      <c r="BV32" s="102">
        <v>17</v>
      </c>
      <c r="BW32" s="102">
        <v>5</v>
      </c>
      <c r="BX32" s="102">
        <v>5</v>
      </c>
      <c r="BY32" s="102">
        <v>8</v>
      </c>
      <c r="BZ32" s="103">
        <v>40</v>
      </c>
      <c r="CA32" s="104">
        <v>45</v>
      </c>
      <c r="CB32" s="101">
        <v>2</v>
      </c>
      <c r="CC32" s="102">
        <v>2</v>
      </c>
      <c r="CD32" s="103">
        <v>4</v>
      </c>
      <c r="CE32" s="413">
        <v>0</v>
      </c>
      <c r="CF32" s="102">
        <v>2</v>
      </c>
      <c r="CG32" s="102">
        <v>1</v>
      </c>
      <c r="CH32" s="102">
        <v>1</v>
      </c>
      <c r="CI32" s="102">
        <v>0</v>
      </c>
      <c r="CJ32" s="102">
        <v>3</v>
      </c>
      <c r="CK32" s="103">
        <v>7</v>
      </c>
      <c r="CL32" s="104">
        <v>11</v>
      </c>
      <c r="CM32" s="101">
        <v>28</v>
      </c>
      <c r="CN32" s="102">
        <v>20</v>
      </c>
      <c r="CO32" s="103">
        <v>48</v>
      </c>
      <c r="CP32" s="413">
        <v>0</v>
      </c>
      <c r="CQ32" s="102">
        <v>45</v>
      </c>
      <c r="CR32" s="102">
        <v>50</v>
      </c>
      <c r="CS32" s="102">
        <v>48</v>
      </c>
      <c r="CT32" s="102">
        <v>29</v>
      </c>
      <c r="CU32" s="102">
        <v>21</v>
      </c>
      <c r="CV32" s="103">
        <v>193</v>
      </c>
      <c r="CW32" s="104">
        <v>241</v>
      </c>
      <c r="CX32" s="105">
        <v>45</v>
      </c>
      <c r="CY32" s="97">
        <v>54</v>
      </c>
      <c r="CZ32" s="98">
        <v>99</v>
      </c>
      <c r="DA32" s="413">
        <v>0</v>
      </c>
      <c r="DB32" s="97">
        <v>96</v>
      </c>
      <c r="DC32" s="97">
        <v>93</v>
      </c>
      <c r="DD32" s="97">
        <v>81</v>
      </c>
      <c r="DE32" s="97">
        <v>79</v>
      </c>
      <c r="DF32" s="97">
        <v>50</v>
      </c>
      <c r="DG32" s="99">
        <v>399</v>
      </c>
      <c r="DH32" s="100">
        <v>498</v>
      </c>
      <c r="DI32" s="101">
        <v>3</v>
      </c>
      <c r="DJ32" s="102">
        <v>2</v>
      </c>
      <c r="DK32" s="103">
        <v>5</v>
      </c>
      <c r="DL32" s="413">
        <v>0</v>
      </c>
      <c r="DM32" s="102">
        <v>4</v>
      </c>
      <c r="DN32" s="102">
        <v>3</v>
      </c>
      <c r="DO32" s="102">
        <v>2</v>
      </c>
      <c r="DP32" s="102">
        <v>4</v>
      </c>
      <c r="DQ32" s="102">
        <v>2</v>
      </c>
      <c r="DR32" s="103">
        <v>15</v>
      </c>
      <c r="DS32" s="104">
        <v>20</v>
      </c>
      <c r="DT32" s="101">
        <v>2</v>
      </c>
      <c r="DU32" s="102">
        <v>4</v>
      </c>
      <c r="DV32" s="103">
        <v>6</v>
      </c>
      <c r="DW32" s="413">
        <v>0</v>
      </c>
      <c r="DX32" s="102">
        <v>3</v>
      </c>
      <c r="DY32" s="102">
        <v>7</v>
      </c>
      <c r="DZ32" s="102">
        <v>4</v>
      </c>
      <c r="EA32" s="102">
        <v>2</v>
      </c>
      <c r="EB32" s="102">
        <v>3</v>
      </c>
      <c r="EC32" s="103">
        <v>19</v>
      </c>
      <c r="ED32" s="104">
        <v>25</v>
      </c>
      <c r="EE32" s="101">
        <v>4</v>
      </c>
      <c r="EF32" s="102">
        <v>8</v>
      </c>
      <c r="EG32" s="103">
        <v>12</v>
      </c>
      <c r="EH32" s="413">
        <v>0</v>
      </c>
      <c r="EI32" s="102">
        <v>7</v>
      </c>
      <c r="EJ32" s="102">
        <v>13</v>
      </c>
      <c r="EK32" s="102">
        <v>7</v>
      </c>
      <c r="EL32" s="102">
        <v>6</v>
      </c>
      <c r="EM32" s="102">
        <v>4</v>
      </c>
      <c r="EN32" s="103">
        <v>37</v>
      </c>
      <c r="EO32" s="104">
        <v>49</v>
      </c>
      <c r="EP32" s="101">
        <v>16</v>
      </c>
      <c r="EQ32" s="102">
        <v>14</v>
      </c>
      <c r="ER32" s="103">
        <v>30</v>
      </c>
      <c r="ES32" s="413">
        <v>0</v>
      </c>
      <c r="ET32" s="102">
        <v>26</v>
      </c>
      <c r="EU32" s="102">
        <v>17</v>
      </c>
      <c r="EV32" s="102">
        <v>24</v>
      </c>
      <c r="EW32" s="102">
        <v>11</v>
      </c>
      <c r="EX32" s="102">
        <v>13</v>
      </c>
      <c r="EY32" s="103">
        <v>91</v>
      </c>
      <c r="EZ32" s="104">
        <v>121</v>
      </c>
      <c r="FA32" s="101">
        <v>15</v>
      </c>
      <c r="FB32" s="102">
        <v>13</v>
      </c>
      <c r="FC32" s="103">
        <v>28</v>
      </c>
      <c r="FD32" s="413">
        <v>0</v>
      </c>
      <c r="FE32" s="102">
        <v>27</v>
      </c>
      <c r="FF32" s="102">
        <v>31</v>
      </c>
      <c r="FG32" s="102">
        <v>19</v>
      </c>
      <c r="FH32" s="102">
        <v>22</v>
      </c>
      <c r="FI32" s="102">
        <v>10</v>
      </c>
      <c r="FJ32" s="103">
        <v>109</v>
      </c>
      <c r="FK32" s="104">
        <v>137</v>
      </c>
      <c r="FL32" s="101">
        <v>5</v>
      </c>
      <c r="FM32" s="102">
        <v>13</v>
      </c>
      <c r="FN32" s="103">
        <v>18</v>
      </c>
      <c r="FO32" s="413">
        <v>0</v>
      </c>
      <c r="FP32" s="102">
        <v>29</v>
      </c>
      <c r="FQ32" s="102">
        <v>22</v>
      </c>
      <c r="FR32" s="102">
        <v>25</v>
      </c>
      <c r="FS32" s="102">
        <v>34</v>
      </c>
      <c r="FT32" s="102">
        <v>18</v>
      </c>
      <c r="FU32" s="103">
        <v>128</v>
      </c>
      <c r="FV32" s="104">
        <v>146</v>
      </c>
      <c r="FW32" s="101">
        <v>1</v>
      </c>
      <c r="FX32" s="102">
        <v>3</v>
      </c>
      <c r="FY32" s="103">
        <v>4</v>
      </c>
      <c r="FZ32" s="413">
        <v>0</v>
      </c>
      <c r="GA32" s="102">
        <v>0</v>
      </c>
      <c r="GB32" s="102">
        <v>1</v>
      </c>
      <c r="GC32" s="102">
        <v>3</v>
      </c>
      <c r="GD32" s="102">
        <v>0</v>
      </c>
      <c r="GE32" s="102">
        <v>1</v>
      </c>
      <c r="GF32" s="103">
        <v>5</v>
      </c>
      <c r="GG32" s="104">
        <v>9</v>
      </c>
      <c r="GH32" s="101">
        <v>46</v>
      </c>
      <c r="GI32" s="102">
        <v>57</v>
      </c>
      <c r="GJ32" s="103">
        <v>103</v>
      </c>
      <c r="GK32" s="413">
        <v>0</v>
      </c>
      <c r="GL32" s="102">
        <v>96</v>
      </c>
      <c r="GM32" s="102">
        <v>94</v>
      </c>
      <c r="GN32" s="102">
        <v>84</v>
      </c>
      <c r="GO32" s="102">
        <v>79</v>
      </c>
      <c r="GP32" s="102">
        <v>51</v>
      </c>
      <c r="GQ32" s="103">
        <v>404</v>
      </c>
      <c r="GR32" s="104">
        <v>507</v>
      </c>
      <c r="GS32" s="105">
        <v>71</v>
      </c>
      <c r="GT32" s="97">
        <v>72</v>
      </c>
      <c r="GU32" s="98">
        <v>143</v>
      </c>
      <c r="GV32" s="413">
        <v>0</v>
      </c>
      <c r="GW32" s="97">
        <v>139</v>
      </c>
      <c r="GX32" s="97">
        <v>142</v>
      </c>
      <c r="GY32" s="97">
        <v>128</v>
      </c>
      <c r="GZ32" s="97">
        <v>108</v>
      </c>
      <c r="HA32" s="97">
        <v>68</v>
      </c>
      <c r="HB32" s="99">
        <v>585</v>
      </c>
      <c r="HC32" s="100">
        <v>728</v>
      </c>
      <c r="HD32" s="101">
        <v>7</v>
      </c>
      <c r="HE32" s="102">
        <v>2</v>
      </c>
      <c r="HF32" s="103">
        <v>9</v>
      </c>
      <c r="HG32" s="416">
        <v>0</v>
      </c>
      <c r="HH32" s="102">
        <v>7</v>
      </c>
      <c r="HI32" s="102">
        <v>6</v>
      </c>
      <c r="HJ32" s="102">
        <v>5</v>
      </c>
      <c r="HK32" s="102">
        <v>5</v>
      </c>
      <c r="HL32" s="102">
        <v>4</v>
      </c>
      <c r="HM32" s="103">
        <v>27</v>
      </c>
      <c r="HN32" s="104">
        <v>36</v>
      </c>
      <c r="HO32" s="101">
        <v>4</v>
      </c>
      <c r="HP32" s="102">
        <v>7</v>
      </c>
      <c r="HQ32" s="103">
        <v>11</v>
      </c>
      <c r="HR32" s="413">
        <v>0</v>
      </c>
      <c r="HS32" s="102">
        <v>8</v>
      </c>
      <c r="HT32" s="102">
        <v>10</v>
      </c>
      <c r="HU32" s="102">
        <v>11</v>
      </c>
      <c r="HV32" s="102">
        <v>4</v>
      </c>
      <c r="HW32" s="102">
        <v>5</v>
      </c>
      <c r="HX32" s="103">
        <v>38</v>
      </c>
      <c r="HY32" s="104">
        <v>49</v>
      </c>
      <c r="HZ32" s="101">
        <v>5</v>
      </c>
      <c r="IA32" s="102">
        <v>9</v>
      </c>
      <c r="IB32" s="103">
        <v>14</v>
      </c>
      <c r="IC32" s="413">
        <v>0</v>
      </c>
      <c r="ID32" s="102">
        <v>19</v>
      </c>
      <c r="IE32" s="102">
        <v>21</v>
      </c>
      <c r="IF32" s="102">
        <v>15</v>
      </c>
      <c r="IG32" s="102">
        <v>11</v>
      </c>
      <c r="IH32" s="102">
        <v>6</v>
      </c>
      <c r="II32" s="103">
        <v>72</v>
      </c>
      <c r="IJ32" s="104">
        <v>86</v>
      </c>
      <c r="IK32" s="101">
        <v>26</v>
      </c>
      <c r="IL32" s="102">
        <v>23</v>
      </c>
      <c r="IM32" s="103">
        <v>49</v>
      </c>
      <c r="IN32" s="413">
        <v>0</v>
      </c>
      <c r="IO32" s="102">
        <v>37</v>
      </c>
      <c r="IP32" s="102">
        <v>26</v>
      </c>
      <c r="IQ32" s="102">
        <v>31</v>
      </c>
      <c r="IR32" s="102">
        <v>22</v>
      </c>
      <c r="IS32" s="102">
        <v>15</v>
      </c>
      <c r="IT32" s="103">
        <v>131</v>
      </c>
      <c r="IU32" s="104">
        <v>180</v>
      </c>
      <c r="IV32" s="101">
        <v>23</v>
      </c>
      <c r="IW32" s="102">
        <v>14</v>
      </c>
      <c r="IX32" s="103">
        <v>37</v>
      </c>
      <c r="IY32" s="413">
        <v>0</v>
      </c>
      <c r="IZ32" s="102">
        <v>34</v>
      </c>
      <c r="JA32" s="102">
        <v>40</v>
      </c>
      <c r="JB32" s="102">
        <v>36</v>
      </c>
      <c r="JC32" s="102">
        <v>27</v>
      </c>
      <c r="JD32" s="102">
        <v>12</v>
      </c>
      <c r="JE32" s="103">
        <v>149</v>
      </c>
      <c r="JF32" s="104">
        <v>186</v>
      </c>
      <c r="JG32" s="101">
        <v>6</v>
      </c>
      <c r="JH32" s="102">
        <v>17</v>
      </c>
      <c r="JI32" s="103">
        <v>23</v>
      </c>
      <c r="JJ32" s="413">
        <v>0</v>
      </c>
      <c r="JK32" s="102">
        <v>34</v>
      </c>
      <c r="JL32" s="102">
        <v>39</v>
      </c>
      <c r="JM32" s="102">
        <v>30</v>
      </c>
      <c r="JN32" s="102">
        <v>39</v>
      </c>
      <c r="JO32" s="102">
        <v>26</v>
      </c>
      <c r="JP32" s="103">
        <v>168</v>
      </c>
      <c r="JQ32" s="104">
        <v>191</v>
      </c>
      <c r="JR32" s="101">
        <v>3</v>
      </c>
      <c r="JS32" s="102">
        <v>5</v>
      </c>
      <c r="JT32" s="103">
        <v>8</v>
      </c>
      <c r="JU32" s="413">
        <v>0</v>
      </c>
      <c r="JV32" s="102">
        <v>2</v>
      </c>
      <c r="JW32" s="102">
        <v>2</v>
      </c>
      <c r="JX32" s="102">
        <v>4</v>
      </c>
      <c r="JY32" s="102">
        <v>0</v>
      </c>
      <c r="JZ32" s="102">
        <v>4</v>
      </c>
      <c r="KA32" s="103">
        <v>12</v>
      </c>
      <c r="KB32" s="104">
        <v>20</v>
      </c>
      <c r="KC32" s="101">
        <v>74</v>
      </c>
      <c r="KD32" s="102">
        <v>77</v>
      </c>
      <c r="KE32" s="103">
        <v>151</v>
      </c>
      <c r="KF32" s="413">
        <v>0</v>
      </c>
      <c r="KG32" s="102">
        <v>141</v>
      </c>
      <c r="KH32" s="102">
        <v>144</v>
      </c>
      <c r="KI32" s="102">
        <v>132</v>
      </c>
      <c r="KJ32" s="102">
        <v>108</v>
      </c>
      <c r="KK32" s="102">
        <v>72</v>
      </c>
      <c r="KL32" s="103">
        <v>597</v>
      </c>
      <c r="KM32" s="104">
        <v>748</v>
      </c>
    </row>
    <row r="33" spans="2:299" s="70" customFormat="1" ht="21" customHeight="1" x14ac:dyDescent="0.2">
      <c r="B33" s="106" t="s">
        <v>30</v>
      </c>
      <c r="C33" s="96">
        <v>29</v>
      </c>
      <c r="D33" s="97">
        <v>13</v>
      </c>
      <c r="E33" s="98">
        <v>42</v>
      </c>
      <c r="F33" s="413">
        <v>0</v>
      </c>
      <c r="G33" s="97">
        <v>39</v>
      </c>
      <c r="H33" s="97">
        <v>28</v>
      </c>
      <c r="I33" s="97">
        <v>26</v>
      </c>
      <c r="J33" s="97">
        <v>28</v>
      </c>
      <c r="K33" s="97">
        <v>14</v>
      </c>
      <c r="L33" s="99">
        <v>135</v>
      </c>
      <c r="M33" s="100">
        <v>177</v>
      </c>
      <c r="N33" s="101">
        <v>2</v>
      </c>
      <c r="O33" s="102">
        <v>2</v>
      </c>
      <c r="P33" s="103">
        <v>4</v>
      </c>
      <c r="Q33" s="413">
        <v>0</v>
      </c>
      <c r="R33" s="102">
        <v>1</v>
      </c>
      <c r="S33" s="102">
        <v>1</v>
      </c>
      <c r="T33" s="102">
        <v>0</v>
      </c>
      <c r="U33" s="102">
        <v>4</v>
      </c>
      <c r="V33" s="102">
        <v>2</v>
      </c>
      <c r="W33" s="103">
        <v>8</v>
      </c>
      <c r="X33" s="104">
        <v>12</v>
      </c>
      <c r="Y33" s="101">
        <v>7</v>
      </c>
      <c r="Z33" s="102">
        <v>2</v>
      </c>
      <c r="AA33" s="103">
        <v>9</v>
      </c>
      <c r="AB33" s="413">
        <v>0</v>
      </c>
      <c r="AC33" s="102">
        <v>4</v>
      </c>
      <c r="AD33" s="102">
        <v>6</v>
      </c>
      <c r="AE33" s="102">
        <v>4</v>
      </c>
      <c r="AF33" s="102">
        <v>2</v>
      </c>
      <c r="AG33" s="102">
        <v>1</v>
      </c>
      <c r="AH33" s="103">
        <v>17</v>
      </c>
      <c r="AI33" s="104">
        <v>26</v>
      </c>
      <c r="AJ33" s="101">
        <v>3</v>
      </c>
      <c r="AK33" s="102">
        <v>2</v>
      </c>
      <c r="AL33" s="103">
        <v>5</v>
      </c>
      <c r="AM33" s="413">
        <v>0</v>
      </c>
      <c r="AN33" s="102">
        <v>4</v>
      </c>
      <c r="AO33" s="102">
        <v>4</v>
      </c>
      <c r="AP33" s="102">
        <v>4</v>
      </c>
      <c r="AQ33" s="102">
        <v>8</v>
      </c>
      <c r="AR33" s="102">
        <v>3</v>
      </c>
      <c r="AS33" s="103">
        <v>23</v>
      </c>
      <c r="AT33" s="104">
        <v>28</v>
      </c>
      <c r="AU33" s="101">
        <v>10</v>
      </c>
      <c r="AV33" s="102">
        <v>1</v>
      </c>
      <c r="AW33" s="103">
        <v>11</v>
      </c>
      <c r="AX33" s="413">
        <v>0</v>
      </c>
      <c r="AY33" s="102">
        <v>13</v>
      </c>
      <c r="AZ33" s="102">
        <v>4</v>
      </c>
      <c r="BA33" s="102">
        <v>5</v>
      </c>
      <c r="BB33" s="102">
        <v>4</v>
      </c>
      <c r="BC33" s="102">
        <v>2</v>
      </c>
      <c r="BD33" s="103">
        <v>28</v>
      </c>
      <c r="BE33" s="104">
        <v>39</v>
      </c>
      <c r="BF33" s="101">
        <v>2</v>
      </c>
      <c r="BG33" s="102">
        <v>2</v>
      </c>
      <c r="BH33" s="103">
        <v>4</v>
      </c>
      <c r="BI33" s="413">
        <v>0</v>
      </c>
      <c r="BJ33" s="102">
        <v>10</v>
      </c>
      <c r="BK33" s="102">
        <v>8</v>
      </c>
      <c r="BL33" s="102">
        <v>7</v>
      </c>
      <c r="BM33" s="102">
        <v>4</v>
      </c>
      <c r="BN33" s="102">
        <v>1</v>
      </c>
      <c r="BO33" s="103">
        <v>30</v>
      </c>
      <c r="BP33" s="104">
        <v>34</v>
      </c>
      <c r="BQ33" s="101">
        <v>5</v>
      </c>
      <c r="BR33" s="102">
        <v>4</v>
      </c>
      <c r="BS33" s="103">
        <v>9</v>
      </c>
      <c r="BT33" s="413">
        <v>0</v>
      </c>
      <c r="BU33" s="102">
        <v>7</v>
      </c>
      <c r="BV33" s="102">
        <v>5</v>
      </c>
      <c r="BW33" s="102">
        <v>6</v>
      </c>
      <c r="BX33" s="102">
        <v>6</v>
      </c>
      <c r="BY33" s="102">
        <v>5</v>
      </c>
      <c r="BZ33" s="103">
        <v>29</v>
      </c>
      <c r="CA33" s="104">
        <v>38</v>
      </c>
      <c r="CB33" s="101">
        <v>1</v>
      </c>
      <c r="CC33" s="102">
        <v>1</v>
      </c>
      <c r="CD33" s="103">
        <v>2</v>
      </c>
      <c r="CE33" s="413">
        <v>0</v>
      </c>
      <c r="CF33" s="102">
        <v>1</v>
      </c>
      <c r="CG33" s="102">
        <v>4</v>
      </c>
      <c r="CH33" s="102">
        <v>0</v>
      </c>
      <c r="CI33" s="102">
        <v>0</v>
      </c>
      <c r="CJ33" s="102">
        <v>0</v>
      </c>
      <c r="CK33" s="103">
        <v>5</v>
      </c>
      <c r="CL33" s="104">
        <v>7</v>
      </c>
      <c r="CM33" s="101">
        <v>30</v>
      </c>
      <c r="CN33" s="102">
        <v>14</v>
      </c>
      <c r="CO33" s="103">
        <v>44</v>
      </c>
      <c r="CP33" s="413">
        <v>0</v>
      </c>
      <c r="CQ33" s="102">
        <v>40</v>
      </c>
      <c r="CR33" s="102">
        <v>32</v>
      </c>
      <c r="CS33" s="102">
        <v>26</v>
      </c>
      <c r="CT33" s="102">
        <v>28</v>
      </c>
      <c r="CU33" s="102">
        <v>14</v>
      </c>
      <c r="CV33" s="103">
        <v>140</v>
      </c>
      <c r="CW33" s="104">
        <v>184</v>
      </c>
      <c r="CX33" s="105">
        <v>41</v>
      </c>
      <c r="CY33" s="97">
        <v>29</v>
      </c>
      <c r="CZ33" s="98">
        <v>70</v>
      </c>
      <c r="DA33" s="413">
        <v>0</v>
      </c>
      <c r="DB33" s="97">
        <v>100</v>
      </c>
      <c r="DC33" s="97">
        <v>63</v>
      </c>
      <c r="DD33" s="97">
        <v>68</v>
      </c>
      <c r="DE33" s="97">
        <v>69</v>
      </c>
      <c r="DF33" s="97">
        <v>41</v>
      </c>
      <c r="DG33" s="99">
        <v>341</v>
      </c>
      <c r="DH33" s="100">
        <v>411</v>
      </c>
      <c r="DI33" s="101">
        <v>2</v>
      </c>
      <c r="DJ33" s="102">
        <v>0</v>
      </c>
      <c r="DK33" s="103">
        <v>2</v>
      </c>
      <c r="DL33" s="413">
        <v>0</v>
      </c>
      <c r="DM33" s="102">
        <v>1</v>
      </c>
      <c r="DN33" s="102">
        <v>1</v>
      </c>
      <c r="DO33" s="102">
        <v>0</v>
      </c>
      <c r="DP33" s="102">
        <v>0</v>
      </c>
      <c r="DQ33" s="102">
        <v>2</v>
      </c>
      <c r="DR33" s="103">
        <v>4</v>
      </c>
      <c r="DS33" s="104">
        <v>6</v>
      </c>
      <c r="DT33" s="101">
        <v>5</v>
      </c>
      <c r="DU33" s="102">
        <v>1</v>
      </c>
      <c r="DV33" s="103">
        <v>6</v>
      </c>
      <c r="DW33" s="413">
        <v>0</v>
      </c>
      <c r="DX33" s="102">
        <v>2</v>
      </c>
      <c r="DY33" s="102">
        <v>2</v>
      </c>
      <c r="DZ33" s="102">
        <v>1</v>
      </c>
      <c r="EA33" s="102">
        <v>3</v>
      </c>
      <c r="EB33" s="102">
        <v>3</v>
      </c>
      <c r="EC33" s="103">
        <v>11</v>
      </c>
      <c r="ED33" s="104">
        <v>17</v>
      </c>
      <c r="EE33" s="101">
        <v>8</v>
      </c>
      <c r="EF33" s="102">
        <v>4</v>
      </c>
      <c r="EG33" s="103">
        <v>12</v>
      </c>
      <c r="EH33" s="413">
        <v>0</v>
      </c>
      <c r="EI33" s="102">
        <v>5</v>
      </c>
      <c r="EJ33" s="102">
        <v>9</v>
      </c>
      <c r="EK33" s="102">
        <v>9</v>
      </c>
      <c r="EL33" s="102">
        <v>3</v>
      </c>
      <c r="EM33" s="102">
        <v>2</v>
      </c>
      <c r="EN33" s="103">
        <v>28</v>
      </c>
      <c r="EO33" s="104">
        <v>40</v>
      </c>
      <c r="EP33" s="101">
        <v>12</v>
      </c>
      <c r="EQ33" s="102">
        <v>8</v>
      </c>
      <c r="ER33" s="103">
        <v>20</v>
      </c>
      <c r="ES33" s="413">
        <v>0</v>
      </c>
      <c r="ET33" s="102">
        <v>30</v>
      </c>
      <c r="EU33" s="102">
        <v>13</v>
      </c>
      <c r="EV33" s="102">
        <v>11</v>
      </c>
      <c r="EW33" s="102">
        <v>9</v>
      </c>
      <c r="EX33" s="102">
        <v>8</v>
      </c>
      <c r="EY33" s="103">
        <v>71</v>
      </c>
      <c r="EZ33" s="104">
        <v>91</v>
      </c>
      <c r="FA33" s="101">
        <v>9</v>
      </c>
      <c r="FB33" s="102">
        <v>10</v>
      </c>
      <c r="FC33" s="103">
        <v>19</v>
      </c>
      <c r="FD33" s="413">
        <v>0</v>
      </c>
      <c r="FE33" s="102">
        <v>26</v>
      </c>
      <c r="FF33" s="102">
        <v>15</v>
      </c>
      <c r="FG33" s="102">
        <v>9</v>
      </c>
      <c r="FH33" s="102">
        <v>17</v>
      </c>
      <c r="FI33" s="102">
        <v>10</v>
      </c>
      <c r="FJ33" s="103">
        <v>77</v>
      </c>
      <c r="FK33" s="104">
        <v>96</v>
      </c>
      <c r="FL33" s="101">
        <v>5</v>
      </c>
      <c r="FM33" s="102">
        <v>6</v>
      </c>
      <c r="FN33" s="103">
        <v>11</v>
      </c>
      <c r="FO33" s="413">
        <v>0</v>
      </c>
      <c r="FP33" s="102">
        <v>36</v>
      </c>
      <c r="FQ33" s="102">
        <v>23</v>
      </c>
      <c r="FR33" s="102">
        <v>38</v>
      </c>
      <c r="FS33" s="102">
        <v>37</v>
      </c>
      <c r="FT33" s="102">
        <v>16</v>
      </c>
      <c r="FU33" s="103">
        <v>150</v>
      </c>
      <c r="FV33" s="104">
        <v>161</v>
      </c>
      <c r="FW33" s="101">
        <v>0</v>
      </c>
      <c r="FX33" s="102">
        <v>2</v>
      </c>
      <c r="FY33" s="103">
        <v>2</v>
      </c>
      <c r="FZ33" s="413">
        <v>0</v>
      </c>
      <c r="GA33" s="102">
        <v>1</v>
      </c>
      <c r="GB33" s="102">
        <v>0</v>
      </c>
      <c r="GC33" s="102">
        <v>1</v>
      </c>
      <c r="GD33" s="102">
        <v>2</v>
      </c>
      <c r="GE33" s="102">
        <v>0</v>
      </c>
      <c r="GF33" s="103">
        <v>4</v>
      </c>
      <c r="GG33" s="104">
        <v>6</v>
      </c>
      <c r="GH33" s="101">
        <v>41</v>
      </c>
      <c r="GI33" s="102">
        <v>31</v>
      </c>
      <c r="GJ33" s="103">
        <v>72</v>
      </c>
      <c r="GK33" s="413">
        <v>0</v>
      </c>
      <c r="GL33" s="102">
        <v>101</v>
      </c>
      <c r="GM33" s="102">
        <v>63</v>
      </c>
      <c r="GN33" s="102">
        <v>69</v>
      </c>
      <c r="GO33" s="102">
        <v>71</v>
      </c>
      <c r="GP33" s="102">
        <v>41</v>
      </c>
      <c r="GQ33" s="103">
        <v>345</v>
      </c>
      <c r="GR33" s="104">
        <v>417</v>
      </c>
      <c r="GS33" s="105">
        <v>70</v>
      </c>
      <c r="GT33" s="97">
        <v>42</v>
      </c>
      <c r="GU33" s="98">
        <v>112</v>
      </c>
      <c r="GV33" s="413">
        <v>0</v>
      </c>
      <c r="GW33" s="97">
        <v>139</v>
      </c>
      <c r="GX33" s="97">
        <v>91</v>
      </c>
      <c r="GY33" s="97">
        <v>94</v>
      </c>
      <c r="GZ33" s="97">
        <v>97</v>
      </c>
      <c r="HA33" s="97">
        <v>55</v>
      </c>
      <c r="HB33" s="99">
        <v>476</v>
      </c>
      <c r="HC33" s="100">
        <v>588</v>
      </c>
      <c r="HD33" s="101">
        <v>4</v>
      </c>
      <c r="HE33" s="102">
        <v>2</v>
      </c>
      <c r="HF33" s="103">
        <v>6</v>
      </c>
      <c r="HG33" s="416">
        <v>0</v>
      </c>
      <c r="HH33" s="102">
        <v>2</v>
      </c>
      <c r="HI33" s="102">
        <v>2</v>
      </c>
      <c r="HJ33" s="102">
        <v>0</v>
      </c>
      <c r="HK33" s="102">
        <v>4</v>
      </c>
      <c r="HL33" s="102">
        <v>4</v>
      </c>
      <c r="HM33" s="103">
        <v>12</v>
      </c>
      <c r="HN33" s="104">
        <v>18</v>
      </c>
      <c r="HO33" s="101">
        <v>12</v>
      </c>
      <c r="HP33" s="102">
        <v>3</v>
      </c>
      <c r="HQ33" s="103">
        <v>15</v>
      </c>
      <c r="HR33" s="413">
        <v>0</v>
      </c>
      <c r="HS33" s="102">
        <v>6</v>
      </c>
      <c r="HT33" s="102">
        <v>8</v>
      </c>
      <c r="HU33" s="102">
        <v>5</v>
      </c>
      <c r="HV33" s="102">
        <v>5</v>
      </c>
      <c r="HW33" s="102">
        <v>4</v>
      </c>
      <c r="HX33" s="103">
        <v>28</v>
      </c>
      <c r="HY33" s="104">
        <v>43</v>
      </c>
      <c r="HZ33" s="101">
        <v>11</v>
      </c>
      <c r="IA33" s="102">
        <v>6</v>
      </c>
      <c r="IB33" s="103">
        <v>17</v>
      </c>
      <c r="IC33" s="413">
        <v>0</v>
      </c>
      <c r="ID33" s="102">
        <v>9</v>
      </c>
      <c r="IE33" s="102">
        <v>13</v>
      </c>
      <c r="IF33" s="102">
        <v>13</v>
      </c>
      <c r="IG33" s="102">
        <v>11</v>
      </c>
      <c r="IH33" s="102">
        <v>5</v>
      </c>
      <c r="II33" s="103">
        <v>51</v>
      </c>
      <c r="IJ33" s="104">
        <v>68</v>
      </c>
      <c r="IK33" s="101">
        <v>22</v>
      </c>
      <c r="IL33" s="102">
        <v>9</v>
      </c>
      <c r="IM33" s="103">
        <v>31</v>
      </c>
      <c r="IN33" s="413">
        <v>0</v>
      </c>
      <c r="IO33" s="102">
        <v>43</v>
      </c>
      <c r="IP33" s="102">
        <v>17</v>
      </c>
      <c r="IQ33" s="102">
        <v>16</v>
      </c>
      <c r="IR33" s="102">
        <v>13</v>
      </c>
      <c r="IS33" s="102">
        <v>10</v>
      </c>
      <c r="IT33" s="103">
        <v>99</v>
      </c>
      <c r="IU33" s="104">
        <v>130</v>
      </c>
      <c r="IV33" s="101">
        <v>11</v>
      </c>
      <c r="IW33" s="102">
        <v>12</v>
      </c>
      <c r="IX33" s="103">
        <v>23</v>
      </c>
      <c r="IY33" s="413">
        <v>0</v>
      </c>
      <c r="IZ33" s="102">
        <v>36</v>
      </c>
      <c r="JA33" s="102">
        <v>23</v>
      </c>
      <c r="JB33" s="102">
        <v>16</v>
      </c>
      <c r="JC33" s="102">
        <v>21</v>
      </c>
      <c r="JD33" s="102">
        <v>11</v>
      </c>
      <c r="JE33" s="103">
        <v>107</v>
      </c>
      <c r="JF33" s="104">
        <v>130</v>
      </c>
      <c r="JG33" s="101">
        <v>10</v>
      </c>
      <c r="JH33" s="102">
        <v>10</v>
      </c>
      <c r="JI33" s="103">
        <v>20</v>
      </c>
      <c r="JJ33" s="413">
        <v>0</v>
      </c>
      <c r="JK33" s="102">
        <v>43</v>
      </c>
      <c r="JL33" s="102">
        <v>28</v>
      </c>
      <c r="JM33" s="102">
        <v>44</v>
      </c>
      <c r="JN33" s="102">
        <v>43</v>
      </c>
      <c r="JO33" s="102">
        <v>21</v>
      </c>
      <c r="JP33" s="103">
        <v>179</v>
      </c>
      <c r="JQ33" s="104">
        <v>199</v>
      </c>
      <c r="JR33" s="101">
        <v>1</v>
      </c>
      <c r="JS33" s="102">
        <v>3</v>
      </c>
      <c r="JT33" s="103">
        <v>4</v>
      </c>
      <c r="JU33" s="413">
        <v>0</v>
      </c>
      <c r="JV33" s="102">
        <v>2</v>
      </c>
      <c r="JW33" s="102">
        <v>4</v>
      </c>
      <c r="JX33" s="102">
        <v>1</v>
      </c>
      <c r="JY33" s="102">
        <v>2</v>
      </c>
      <c r="JZ33" s="102">
        <v>0</v>
      </c>
      <c r="KA33" s="103">
        <v>9</v>
      </c>
      <c r="KB33" s="104">
        <v>13</v>
      </c>
      <c r="KC33" s="101">
        <v>71</v>
      </c>
      <c r="KD33" s="102">
        <v>45</v>
      </c>
      <c r="KE33" s="103">
        <v>116</v>
      </c>
      <c r="KF33" s="413">
        <v>0</v>
      </c>
      <c r="KG33" s="102">
        <v>141</v>
      </c>
      <c r="KH33" s="102">
        <v>95</v>
      </c>
      <c r="KI33" s="102">
        <v>95</v>
      </c>
      <c r="KJ33" s="102">
        <v>99</v>
      </c>
      <c r="KK33" s="102">
        <v>55</v>
      </c>
      <c r="KL33" s="103">
        <v>485</v>
      </c>
      <c r="KM33" s="104">
        <v>601</v>
      </c>
    </row>
    <row r="34" spans="2:299" s="70" customFormat="1" ht="21" customHeight="1" x14ac:dyDescent="0.2">
      <c r="B34" s="106" t="s">
        <v>31</v>
      </c>
      <c r="C34" s="96">
        <v>22</v>
      </c>
      <c r="D34" s="97">
        <v>38</v>
      </c>
      <c r="E34" s="98">
        <v>60</v>
      </c>
      <c r="F34" s="413">
        <v>0</v>
      </c>
      <c r="G34" s="97">
        <v>57</v>
      </c>
      <c r="H34" s="97">
        <v>46</v>
      </c>
      <c r="I34" s="97">
        <v>44</v>
      </c>
      <c r="J34" s="97">
        <v>34</v>
      </c>
      <c r="K34" s="97">
        <v>15</v>
      </c>
      <c r="L34" s="99">
        <v>196</v>
      </c>
      <c r="M34" s="100">
        <v>256</v>
      </c>
      <c r="N34" s="101">
        <v>2</v>
      </c>
      <c r="O34" s="102">
        <v>3</v>
      </c>
      <c r="P34" s="103">
        <v>5</v>
      </c>
      <c r="Q34" s="413">
        <v>0</v>
      </c>
      <c r="R34" s="102">
        <v>0</v>
      </c>
      <c r="S34" s="102">
        <v>3</v>
      </c>
      <c r="T34" s="102">
        <v>4</v>
      </c>
      <c r="U34" s="102">
        <v>2</v>
      </c>
      <c r="V34" s="102">
        <v>1</v>
      </c>
      <c r="W34" s="103">
        <v>10</v>
      </c>
      <c r="X34" s="104">
        <v>15</v>
      </c>
      <c r="Y34" s="101">
        <v>1</v>
      </c>
      <c r="Z34" s="102">
        <v>3</v>
      </c>
      <c r="AA34" s="103">
        <v>4</v>
      </c>
      <c r="AB34" s="413">
        <v>0</v>
      </c>
      <c r="AC34" s="102">
        <v>9</v>
      </c>
      <c r="AD34" s="102">
        <v>5</v>
      </c>
      <c r="AE34" s="102">
        <v>8</v>
      </c>
      <c r="AF34" s="102">
        <v>6</v>
      </c>
      <c r="AG34" s="102">
        <v>3</v>
      </c>
      <c r="AH34" s="103">
        <v>31</v>
      </c>
      <c r="AI34" s="104">
        <v>35</v>
      </c>
      <c r="AJ34" s="101">
        <v>3</v>
      </c>
      <c r="AK34" s="102">
        <v>7</v>
      </c>
      <c r="AL34" s="103">
        <v>10</v>
      </c>
      <c r="AM34" s="413">
        <v>0</v>
      </c>
      <c r="AN34" s="102">
        <v>9</v>
      </c>
      <c r="AO34" s="102">
        <v>12</v>
      </c>
      <c r="AP34" s="102">
        <v>7</v>
      </c>
      <c r="AQ34" s="102">
        <v>5</v>
      </c>
      <c r="AR34" s="102">
        <v>5</v>
      </c>
      <c r="AS34" s="103">
        <v>38</v>
      </c>
      <c r="AT34" s="104">
        <v>48</v>
      </c>
      <c r="AU34" s="101">
        <v>5</v>
      </c>
      <c r="AV34" s="102">
        <v>9</v>
      </c>
      <c r="AW34" s="103">
        <v>14</v>
      </c>
      <c r="AX34" s="413">
        <v>0</v>
      </c>
      <c r="AY34" s="102">
        <v>13</v>
      </c>
      <c r="AZ34" s="102">
        <v>8</v>
      </c>
      <c r="BA34" s="102">
        <v>7</v>
      </c>
      <c r="BB34" s="102">
        <v>4</v>
      </c>
      <c r="BC34" s="102">
        <v>0</v>
      </c>
      <c r="BD34" s="103">
        <v>32</v>
      </c>
      <c r="BE34" s="104">
        <v>46</v>
      </c>
      <c r="BF34" s="101">
        <v>6</v>
      </c>
      <c r="BG34" s="102">
        <v>9</v>
      </c>
      <c r="BH34" s="103">
        <v>15</v>
      </c>
      <c r="BI34" s="413">
        <v>0</v>
      </c>
      <c r="BJ34" s="102">
        <v>17</v>
      </c>
      <c r="BK34" s="102">
        <v>11</v>
      </c>
      <c r="BL34" s="102">
        <v>8</v>
      </c>
      <c r="BM34" s="102">
        <v>9</v>
      </c>
      <c r="BN34" s="102">
        <v>3</v>
      </c>
      <c r="BO34" s="103">
        <v>48</v>
      </c>
      <c r="BP34" s="104">
        <v>63</v>
      </c>
      <c r="BQ34" s="101">
        <v>5</v>
      </c>
      <c r="BR34" s="102">
        <v>7</v>
      </c>
      <c r="BS34" s="103">
        <v>12</v>
      </c>
      <c r="BT34" s="413">
        <v>0</v>
      </c>
      <c r="BU34" s="102">
        <v>9</v>
      </c>
      <c r="BV34" s="102">
        <v>7</v>
      </c>
      <c r="BW34" s="102">
        <v>10</v>
      </c>
      <c r="BX34" s="102">
        <v>8</v>
      </c>
      <c r="BY34" s="102">
        <v>3</v>
      </c>
      <c r="BZ34" s="103">
        <v>37</v>
      </c>
      <c r="CA34" s="104">
        <v>49</v>
      </c>
      <c r="CB34" s="101">
        <v>0</v>
      </c>
      <c r="CC34" s="102">
        <v>3</v>
      </c>
      <c r="CD34" s="103">
        <v>3</v>
      </c>
      <c r="CE34" s="413">
        <v>0</v>
      </c>
      <c r="CF34" s="102">
        <v>1</v>
      </c>
      <c r="CG34" s="102">
        <v>1</v>
      </c>
      <c r="CH34" s="102">
        <v>0</v>
      </c>
      <c r="CI34" s="102">
        <v>1</v>
      </c>
      <c r="CJ34" s="102">
        <v>0</v>
      </c>
      <c r="CK34" s="103">
        <v>3</v>
      </c>
      <c r="CL34" s="104">
        <v>6</v>
      </c>
      <c r="CM34" s="101">
        <v>22</v>
      </c>
      <c r="CN34" s="102">
        <v>41</v>
      </c>
      <c r="CO34" s="103">
        <v>63</v>
      </c>
      <c r="CP34" s="413">
        <v>0</v>
      </c>
      <c r="CQ34" s="102">
        <v>58</v>
      </c>
      <c r="CR34" s="102">
        <v>47</v>
      </c>
      <c r="CS34" s="102">
        <v>44</v>
      </c>
      <c r="CT34" s="102">
        <v>35</v>
      </c>
      <c r="CU34" s="102">
        <v>15</v>
      </c>
      <c r="CV34" s="103">
        <v>199</v>
      </c>
      <c r="CW34" s="104">
        <v>262</v>
      </c>
      <c r="CX34" s="105">
        <v>55</v>
      </c>
      <c r="CY34" s="97">
        <v>89</v>
      </c>
      <c r="CZ34" s="98">
        <v>144</v>
      </c>
      <c r="DA34" s="413">
        <v>0</v>
      </c>
      <c r="DB34" s="97">
        <v>112</v>
      </c>
      <c r="DC34" s="97">
        <v>89</v>
      </c>
      <c r="DD34" s="97">
        <v>76</v>
      </c>
      <c r="DE34" s="97">
        <v>57</v>
      </c>
      <c r="DF34" s="97">
        <v>38</v>
      </c>
      <c r="DG34" s="99">
        <v>372</v>
      </c>
      <c r="DH34" s="100">
        <v>516</v>
      </c>
      <c r="DI34" s="101">
        <v>2</v>
      </c>
      <c r="DJ34" s="102">
        <v>0</v>
      </c>
      <c r="DK34" s="103">
        <v>2</v>
      </c>
      <c r="DL34" s="413">
        <v>0</v>
      </c>
      <c r="DM34" s="102">
        <v>1</v>
      </c>
      <c r="DN34" s="102">
        <v>2</v>
      </c>
      <c r="DO34" s="102">
        <v>0</v>
      </c>
      <c r="DP34" s="102">
        <v>1</v>
      </c>
      <c r="DQ34" s="102">
        <v>2</v>
      </c>
      <c r="DR34" s="103">
        <v>6</v>
      </c>
      <c r="DS34" s="104">
        <v>8</v>
      </c>
      <c r="DT34" s="101">
        <v>2</v>
      </c>
      <c r="DU34" s="102">
        <v>3</v>
      </c>
      <c r="DV34" s="103">
        <v>5</v>
      </c>
      <c r="DW34" s="413">
        <v>0</v>
      </c>
      <c r="DX34" s="102">
        <v>8</v>
      </c>
      <c r="DY34" s="102">
        <v>5</v>
      </c>
      <c r="DZ34" s="102">
        <v>6</v>
      </c>
      <c r="EA34" s="102">
        <v>2</v>
      </c>
      <c r="EB34" s="102">
        <v>4</v>
      </c>
      <c r="EC34" s="103">
        <v>25</v>
      </c>
      <c r="ED34" s="104">
        <v>30</v>
      </c>
      <c r="EE34" s="101">
        <v>7</v>
      </c>
      <c r="EF34" s="102">
        <v>8</v>
      </c>
      <c r="EG34" s="103">
        <v>15</v>
      </c>
      <c r="EH34" s="413">
        <v>0</v>
      </c>
      <c r="EI34" s="102">
        <v>15</v>
      </c>
      <c r="EJ34" s="102">
        <v>8</v>
      </c>
      <c r="EK34" s="102">
        <v>5</v>
      </c>
      <c r="EL34" s="102">
        <v>5</v>
      </c>
      <c r="EM34" s="102">
        <v>2</v>
      </c>
      <c r="EN34" s="103">
        <v>35</v>
      </c>
      <c r="EO34" s="104">
        <v>50</v>
      </c>
      <c r="EP34" s="101">
        <v>14</v>
      </c>
      <c r="EQ34" s="102">
        <v>33</v>
      </c>
      <c r="ER34" s="103">
        <v>47</v>
      </c>
      <c r="ES34" s="413">
        <v>0</v>
      </c>
      <c r="ET34" s="102">
        <v>16</v>
      </c>
      <c r="EU34" s="102">
        <v>16</v>
      </c>
      <c r="EV34" s="102">
        <v>13</v>
      </c>
      <c r="EW34" s="102">
        <v>5</v>
      </c>
      <c r="EX34" s="102">
        <v>4</v>
      </c>
      <c r="EY34" s="103">
        <v>54</v>
      </c>
      <c r="EZ34" s="104">
        <v>101</v>
      </c>
      <c r="FA34" s="101">
        <v>20</v>
      </c>
      <c r="FB34" s="102">
        <v>21</v>
      </c>
      <c r="FC34" s="103">
        <v>41</v>
      </c>
      <c r="FD34" s="413">
        <v>0</v>
      </c>
      <c r="FE34" s="102">
        <v>32</v>
      </c>
      <c r="FF34" s="102">
        <v>23</v>
      </c>
      <c r="FG34" s="102">
        <v>24</v>
      </c>
      <c r="FH34" s="102">
        <v>11</v>
      </c>
      <c r="FI34" s="102">
        <v>10</v>
      </c>
      <c r="FJ34" s="103">
        <v>100</v>
      </c>
      <c r="FK34" s="104">
        <v>141</v>
      </c>
      <c r="FL34" s="101">
        <v>10</v>
      </c>
      <c r="FM34" s="102">
        <v>24</v>
      </c>
      <c r="FN34" s="103">
        <v>34</v>
      </c>
      <c r="FO34" s="413">
        <v>0</v>
      </c>
      <c r="FP34" s="102">
        <v>40</v>
      </c>
      <c r="FQ34" s="102">
        <v>35</v>
      </c>
      <c r="FR34" s="102">
        <v>28</v>
      </c>
      <c r="FS34" s="102">
        <v>33</v>
      </c>
      <c r="FT34" s="102">
        <v>16</v>
      </c>
      <c r="FU34" s="103">
        <v>152</v>
      </c>
      <c r="FV34" s="104">
        <v>186</v>
      </c>
      <c r="FW34" s="101">
        <v>0</v>
      </c>
      <c r="FX34" s="102">
        <v>0</v>
      </c>
      <c r="FY34" s="103">
        <v>0</v>
      </c>
      <c r="FZ34" s="413">
        <v>0</v>
      </c>
      <c r="GA34" s="102">
        <v>1</v>
      </c>
      <c r="GB34" s="102">
        <v>0</v>
      </c>
      <c r="GC34" s="102">
        <v>0</v>
      </c>
      <c r="GD34" s="102">
        <v>1</v>
      </c>
      <c r="GE34" s="102">
        <v>2</v>
      </c>
      <c r="GF34" s="103">
        <v>4</v>
      </c>
      <c r="GG34" s="104">
        <v>4</v>
      </c>
      <c r="GH34" s="101">
        <v>55</v>
      </c>
      <c r="GI34" s="102">
        <v>89</v>
      </c>
      <c r="GJ34" s="103">
        <v>144</v>
      </c>
      <c r="GK34" s="413">
        <v>0</v>
      </c>
      <c r="GL34" s="102">
        <v>113</v>
      </c>
      <c r="GM34" s="102">
        <v>89</v>
      </c>
      <c r="GN34" s="102">
        <v>76</v>
      </c>
      <c r="GO34" s="102">
        <v>58</v>
      </c>
      <c r="GP34" s="102">
        <v>40</v>
      </c>
      <c r="GQ34" s="103">
        <v>376</v>
      </c>
      <c r="GR34" s="104">
        <v>520</v>
      </c>
      <c r="GS34" s="105">
        <v>77</v>
      </c>
      <c r="GT34" s="97">
        <v>127</v>
      </c>
      <c r="GU34" s="98">
        <v>204</v>
      </c>
      <c r="GV34" s="413">
        <v>0</v>
      </c>
      <c r="GW34" s="97">
        <v>169</v>
      </c>
      <c r="GX34" s="97">
        <v>135</v>
      </c>
      <c r="GY34" s="97">
        <v>120</v>
      </c>
      <c r="GZ34" s="97">
        <v>91</v>
      </c>
      <c r="HA34" s="97">
        <v>53</v>
      </c>
      <c r="HB34" s="99">
        <v>568</v>
      </c>
      <c r="HC34" s="100">
        <v>772</v>
      </c>
      <c r="HD34" s="101">
        <v>4</v>
      </c>
      <c r="HE34" s="102">
        <v>3</v>
      </c>
      <c r="HF34" s="103">
        <v>7</v>
      </c>
      <c r="HG34" s="416">
        <v>0</v>
      </c>
      <c r="HH34" s="102">
        <v>1</v>
      </c>
      <c r="HI34" s="102">
        <v>5</v>
      </c>
      <c r="HJ34" s="102">
        <v>4</v>
      </c>
      <c r="HK34" s="102">
        <v>3</v>
      </c>
      <c r="HL34" s="102">
        <v>3</v>
      </c>
      <c r="HM34" s="103">
        <v>16</v>
      </c>
      <c r="HN34" s="104">
        <v>23</v>
      </c>
      <c r="HO34" s="101">
        <v>3</v>
      </c>
      <c r="HP34" s="102">
        <v>6</v>
      </c>
      <c r="HQ34" s="103">
        <v>9</v>
      </c>
      <c r="HR34" s="413">
        <v>0</v>
      </c>
      <c r="HS34" s="102">
        <v>17</v>
      </c>
      <c r="HT34" s="102">
        <v>10</v>
      </c>
      <c r="HU34" s="102">
        <v>14</v>
      </c>
      <c r="HV34" s="102">
        <v>8</v>
      </c>
      <c r="HW34" s="102">
        <v>7</v>
      </c>
      <c r="HX34" s="103">
        <v>56</v>
      </c>
      <c r="HY34" s="104">
        <v>65</v>
      </c>
      <c r="HZ34" s="101">
        <v>10</v>
      </c>
      <c r="IA34" s="102">
        <v>15</v>
      </c>
      <c r="IB34" s="103">
        <v>25</v>
      </c>
      <c r="IC34" s="413">
        <v>0</v>
      </c>
      <c r="ID34" s="102">
        <v>24</v>
      </c>
      <c r="IE34" s="102">
        <v>20</v>
      </c>
      <c r="IF34" s="102">
        <v>12</v>
      </c>
      <c r="IG34" s="102">
        <v>10</v>
      </c>
      <c r="IH34" s="102">
        <v>7</v>
      </c>
      <c r="II34" s="103">
        <v>73</v>
      </c>
      <c r="IJ34" s="104">
        <v>98</v>
      </c>
      <c r="IK34" s="101">
        <v>19</v>
      </c>
      <c r="IL34" s="102">
        <v>42</v>
      </c>
      <c r="IM34" s="103">
        <v>61</v>
      </c>
      <c r="IN34" s="413">
        <v>0</v>
      </c>
      <c r="IO34" s="102">
        <v>29</v>
      </c>
      <c r="IP34" s="102">
        <v>24</v>
      </c>
      <c r="IQ34" s="102">
        <v>20</v>
      </c>
      <c r="IR34" s="102">
        <v>9</v>
      </c>
      <c r="IS34" s="102">
        <v>4</v>
      </c>
      <c r="IT34" s="103">
        <v>86</v>
      </c>
      <c r="IU34" s="104">
        <v>147</v>
      </c>
      <c r="IV34" s="101">
        <v>26</v>
      </c>
      <c r="IW34" s="102">
        <v>30</v>
      </c>
      <c r="IX34" s="103">
        <v>56</v>
      </c>
      <c r="IY34" s="413">
        <v>0</v>
      </c>
      <c r="IZ34" s="102">
        <v>49</v>
      </c>
      <c r="JA34" s="102">
        <v>34</v>
      </c>
      <c r="JB34" s="102">
        <v>32</v>
      </c>
      <c r="JC34" s="102">
        <v>20</v>
      </c>
      <c r="JD34" s="102">
        <v>13</v>
      </c>
      <c r="JE34" s="103">
        <v>148</v>
      </c>
      <c r="JF34" s="104">
        <v>204</v>
      </c>
      <c r="JG34" s="101">
        <v>15</v>
      </c>
      <c r="JH34" s="102">
        <v>31</v>
      </c>
      <c r="JI34" s="103">
        <v>46</v>
      </c>
      <c r="JJ34" s="413">
        <v>0</v>
      </c>
      <c r="JK34" s="102">
        <v>49</v>
      </c>
      <c r="JL34" s="102">
        <v>42</v>
      </c>
      <c r="JM34" s="102">
        <v>38</v>
      </c>
      <c r="JN34" s="102">
        <v>41</v>
      </c>
      <c r="JO34" s="102">
        <v>19</v>
      </c>
      <c r="JP34" s="103">
        <v>189</v>
      </c>
      <c r="JQ34" s="104">
        <v>235</v>
      </c>
      <c r="JR34" s="101">
        <v>0</v>
      </c>
      <c r="JS34" s="102">
        <v>3</v>
      </c>
      <c r="JT34" s="103">
        <v>3</v>
      </c>
      <c r="JU34" s="413">
        <v>0</v>
      </c>
      <c r="JV34" s="102">
        <v>2</v>
      </c>
      <c r="JW34" s="102">
        <v>1</v>
      </c>
      <c r="JX34" s="102">
        <v>0</v>
      </c>
      <c r="JY34" s="102">
        <v>2</v>
      </c>
      <c r="JZ34" s="102">
        <v>2</v>
      </c>
      <c r="KA34" s="103">
        <v>7</v>
      </c>
      <c r="KB34" s="104">
        <v>10</v>
      </c>
      <c r="KC34" s="101">
        <v>77</v>
      </c>
      <c r="KD34" s="102">
        <v>130</v>
      </c>
      <c r="KE34" s="103">
        <v>207</v>
      </c>
      <c r="KF34" s="413">
        <v>0</v>
      </c>
      <c r="KG34" s="102">
        <v>171</v>
      </c>
      <c r="KH34" s="102">
        <v>136</v>
      </c>
      <c r="KI34" s="102">
        <v>120</v>
      </c>
      <c r="KJ34" s="102">
        <v>93</v>
      </c>
      <c r="KK34" s="102">
        <v>55</v>
      </c>
      <c r="KL34" s="103">
        <v>575</v>
      </c>
      <c r="KM34" s="104">
        <v>782</v>
      </c>
    </row>
    <row r="35" spans="2:299" s="70" customFormat="1" ht="21" customHeight="1" x14ac:dyDescent="0.2">
      <c r="B35" s="106" t="s">
        <v>32</v>
      </c>
      <c r="C35" s="96">
        <v>30</v>
      </c>
      <c r="D35" s="97">
        <v>35</v>
      </c>
      <c r="E35" s="98">
        <v>65</v>
      </c>
      <c r="F35" s="413">
        <v>0</v>
      </c>
      <c r="G35" s="97">
        <v>77</v>
      </c>
      <c r="H35" s="97">
        <v>57</v>
      </c>
      <c r="I35" s="97">
        <v>28</v>
      </c>
      <c r="J35" s="97">
        <v>39</v>
      </c>
      <c r="K35" s="97">
        <v>27</v>
      </c>
      <c r="L35" s="99">
        <v>228</v>
      </c>
      <c r="M35" s="100">
        <v>293</v>
      </c>
      <c r="N35" s="101">
        <v>5</v>
      </c>
      <c r="O35" s="102">
        <v>1</v>
      </c>
      <c r="P35" s="103">
        <v>6</v>
      </c>
      <c r="Q35" s="413">
        <v>0</v>
      </c>
      <c r="R35" s="102">
        <v>3</v>
      </c>
      <c r="S35" s="102">
        <v>3</v>
      </c>
      <c r="T35" s="102">
        <v>4</v>
      </c>
      <c r="U35" s="102">
        <v>2</v>
      </c>
      <c r="V35" s="102">
        <v>0</v>
      </c>
      <c r="W35" s="103">
        <v>12</v>
      </c>
      <c r="X35" s="104">
        <v>18</v>
      </c>
      <c r="Y35" s="101">
        <v>2</v>
      </c>
      <c r="Z35" s="102">
        <v>2</v>
      </c>
      <c r="AA35" s="103">
        <v>4</v>
      </c>
      <c r="AB35" s="413">
        <v>0</v>
      </c>
      <c r="AC35" s="102">
        <v>9</v>
      </c>
      <c r="AD35" s="102">
        <v>4</v>
      </c>
      <c r="AE35" s="102">
        <v>2</v>
      </c>
      <c r="AF35" s="102">
        <v>5</v>
      </c>
      <c r="AG35" s="102">
        <v>3</v>
      </c>
      <c r="AH35" s="103">
        <v>23</v>
      </c>
      <c r="AI35" s="104">
        <v>27</v>
      </c>
      <c r="AJ35" s="101">
        <v>3</v>
      </c>
      <c r="AK35" s="102">
        <v>2</v>
      </c>
      <c r="AL35" s="103">
        <v>5</v>
      </c>
      <c r="AM35" s="413">
        <v>0</v>
      </c>
      <c r="AN35" s="102">
        <v>14</v>
      </c>
      <c r="AO35" s="102">
        <v>9</v>
      </c>
      <c r="AP35" s="102">
        <v>2</v>
      </c>
      <c r="AQ35" s="102">
        <v>3</v>
      </c>
      <c r="AR35" s="102">
        <v>4</v>
      </c>
      <c r="AS35" s="103">
        <v>32</v>
      </c>
      <c r="AT35" s="104">
        <v>37</v>
      </c>
      <c r="AU35" s="101">
        <v>11</v>
      </c>
      <c r="AV35" s="102">
        <v>15</v>
      </c>
      <c r="AW35" s="103">
        <v>26</v>
      </c>
      <c r="AX35" s="413">
        <v>0</v>
      </c>
      <c r="AY35" s="102">
        <v>19</v>
      </c>
      <c r="AZ35" s="102">
        <v>17</v>
      </c>
      <c r="BA35" s="102">
        <v>9</v>
      </c>
      <c r="BB35" s="102">
        <v>7</v>
      </c>
      <c r="BC35" s="102">
        <v>10</v>
      </c>
      <c r="BD35" s="103">
        <v>62</v>
      </c>
      <c r="BE35" s="104">
        <v>88</v>
      </c>
      <c r="BF35" s="101">
        <v>2</v>
      </c>
      <c r="BG35" s="102">
        <v>11</v>
      </c>
      <c r="BH35" s="103">
        <v>13</v>
      </c>
      <c r="BI35" s="413">
        <v>0</v>
      </c>
      <c r="BJ35" s="102">
        <v>20</v>
      </c>
      <c r="BK35" s="102">
        <v>12</v>
      </c>
      <c r="BL35" s="102">
        <v>9</v>
      </c>
      <c r="BM35" s="102">
        <v>14</v>
      </c>
      <c r="BN35" s="102">
        <v>5</v>
      </c>
      <c r="BO35" s="103">
        <v>60</v>
      </c>
      <c r="BP35" s="104">
        <v>73</v>
      </c>
      <c r="BQ35" s="101">
        <v>7</v>
      </c>
      <c r="BR35" s="102">
        <v>4</v>
      </c>
      <c r="BS35" s="103">
        <v>11</v>
      </c>
      <c r="BT35" s="413">
        <v>0</v>
      </c>
      <c r="BU35" s="102">
        <v>12</v>
      </c>
      <c r="BV35" s="102">
        <v>12</v>
      </c>
      <c r="BW35" s="102">
        <v>2</v>
      </c>
      <c r="BX35" s="102">
        <v>8</v>
      </c>
      <c r="BY35" s="102">
        <v>5</v>
      </c>
      <c r="BZ35" s="103">
        <v>39</v>
      </c>
      <c r="CA35" s="104">
        <v>50</v>
      </c>
      <c r="CB35" s="101">
        <v>0</v>
      </c>
      <c r="CC35" s="102">
        <v>2</v>
      </c>
      <c r="CD35" s="103">
        <v>2</v>
      </c>
      <c r="CE35" s="413">
        <v>0</v>
      </c>
      <c r="CF35" s="102">
        <v>2</v>
      </c>
      <c r="CG35" s="102">
        <v>3</v>
      </c>
      <c r="CH35" s="102">
        <v>1</v>
      </c>
      <c r="CI35" s="102">
        <v>1</v>
      </c>
      <c r="CJ35" s="102">
        <v>4</v>
      </c>
      <c r="CK35" s="103">
        <v>11</v>
      </c>
      <c r="CL35" s="104">
        <v>13</v>
      </c>
      <c r="CM35" s="101">
        <v>30</v>
      </c>
      <c r="CN35" s="102">
        <v>37</v>
      </c>
      <c r="CO35" s="103">
        <v>67</v>
      </c>
      <c r="CP35" s="413">
        <v>0</v>
      </c>
      <c r="CQ35" s="102">
        <v>79</v>
      </c>
      <c r="CR35" s="102">
        <v>60</v>
      </c>
      <c r="CS35" s="102">
        <v>29</v>
      </c>
      <c r="CT35" s="102">
        <v>40</v>
      </c>
      <c r="CU35" s="102">
        <v>31</v>
      </c>
      <c r="CV35" s="103">
        <v>239</v>
      </c>
      <c r="CW35" s="104">
        <v>306</v>
      </c>
      <c r="CX35" s="105">
        <v>52</v>
      </c>
      <c r="CY35" s="97">
        <v>81</v>
      </c>
      <c r="CZ35" s="98">
        <v>133</v>
      </c>
      <c r="DA35" s="413">
        <v>0</v>
      </c>
      <c r="DB35" s="97">
        <v>139</v>
      </c>
      <c r="DC35" s="97">
        <v>92</v>
      </c>
      <c r="DD35" s="97">
        <v>73</v>
      </c>
      <c r="DE35" s="97">
        <v>83</v>
      </c>
      <c r="DF35" s="97">
        <v>47</v>
      </c>
      <c r="DG35" s="99">
        <v>434</v>
      </c>
      <c r="DH35" s="100">
        <v>567</v>
      </c>
      <c r="DI35" s="101">
        <v>1</v>
      </c>
      <c r="DJ35" s="102">
        <v>2</v>
      </c>
      <c r="DK35" s="103">
        <v>3</v>
      </c>
      <c r="DL35" s="413">
        <v>0</v>
      </c>
      <c r="DM35" s="102">
        <v>1</v>
      </c>
      <c r="DN35" s="102">
        <v>3</v>
      </c>
      <c r="DO35" s="102">
        <v>1</v>
      </c>
      <c r="DP35" s="102">
        <v>0</v>
      </c>
      <c r="DQ35" s="102">
        <v>1</v>
      </c>
      <c r="DR35" s="103">
        <v>6</v>
      </c>
      <c r="DS35" s="104">
        <v>9</v>
      </c>
      <c r="DT35" s="101">
        <v>7</v>
      </c>
      <c r="DU35" s="102">
        <v>2</v>
      </c>
      <c r="DV35" s="103">
        <v>9</v>
      </c>
      <c r="DW35" s="413">
        <v>0</v>
      </c>
      <c r="DX35" s="102">
        <v>4</v>
      </c>
      <c r="DY35" s="102">
        <v>4</v>
      </c>
      <c r="DZ35" s="102">
        <v>2</v>
      </c>
      <c r="EA35" s="102">
        <v>4</v>
      </c>
      <c r="EB35" s="102">
        <v>3</v>
      </c>
      <c r="EC35" s="103">
        <v>17</v>
      </c>
      <c r="ED35" s="104">
        <v>26</v>
      </c>
      <c r="EE35" s="101">
        <v>5</v>
      </c>
      <c r="EF35" s="102">
        <v>8</v>
      </c>
      <c r="EG35" s="103">
        <v>13</v>
      </c>
      <c r="EH35" s="413">
        <v>0</v>
      </c>
      <c r="EI35" s="102">
        <v>26</v>
      </c>
      <c r="EJ35" s="102">
        <v>6</v>
      </c>
      <c r="EK35" s="102">
        <v>6</v>
      </c>
      <c r="EL35" s="102">
        <v>2</v>
      </c>
      <c r="EM35" s="102">
        <v>4</v>
      </c>
      <c r="EN35" s="103">
        <v>44</v>
      </c>
      <c r="EO35" s="104">
        <v>57</v>
      </c>
      <c r="EP35" s="101">
        <v>21</v>
      </c>
      <c r="EQ35" s="102">
        <v>20</v>
      </c>
      <c r="ER35" s="103">
        <v>41</v>
      </c>
      <c r="ES35" s="413">
        <v>0</v>
      </c>
      <c r="ET35" s="102">
        <v>37</v>
      </c>
      <c r="EU35" s="102">
        <v>22</v>
      </c>
      <c r="EV35" s="102">
        <v>14</v>
      </c>
      <c r="EW35" s="102">
        <v>16</v>
      </c>
      <c r="EX35" s="102">
        <v>9</v>
      </c>
      <c r="EY35" s="103">
        <v>98</v>
      </c>
      <c r="EZ35" s="104">
        <v>139</v>
      </c>
      <c r="FA35" s="101">
        <v>11</v>
      </c>
      <c r="FB35" s="102">
        <v>25</v>
      </c>
      <c r="FC35" s="103">
        <v>36</v>
      </c>
      <c r="FD35" s="413">
        <v>0</v>
      </c>
      <c r="FE35" s="102">
        <v>34</v>
      </c>
      <c r="FF35" s="102">
        <v>26</v>
      </c>
      <c r="FG35" s="102">
        <v>21</v>
      </c>
      <c r="FH35" s="102">
        <v>20</v>
      </c>
      <c r="FI35" s="102">
        <v>13</v>
      </c>
      <c r="FJ35" s="103">
        <v>114</v>
      </c>
      <c r="FK35" s="104">
        <v>150</v>
      </c>
      <c r="FL35" s="101">
        <v>7</v>
      </c>
      <c r="FM35" s="102">
        <v>24</v>
      </c>
      <c r="FN35" s="103">
        <v>31</v>
      </c>
      <c r="FO35" s="413">
        <v>0</v>
      </c>
      <c r="FP35" s="102">
        <v>37</v>
      </c>
      <c r="FQ35" s="102">
        <v>31</v>
      </c>
      <c r="FR35" s="102">
        <v>29</v>
      </c>
      <c r="FS35" s="102">
        <v>41</v>
      </c>
      <c r="FT35" s="102">
        <v>17</v>
      </c>
      <c r="FU35" s="103">
        <v>155</v>
      </c>
      <c r="FV35" s="104">
        <v>186</v>
      </c>
      <c r="FW35" s="101">
        <v>0</v>
      </c>
      <c r="FX35" s="102">
        <v>2</v>
      </c>
      <c r="FY35" s="103">
        <v>2</v>
      </c>
      <c r="FZ35" s="413">
        <v>0</v>
      </c>
      <c r="GA35" s="102">
        <v>1</v>
      </c>
      <c r="GB35" s="102">
        <v>4</v>
      </c>
      <c r="GC35" s="102">
        <v>0</v>
      </c>
      <c r="GD35" s="102">
        <v>0</v>
      </c>
      <c r="GE35" s="102">
        <v>0</v>
      </c>
      <c r="GF35" s="103">
        <v>5</v>
      </c>
      <c r="GG35" s="104">
        <v>7</v>
      </c>
      <c r="GH35" s="101">
        <v>52</v>
      </c>
      <c r="GI35" s="102">
        <v>83</v>
      </c>
      <c r="GJ35" s="103">
        <v>135</v>
      </c>
      <c r="GK35" s="413">
        <v>0</v>
      </c>
      <c r="GL35" s="102">
        <v>140</v>
      </c>
      <c r="GM35" s="102">
        <v>96</v>
      </c>
      <c r="GN35" s="102">
        <v>73</v>
      </c>
      <c r="GO35" s="102">
        <v>83</v>
      </c>
      <c r="GP35" s="102">
        <v>47</v>
      </c>
      <c r="GQ35" s="103">
        <v>439</v>
      </c>
      <c r="GR35" s="104">
        <v>574</v>
      </c>
      <c r="GS35" s="105">
        <v>82</v>
      </c>
      <c r="GT35" s="97">
        <v>116</v>
      </c>
      <c r="GU35" s="98">
        <v>198</v>
      </c>
      <c r="GV35" s="413">
        <v>0</v>
      </c>
      <c r="GW35" s="97">
        <v>216</v>
      </c>
      <c r="GX35" s="97">
        <v>149</v>
      </c>
      <c r="GY35" s="97">
        <v>101</v>
      </c>
      <c r="GZ35" s="97">
        <v>122</v>
      </c>
      <c r="HA35" s="97">
        <v>74</v>
      </c>
      <c r="HB35" s="99">
        <v>662</v>
      </c>
      <c r="HC35" s="100">
        <v>860</v>
      </c>
      <c r="HD35" s="101">
        <v>6</v>
      </c>
      <c r="HE35" s="102">
        <v>3</v>
      </c>
      <c r="HF35" s="103">
        <v>9</v>
      </c>
      <c r="HG35" s="416">
        <v>0</v>
      </c>
      <c r="HH35" s="102">
        <v>4</v>
      </c>
      <c r="HI35" s="102">
        <v>6</v>
      </c>
      <c r="HJ35" s="102">
        <v>5</v>
      </c>
      <c r="HK35" s="102">
        <v>2</v>
      </c>
      <c r="HL35" s="102">
        <v>1</v>
      </c>
      <c r="HM35" s="103">
        <v>18</v>
      </c>
      <c r="HN35" s="104">
        <v>27</v>
      </c>
      <c r="HO35" s="101">
        <v>9</v>
      </c>
      <c r="HP35" s="102">
        <v>4</v>
      </c>
      <c r="HQ35" s="103">
        <v>13</v>
      </c>
      <c r="HR35" s="413">
        <v>0</v>
      </c>
      <c r="HS35" s="102">
        <v>13</v>
      </c>
      <c r="HT35" s="102">
        <v>8</v>
      </c>
      <c r="HU35" s="102">
        <v>4</v>
      </c>
      <c r="HV35" s="102">
        <v>9</v>
      </c>
      <c r="HW35" s="102">
        <v>6</v>
      </c>
      <c r="HX35" s="103">
        <v>40</v>
      </c>
      <c r="HY35" s="104">
        <v>53</v>
      </c>
      <c r="HZ35" s="101">
        <v>8</v>
      </c>
      <c r="IA35" s="102">
        <v>10</v>
      </c>
      <c r="IB35" s="103">
        <v>18</v>
      </c>
      <c r="IC35" s="413">
        <v>0</v>
      </c>
      <c r="ID35" s="102">
        <v>40</v>
      </c>
      <c r="IE35" s="102">
        <v>15</v>
      </c>
      <c r="IF35" s="102">
        <v>8</v>
      </c>
      <c r="IG35" s="102">
        <v>5</v>
      </c>
      <c r="IH35" s="102">
        <v>8</v>
      </c>
      <c r="II35" s="103">
        <v>76</v>
      </c>
      <c r="IJ35" s="104">
        <v>94</v>
      </c>
      <c r="IK35" s="101">
        <v>32</v>
      </c>
      <c r="IL35" s="102">
        <v>35</v>
      </c>
      <c r="IM35" s="103">
        <v>67</v>
      </c>
      <c r="IN35" s="413">
        <v>0</v>
      </c>
      <c r="IO35" s="102">
        <v>56</v>
      </c>
      <c r="IP35" s="102">
        <v>39</v>
      </c>
      <c r="IQ35" s="102">
        <v>23</v>
      </c>
      <c r="IR35" s="102">
        <v>23</v>
      </c>
      <c r="IS35" s="102">
        <v>19</v>
      </c>
      <c r="IT35" s="103">
        <v>160</v>
      </c>
      <c r="IU35" s="104">
        <v>227</v>
      </c>
      <c r="IV35" s="101">
        <v>13</v>
      </c>
      <c r="IW35" s="102">
        <v>36</v>
      </c>
      <c r="IX35" s="103">
        <v>49</v>
      </c>
      <c r="IY35" s="413">
        <v>0</v>
      </c>
      <c r="IZ35" s="102">
        <v>54</v>
      </c>
      <c r="JA35" s="102">
        <v>38</v>
      </c>
      <c r="JB35" s="102">
        <v>30</v>
      </c>
      <c r="JC35" s="102">
        <v>34</v>
      </c>
      <c r="JD35" s="102">
        <v>18</v>
      </c>
      <c r="JE35" s="103">
        <v>174</v>
      </c>
      <c r="JF35" s="104">
        <v>223</v>
      </c>
      <c r="JG35" s="101">
        <v>14</v>
      </c>
      <c r="JH35" s="102">
        <v>28</v>
      </c>
      <c r="JI35" s="103">
        <v>42</v>
      </c>
      <c r="JJ35" s="413">
        <v>0</v>
      </c>
      <c r="JK35" s="102">
        <v>49</v>
      </c>
      <c r="JL35" s="102">
        <v>43</v>
      </c>
      <c r="JM35" s="102">
        <v>31</v>
      </c>
      <c r="JN35" s="102">
        <v>49</v>
      </c>
      <c r="JO35" s="102">
        <v>22</v>
      </c>
      <c r="JP35" s="103">
        <v>194</v>
      </c>
      <c r="JQ35" s="104">
        <v>236</v>
      </c>
      <c r="JR35" s="101">
        <v>0</v>
      </c>
      <c r="JS35" s="102">
        <v>4</v>
      </c>
      <c r="JT35" s="103">
        <v>4</v>
      </c>
      <c r="JU35" s="413">
        <v>0</v>
      </c>
      <c r="JV35" s="102">
        <v>3</v>
      </c>
      <c r="JW35" s="102">
        <v>7</v>
      </c>
      <c r="JX35" s="102">
        <v>1</v>
      </c>
      <c r="JY35" s="102">
        <v>1</v>
      </c>
      <c r="JZ35" s="102">
        <v>4</v>
      </c>
      <c r="KA35" s="103">
        <v>16</v>
      </c>
      <c r="KB35" s="104">
        <v>20</v>
      </c>
      <c r="KC35" s="101">
        <v>82</v>
      </c>
      <c r="KD35" s="102">
        <v>120</v>
      </c>
      <c r="KE35" s="103">
        <v>202</v>
      </c>
      <c r="KF35" s="413">
        <v>0</v>
      </c>
      <c r="KG35" s="102">
        <v>219</v>
      </c>
      <c r="KH35" s="102">
        <v>156</v>
      </c>
      <c r="KI35" s="102">
        <v>102</v>
      </c>
      <c r="KJ35" s="102">
        <v>123</v>
      </c>
      <c r="KK35" s="102">
        <v>78</v>
      </c>
      <c r="KL35" s="103">
        <v>678</v>
      </c>
      <c r="KM35" s="104">
        <v>880</v>
      </c>
    </row>
    <row r="36" spans="2:299" s="70" customFormat="1" ht="21" customHeight="1" x14ac:dyDescent="0.2">
      <c r="B36" s="106" t="s">
        <v>33</v>
      </c>
      <c r="C36" s="96">
        <v>29</v>
      </c>
      <c r="D36" s="97">
        <v>36</v>
      </c>
      <c r="E36" s="98">
        <v>65</v>
      </c>
      <c r="F36" s="413">
        <v>0</v>
      </c>
      <c r="G36" s="97">
        <v>66</v>
      </c>
      <c r="H36" s="97">
        <v>40</v>
      </c>
      <c r="I36" s="97">
        <v>48</v>
      </c>
      <c r="J36" s="97">
        <v>26</v>
      </c>
      <c r="K36" s="97">
        <v>17</v>
      </c>
      <c r="L36" s="99">
        <v>197</v>
      </c>
      <c r="M36" s="100">
        <v>262</v>
      </c>
      <c r="N36" s="101">
        <v>2</v>
      </c>
      <c r="O36" s="102">
        <v>0</v>
      </c>
      <c r="P36" s="103">
        <v>2</v>
      </c>
      <c r="Q36" s="413">
        <v>0</v>
      </c>
      <c r="R36" s="102">
        <v>5</v>
      </c>
      <c r="S36" s="102">
        <v>2</v>
      </c>
      <c r="T36" s="102">
        <v>3</v>
      </c>
      <c r="U36" s="102">
        <v>1</v>
      </c>
      <c r="V36" s="102">
        <v>0</v>
      </c>
      <c r="W36" s="103">
        <v>11</v>
      </c>
      <c r="X36" s="104">
        <v>13</v>
      </c>
      <c r="Y36" s="101">
        <v>1</v>
      </c>
      <c r="Z36" s="102">
        <v>3</v>
      </c>
      <c r="AA36" s="103">
        <v>4</v>
      </c>
      <c r="AB36" s="413">
        <v>0</v>
      </c>
      <c r="AC36" s="102">
        <v>7</v>
      </c>
      <c r="AD36" s="102">
        <v>5</v>
      </c>
      <c r="AE36" s="102">
        <v>8</v>
      </c>
      <c r="AF36" s="102">
        <v>5</v>
      </c>
      <c r="AG36" s="102">
        <v>2</v>
      </c>
      <c r="AH36" s="103">
        <v>27</v>
      </c>
      <c r="AI36" s="104">
        <v>31</v>
      </c>
      <c r="AJ36" s="101">
        <v>7</v>
      </c>
      <c r="AK36" s="102">
        <v>6</v>
      </c>
      <c r="AL36" s="103">
        <v>13</v>
      </c>
      <c r="AM36" s="413">
        <v>0</v>
      </c>
      <c r="AN36" s="102">
        <v>7</v>
      </c>
      <c r="AO36" s="102">
        <v>9</v>
      </c>
      <c r="AP36" s="102">
        <v>12</v>
      </c>
      <c r="AQ36" s="102">
        <v>4</v>
      </c>
      <c r="AR36" s="102">
        <v>3</v>
      </c>
      <c r="AS36" s="103">
        <v>35</v>
      </c>
      <c r="AT36" s="104">
        <v>48</v>
      </c>
      <c r="AU36" s="101">
        <v>12</v>
      </c>
      <c r="AV36" s="102">
        <v>12</v>
      </c>
      <c r="AW36" s="103">
        <v>24</v>
      </c>
      <c r="AX36" s="413">
        <v>0</v>
      </c>
      <c r="AY36" s="102">
        <v>21</v>
      </c>
      <c r="AZ36" s="102">
        <v>8</v>
      </c>
      <c r="BA36" s="102">
        <v>11</v>
      </c>
      <c r="BB36" s="102">
        <v>8</v>
      </c>
      <c r="BC36" s="102">
        <v>4</v>
      </c>
      <c r="BD36" s="103">
        <v>52</v>
      </c>
      <c r="BE36" s="104">
        <v>76</v>
      </c>
      <c r="BF36" s="101">
        <v>4</v>
      </c>
      <c r="BG36" s="102">
        <v>10</v>
      </c>
      <c r="BH36" s="103">
        <v>14</v>
      </c>
      <c r="BI36" s="413">
        <v>0</v>
      </c>
      <c r="BJ36" s="102">
        <v>15</v>
      </c>
      <c r="BK36" s="102">
        <v>7</v>
      </c>
      <c r="BL36" s="102">
        <v>7</v>
      </c>
      <c r="BM36" s="102">
        <v>4</v>
      </c>
      <c r="BN36" s="102">
        <v>5</v>
      </c>
      <c r="BO36" s="103">
        <v>38</v>
      </c>
      <c r="BP36" s="104">
        <v>52</v>
      </c>
      <c r="BQ36" s="101">
        <v>3</v>
      </c>
      <c r="BR36" s="102">
        <v>5</v>
      </c>
      <c r="BS36" s="103">
        <v>8</v>
      </c>
      <c r="BT36" s="413">
        <v>0</v>
      </c>
      <c r="BU36" s="102">
        <v>11</v>
      </c>
      <c r="BV36" s="102">
        <v>9</v>
      </c>
      <c r="BW36" s="102">
        <v>7</v>
      </c>
      <c r="BX36" s="102">
        <v>4</v>
      </c>
      <c r="BY36" s="102">
        <v>3</v>
      </c>
      <c r="BZ36" s="103">
        <v>34</v>
      </c>
      <c r="CA36" s="104">
        <v>42</v>
      </c>
      <c r="CB36" s="101">
        <v>1</v>
      </c>
      <c r="CC36" s="102">
        <v>0</v>
      </c>
      <c r="CD36" s="103">
        <v>1</v>
      </c>
      <c r="CE36" s="413">
        <v>0</v>
      </c>
      <c r="CF36" s="102">
        <v>0</v>
      </c>
      <c r="CG36" s="102">
        <v>3</v>
      </c>
      <c r="CH36" s="102">
        <v>0</v>
      </c>
      <c r="CI36" s="102">
        <v>0</v>
      </c>
      <c r="CJ36" s="102">
        <v>0</v>
      </c>
      <c r="CK36" s="103">
        <v>3</v>
      </c>
      <c r="CL36" s="104">
        <v>4</v>
      </c>
      <c r="CM36" s="101">
        <v>30</v>
      </c>
      <c r="CN36" s="102">
        <v>36</v>
      </c>
      <c r="CO36" s="103">
        <v>66</v>
      </c>
      <c r="CP36" s="413">
        <v>0</v>
      </c>
      <c r="CQ36" s="102">
        <v>66</v>
      </c>
      <c r="CR36" s="102">
        <v>43</v>
      </c>
      <c r="CS36" s="102">
        <v>48</v>
      </c>
      <c r="CT36" s="102">
        <v>26</v>
      </c>
      <c r="CU36" s="102">
        <v>17</v>
      </c>
      <c r="CV36" s="103">
        <v>200</v>
      </c>
      <c r="CW36" s="104">
        <v>266</v>
      </c>
      <c r="CX36" s="105">
        <v>42</v>
      </c>
      <c r="CY36" s="97">
        <v>61</v>
      </c>
      <c r="CZ36" s="98">
        <v>103</v>
      </c>
      <c r="DA36" s="413">
        <v>0</v>
      </c>
      <c r="DB36" s="97">
        <v>145</v>
      </c>
      <c r="DC36" s="97">
        <v>80</v>
      </c>
      <c r="DD36" s="97">
        <v>84</v>
      </c>
      <c r="DE36" s="97">
        <v>74</v>
      </c>
      <c r="DF36" s="97">
        <v>58</v>
      </c>
      <c r="DG36" s="99">
        <v>441</v>
      </c>
      <c r="DH36" s="100">
        <v>544</v>
      </c>
      <c r="DI36" s="101">
        <v>0</v>
      </c>
      <c r="DJ36" s="102">
        <v>2</v>
      </c>
      <c r="DK36" s="103">
        <v>2</v>
      </c>
      <c r="DL36" s="413">
        <v>0</v>
      </c>
      <c r="DM36" s="102">
        <v>3</v>
      </c>
      <c r="DN36" s="102">
        <v>0</v>
      </c>
      <c r="DO36" s="102">
        <v>1</v>
      </c>
      <c r="DP36" s="102">
        <v>2</v>
      </c>
      <c r="DQ36" s="102">
        <v>2</v>
      </c>
      <c r="DR36" s="103">
        <v>8</v>
      </c>
      <c r="DS36" s="104">
        <v>10</v>
      </c>
      <c r="DT36" s="101">
        <v>3</v>
      </c>
      <c r="DU36" s="102">
        <v>5</v>
      </c>
      <c r="DV36" s="103">
        <v>8</v>
      </c>
      <c r="DW36" s="413">
        <v>0</v>
      </c>
      <c r="DX36" s="102">
        <v>2</v>
      </c>
      <c r="DY36" s="102">
        <v>3</v>
      </c>
      <c r="DZ36" s="102">
        <v>1</v>
      </c>
      <c r="EA36" s="102">
        <v>3</v>
      </c>
      <c r="EB36" s="102">
        <v>0</v>
      </c>
      <c r="EC36" s="103">
        <v>9</v>
      </c>
      <c r="ED36" s="104">
        <v>17</v>
      </c>
      <c r="EE36" s="101">
        <v>6</v>
      </c>
      <c r="EF36" s="102">
        <v>10</v>
      </c>
      <c r="EG36" s="103">
        <v>16</v>
      </c>
      <c r="EH36" s="413">
        <v>0</v>
      </c>
      <c r="EI36" s="102">
        <v>12</v>
      </c>
      <c r="EJ36" s="102">
        <v>6</v>
      </c>
      <c r="EK36" s="102">
        <v>8</v>
      </c>
      <c r="EL36" s="102">
        <v>9</v>
      </c>
      <c r="EM36" s="102">
        <v>6</v>
      </c>
      <c r="EN36" s="103">
        <v>41</v>
      </c>
      <c r="EO36" s="104">
        <v>57</v>
      </c>
      <c r="EP36" s="101">
        <v>8</v>
      </c>
      <c r="EQ36" s="102">
        <v>16</v>
      </c>
      <c r="ER36" s="103">
        <v>24</v>
      </c>
      <c r="ES36" s="413">
        <v>0</v>
      </c>
      <c r="ET36" s="102">
        <v>32</v>
      </c>
      <c r="EU36" s="102">
        <v>14</v>
      </c>
      <c r="EV36" s="102">
        <v>16</v>
      </c>
      <c r="EW36" s="102">
        <v>13</v>
      </c>
      <c r="EX36" s="102">
        <v>10</v>
      </c>
      <c r="EY36" s="103">
        <v>85</v>
      </c>
      <c r="EZ36" s="104">
        <v>109</v>
      </c>
      <c r="FA36" s="101">
        <v>18</v>
      </c>
      <c r="FB36" s="102">
        <v>14</v>
      </c>
      <c r="FC36" s="103">
        <v>32</v>
      </c>
      <c r="FD36" s="413">
        <v>0</v>
      </c>
      <c r="FE36" s="102">
        <v>48</v>
      </c>
      <c r="FF36" s="102">
        <v>22</v>
      </c>
      <c r="FG36" s="102">
        <v>22</v>
      </c>
      <c r="FH36" s="102">
        <v>17</v>
      </c>
      <c r="FI36" s="102">
        <v>15</v>
      </c>
      <c r="FJ36" s="103">
        <v>124</v>
      </c>
      <c r="FK36" s="104">
        <v>156</v>
      </c>
      <c r="FL36" s="101">
        <v>7</v>
      </c>
      <c r="FM36" s="102">
        <v>14</v>
      </c>
      <c r="FN36" s="103">
        <v>21</v>
      </c>
      <c r="FO36" s="413">
        <v>0</v>
      </c>
      <c r="FP36" s="102">
        <v>48</v>
      </c>
      <c r="FQ36" s="102">
        <v>35</v>
      </c>
      <c r="FR36" s="102">
        <v>36</v>
      </c>
      <c r="FS36" s="102">
        <v>30</v>
      </c>
      <c r="FT36" s="102">
        <v>25</v>
      </c>
      <c r="FU36" s="103">
        <v>174</v>
      </c>
      <c r="FV36" s="104">
        <v>195</v>
      </c>
      <c r="FW36" s="101">
        <v>0</v>
      </c>
      <c r="FX36" s="102">
        <v>0</v>
      </c>
      <c r="FY36" s="103">
        <v>0</v>
      </c>
      <c r="FZ36" s="413">
        <v>0</v>
      </c>
      <c r="GA36" s="102">
        <v>1</v>
      </c>
      <c r="GB36" s="102">
        <v>0</v>
      </c>
      <c r="GC36" s="102">
        <v>0</v>
      </c>
      <c r="GD36" s="102">
        <v>1</v>
      </c>
      <c r="GE36" s="102">
        <v>1</v>
      </c>
      <c r="GF36" s="103">
        <v>3</v>
      </c>
      <c r="GG36" s="104">
        <v>3</v>
      </c>
      <c r="GH36" s="101">
        <v>42</v>
      </c>
      <c r="GI36" s="102">
        <v>61</v>
      </c>
      <c r="GJ36" s="103">
        <v>103</v>
      </c>
      <c r="GK36" s="413">
        <v>0</v>
      </c>
      <c r="GL36" s="102">
        <v>146</v>
      </c>
      <c r="GM36" s="102">
        <v>80</v>
      </c>
      <c r="GN36" s="102">
        <v>84</v>
      </c>
      <c r="GO36" s="102">
        <v>75</v>
      </c>
      <c r="GP36" s="102">
        <v>59</v>
      </c>
      <c r="GQ36" s="103">
        <v>444</v>
      </c>
      <c r="GR36" s="104">
        <v>547</v>
      </c>
      <c r="GS36" s="105">
        <v>71</v>
      </c>
      <c r="GT36" s="97">
        <v>97</v>
      </c>
      <c r="GU36" s="98">
        <v>168</v>
      </c>
      <c r="GV36" s="413">
        <v>0</v>
      </c>
      <c r="GW36" s="97">
        <v>211</v>
      </c>
      <c r="GX36" s="97">
        <v>120</v>
      </c>
      <c r="GY36" s="97">
        <v>132</v>
      </c>
      <c r="GZ36" s="97">
        <v>100</v>
      </c>
      <c r="HA36" s="97">
        <v>75</v>
      </c>
      <c r="HB36" s="99">
        <v>638</v>
      </c>
      <c r="HC36" s="100">
        <v>806</v>
      </c>
      <c r="HD36" s="101">
        <v>2</v>
      </c>
      <c r="HE36" s="102">
        <v>2</v>
      </c>
      <c r="HF36" s="103">
        <v>4</v>
      </c>
      <c r="HG36" s="416">
        <v>0</v>
      </c>
      <c r="HH36" s="102">
        <v>8</v>
      </c>
      <c r="HI36" s="102">
        <v>2</v>
      </c>
      <c r="HJ36" s="102">
        <v>4</v>
      </c>
      <c r="HK36" s="102">
        <v>3</v>
      </c>
      <c r="HL36" s="102">
        <v>2</v>
      </c>
      <c r="HM36" s="103">
        <v>19</v>
      </c>
      <c r="HN36" s="104">
        <v>23</v>
      </c>
      <c r="HO36" s="101">
        <v>4</v>
      </c>
      <c r="HP36" s="102">
        <v>8</v>
      </c>
      <c r="HQ36" s="103">
        <v>12</v>
      </c>
      <c r="HR36" s="413">
        <v>0</v>
      </c>
      <c r="HS36" s="102">
        <v>9</v>
      </c>
      <c r="HT36" s="102">
        <v>8</v>
      </c>
      <c r="HU36" s="102">
        <v>9</v>
      </c>
      <c r="HV36" s="102">
        <v>8</v>
      </c>
      <c r="HW36" s="102">
        <v>2</v>
      </c>
      <c r="HX36" s="103">
        <v>36</v>
      </c>
      <c r="HY36" s="104">
        <v>48</v>
      </c>
      <c r="HZ36" s="101">
        <v>13</v>
      </c>
      <c r="IA36" s="102">
        <v>16</v>
      </c>
      <c r="IB36" s="103">
        <v>29</v>
      </c>
      <c r="IC36" s="413">
        <v>0</v>
      </c>
      <c r="ID36" s="102">
        <v>19</v>
      </c>
      <c r="IE36" s="102">
        <v>15</v>
      </c>
      <c r="IF36" s="102">
        <v>20</v>
      </c>
      <c r="IG36" s="102">
        <v>13</v>
      </c>
      <c r="IH36" s="102">
        <v>9</v>
      </c>
      <c r="II36" s="103">
        <v>76</v>
      </c>
      <c r="IJ36" s="104">
        <v>105</v>
      </c>
      <c r="IK36" s="101">
        <v>20</v>
      </c>
      <c r="IL36" s="102">
        <v>28</v>
      </c>
      <c r="IM36" s="103">
        <v>48</v>
      </c>
      <c r="IN36" s="413">
        <v>0</v>
      </c>
      <c r="IO36" s="102">
        <v>53</v>
      </c>
      <c r="IP36" s="102">
        <v>22</v>
      </c>
      <c r="IQ36" s="102">
        <v>27</v>
      </c>
      <c r="IR36" s="102">
        <v>21</v>
      </c>
      <c r="IS36" s="102">
        <v>14</v>
      </c>
      <c r="IT36" s="103">
        <v>137</v>
      </c>
      <c r="IU36" s="104">
        <v>185</v>
      </c>
      <c r="IV36" s="101">
        <v>22</v>
      </c>
      <c r="IW36" s="102">
        <v>24</v>
      </c>
      <c r="IX36" s="103">
        <v>46</v>
      </c>
      <c r="IY36" s="413">
        <v>0</v>
      </c>
      <c r="IZ36" s="102">
        <v>63</v>
      </c>
      <c r="JA36" s="102">
        <v>29</v>
      </c>
      <c r="JB36" s="102">
        <v>29</v>
      </c>
      <c r="JC36" s="102">
        <v>21</v>
      </c>
      <c r="JD36" s="102">
        <v>20</v>
      </c>
      <c r="JE36" s="103">
        <v>162</v>
      </c>
      <c r="JF36" s="104">
        <v>208</v>
      </c>
      <c r="JG36" s="101">
        <v>10</v>
      </c>
      <c r="JH36" s="102">
        <v>19</v>
      </c>
      <c r="JI36" s="103">
        <v>29</v>
      </c>
      <c r="JJ36" s="413">
        <v>0</v>
      </c>
      <c r="JK36" s="102">
        <v>59</v>
      </c>
      <c r="JL36" s="102">
        <v>44</v>
      </c>
      <c r="JM36" s="102">
        <v>43</v>
      </c>
      <c r="JN36" s="102">
        <v>34</v>
      </c>
      <c r="JO36" s="102">
        <v>28</v>
      </c>
      <c r="JP36" s="103">
        <v>208</v>
      </c>
      <c r="JQ36" s="104">
        <v>237</v>
      </c>
      <c r="JR36" s="101">
        <v>1</v>
      </c>
      <c r="JS36" s="102">
        <v>0</v>
      </c>
      <c r="JT36" s="103">
        <v>1</v>
      </c>
      <c r="JU36" s="413">
        <v>0</v>
      </c>
      <c r="JV36" s="102">
        <v>1</v>
      </c>
      <c r="JW36" s="102">
        <v>3</v>
      </c>
      <c r="JX36" s="102">
        <v>0</v>
      </c>
      <c r="JY36" s="102">
        <v>1</v>
      </c>
      <c r="JZ36" s="102">
        <v>1</v>
      </c>
      <c r="KA36" s="103">
        <v>6</v>
      </c>
      <c r="KB36" s="104">
        <v>7</v>
      </c>
      <c r="KC36" s="101">
        <v>72</v>
      </c>
      <c r="KD36" s="102">
        <v>97</v>
      </c>
      <c r="KE36" s="103">
        <v>169</v>
      </c>
      <c r="KF36" s="413">
        <v>0</v>
      </c>
      <c r="KG36" s="102">
        <v>212</v>
      </c>
      <c r="KH36" s="102">
        <v>123</v>
      </c>
      <c r="KI36" s="102">
        <v>132</v>
      </c>
      <c r="KJ36" s="102">
        <v>101</v>
      </c>
      <c r="KK36" s="102">
        <v>76</v>
      </c>
      <c r="KL36" s="103">
        <v>644</v>
      </c>
      <c r="KM36" s="104">
        <v>813</v>
      </c>
    </row>
    <row r="37" spans="2:299" s="70" customFormat="1" ht="21" customHeight="1" x14ac:dyDescent="0.2">
      <c r="B37" s="106" t="s">
        <v>34</v>
      </c>
      <c r="C37" s="96">
        <v>17</v>
      </c>
      <c r="D37" s="97">
        <v>17</v>
      </c>
      <c r="E37" s="98">
        <v>34</v>
      </c>
      <c r="F37" s="413">
        <v>0</v>
      </c>
      <c r="G37" s="97">
        <v>51</v>
      </c>
      <c r="H37" s="97">
        <v>37</v>
      </c>
      <c r="I37" s="97">
        <v>15</v>
      </c>
      <c r="J37" s="97">
        <v>28</v>
      </c>
      <c r="K37" s="97">
        <v>10</v>
      </c>
      <c r="L37" s="99">
        <v>141</v>
      </c>
      <c r="M37" s="100">
        <v>175</v>
      </c>
      <c r="N37" s="101">
        <v>0</v>
      </c>
      <c r="O37" s="102">
        <v>1</v>
      </c>
      <c r="P37" s="103">
        <v>1</v>
      </c>
      <c r="Q37" s="413">
        <v>0</v>
      </c>
      <c r="R37" s="102">
        <v>4</v>
      </c>
      <c r="S37" s="102">
        <v>0</v>
      </c>
      <c r="T37" s="102">
        <v>2</v>
      </c>
      <c r="U37" s="102">
        <v>2</v>
      </c>
      <c r="V37" s="102">
        <v>1</v>
      </c>
      <c r="W37" s="103">
        <v>9</v>
      </c>
      <c r="X37" s="104">
        <v>10</v>
      </c>
      <c r="Y37" s="101">
        <v>2</v>
      </c>
      <c r="Z37" s="102">
        <v>2</v>
      </c>
      <c r="AA37" s="103">
        <v>4</v>
      </c>
      <c r="AB37" s="413">
        <v>0</v>
      </c>
      <c r="AC37" s="102">
        <v>4</v>
      </c>
      <c r="AD37" s="102">
        <v>3</v>
      </c>
      <c r="AE37" s="102">
        <v>1</v>
      </c>
      <c r="AF37" s="102">
        <v>0</v>
      </c>
      <c r="AG37" s="102">
        <v>0</v>
      </c>
      <c r="AH37" s="103">
        <v>8</v>
      </c>
      <c r="AI37" s="104">
        <v>12</v>
      </c>
      <c r="AJ37" s="101">
        <v>3</v>
      </c>
      <c r="AK37" s="102">
        <v>2</v>
      </c>
      <c r="AL37" s="103">
        <v>5</v>
      </c>
      <c r="AM37" s="413">
        <v>0</v>
      </c>
      <c r="AN37" s="102">
        <v>4</v>
      </c>
      <c r="AO37" s="102">
        <v>4</v>
      </c>
      <c r="AP37" s="102">
        <v>1</v>
      </c>
      <c r="AQ37" s="102">
        <v>9</v>
      </c>
      <c r="AR37" s="102">
        <v>1</v>
      </c>
      <c r="AS37" s="103">
        <v>19</v>
      </c>
      <c r="AT37" s="104">
        <v>24</v>
      </c>
      <c r="AU37" s="101">
        <v>6</v>
      </c>
      <c r="AV37" s="102">
        <v>5</v>
      </c>
      <c r="AW37" s="103">
        <v>11</v>
      </c>
      <c r="AX37" s="413">
        <v>0</v>
      </c>
      <c r="AY37" s="102">
        <v>16</v>
      </c>
      <c r="AZ37" s="102">
        <v>11</v>
      </c>
      <c r="BA37" s="102">
        <v>3</v>
      </c>
      <c r="BB37" s="102">
        <v>6</v>
      </c>
      <c r="BC37" s="102">
        <v>4</v>
      </c>
      <c r="BD37" s="103">
        <v>40</v>
      </c>
      <c r="BE37" s="104">
        <v>51</v>
      </c>
      <c r="BF37" s="101">
        <v>4</v>
      </c>
      <c r="BG37" s="102">
        <v>5</v>
      </c>
      <c r="BH37" s="103">
        <v>9</v>
      </c>
      <c r="BI37" s="413">
        <v>0</v>
      </c>
      <c r="BJ37" s="102">
        <v>11</v>
      </c>
      <c r="BK37" s="102">
        <v>9</v>
      </c>
      <c r="BL37" s="102">
        <v>4</v>
      </c>
      <c r="BM37" s="102">
        <v>8</v>
      </c>
      <c r="BN37" s="102">
        <v>2</v>
      </c>
      <c r="BO37" s="103">
        <v>34</v>
      </c>
      <c r="BP37" s="104">
        <v>43</v>
      </c>
      <c r="BQ37" s="101">
        <v>2</v>
      </c>
      <c r="BR37" s="102">
        <v>2</v>
      </c>
      <c r="BS37" s="103">
        <v>4</v>
      </c>
      <c r="BT37" s="413">
        <v>0</v>
      </c>
      <c r="BU37" s="102">
        <v>12</v>
      </c>
      <c r="BV37" s="102">
        <v>10</v>
      </c>
      <c r="BW37" s="102">
        <v>4</v>
      </c>
      <c r="BX37" s="102">
        <v>3</v>
      </c>
      <c r="BY37" s="102">
        <v>2</v>
      </c>
      <c r="BZ37" s="103">
        <v>31</v>
      </c>
      <c r="CA37" s="104">
        <v>35</v>
      </c>
      <c r="CB37" s="101">
        <v>0</v>
      </c>
      <c r="CC37" s="102">
        <v>0</v>
      </c>
      <c r="CD37" s="103">
        <v>0</v>
      </c>
      <c r="CE37" s="413">
        <v>0</v>
      </c>
      <c r="CF37" s="102">
        <v>1</v>
      </c>
      <c r="CG37" s="102">
        <v>2</v>
      </c>
      <c r="CH37" s="102">
        <v>0</v>
      </c>
      <c r="CI37" s="102">
        <v>1</v>
      </c>
      <c r="CJ37" s="102">
        <v>1</v>
      </c>
      <c r="CK37" s="103">
        <v>5</v>
      </c>
      <c r="CL37" s="104">
        <v>5</v>
      </c>
      <c r="CM37" s="101">
        <v>17</v>
      </c>
      <c r="CN37" s="102">
        <v>17</v>
      </c>
      <c r="CO37" s="103">
        <v>34</v>
      </c>
      <c r="CP37" s="413">
        <v>0</v>
      </c>
      <c r="CQ37" s="102">
        <v>52</v>
      </c>
      <c r="CR37" s="102">
        <v>39</v>
      </c>
      <c r="CS37" s="102">
        <v>15</v>
      </c>
      <c r="CT37" s="102">
        <v>29</v>
      </c>
      <c r="CU37" s="102">
        <v>11</v>
      </c>
      <c r="CV37" s="103">
        <v>146</v>
      </c>
      <c r="CW37" s="104">
        <v>180</v>
      </c>
      <c r="CX37" s="105">
        <v>44</v>
      </c>
      <c r="CY37" s="97">
        <v>43</v>
      </c>
      <c r="CZ37" s="98">
        <v>87</v>
      </c>
      <c r="DA37" s="413">
        <v>0</v>
      </c>
      <c r="DB37" s="97">
        <v>112</v>
      </c>
      <c r="DC37" s="97">
        <v>52</v>
      </c>
      <c r="DD37" s="97">
        <v>36</v>
      </c>
      <c r="DE37" s="97">
        <v>42</v>
      </c>
      <c r="DF37" s="97">
        <v>31</v>
      </c>
      <c r="DG37" s="99">
        <v>273</v>
      </c>
      <c r="DH37" s="100">
        <v>360</v>
      </c>
      <c r="DI37" s="101">
        <v>0</v>
      </c>
      <c r="DJ37" s="102">
        <v>2</v>
      </c>
      <c r="DK37" s="103">
        <v>2</v>
      </c>
      <c r="DL37" s="413">
        <v>0</v>
      </c>
      <c r="DM37" s="102">
        <v>1</v>
      </c>
      <c r="DN37" s="102">
        <v>0</v>
      </c>
      <c r="DO37" s="102">
        <v>1</v>
      </c>
      <c r="DP37" s="102">
        <v>0</v>
      </c>
      <c r="DQ37" s="102">
        <v>1</v>
      </c>
      <c r="DR37" s="103">
        <v>3</v>
      </c>
      <c r="DS37" s="104">
        <v>5</v>
      </c>
      <c r="DT37" s="101">
        <v>2</v>
      </c>
      <c r="DU37" s="102">
        <v>0</v>
      </c>
      <c r="DV37" s="103">
        <v>2</v>
      </c>
      <c r="DW37" s="413">
        <v>0</v>
      </c>
      <c r="DX37" s="102">
        <v>2</v>
      </c>
      <c r="DY37" s="102">
        <v>1</v>
      </c>
      <c r="DZ37" s="102">
        <v>2</v>
      </c>
      <c r="EA37" s="102">
        <v>1</v>
      </c>
      <c r="EB37" s="102">
        <v>2</v>
      </c>
      <c r="EC37" s="103">
        <v>8</v>
      </c>
      <c r="ED37" s="104">
        <v>10</v>
      </c>
      <c r="EE37" s="101">
        <v>10</v>
      </c>
      <c r="EF37" s="102">
        <v>5</v>
      </c>
      <c r="EG37" s="103">
        <v>15</v>
      </c>
      <c r="EH37" s="413">
        <v>0</v>
      </c>
      <c r="EI37" s="102">
        <v>14</v>
      </c>
      <c r="EJ37" s="102">
        <v>2</v>
      </c>
      <c r="EK37" s="102">
        <v>7</v>
      </c>
      <c r="EL37" s="102">
        <v>2</v>
      </c>
      <c r="EM37" s="102">
        <v>2</v>
      </c>
      <c r="EN37" s="103">
        <v>27</v>
      </c>
      <c r="EO37" s="104">
        <v>42</v>
      </c>
      <c r="EP37" s="101">
        <v>6</v>
      </c>
      <c r="EQ37" s="102">
        <v>5</v>
      </c>
      <c r="ER37" s="103">
        <v>11</v>
      </c>
      <c r="ES37" s="413">
        <v>0</v>
      </c>
      <c r="ET37" s="102">
        <v>25</v>
      </c>
      <c r="EU37" s="102">
        <v>10</v>
      </c>
      <c r="EV37" s="102">
        <v>9</v>
      </c>
      <c r="EW37" s="102">
        <v>4</v>
      </c>
      <c r="EX37" s="102">
        <v>7</v>
      </c>
      <c r="EY37" s="103">
        <v>55</v>
      </c>
      <c r="EZ37" s="104">
        <v>66</v>
      </c>
      <c r="FA37" s="101">
        <v>18</v>
      </c>
      <c r="FB37" s="102">
        <v>19</v>
      </c>
      <c r="FC37" s="103">
        <v>37</v>
      </c>
      <c r="FD37" s="413">
        <v>0</v>
      </c>
      <c r="FE37" s="102">
        <v>37</v>
      </c>
      <c r="FF37" s="102">
        <v>17</v>
      </c>
      <c r="FG37" s="102">
        <v>7</v>
      </c>
      <c r="FH37" s="102">
        <v>11</v>
      </c>
      <c r="FI37" s="102">
        <v>3</v>
      </c>
      <c r="FJ37" s="103">
        <v>75</v>
      </c>
      <c r="FK37" s="104">
        <v>112</v>
      </c>
      <c r="FL37" s="101">
        <v>8</v>
      </c>
      <c r="FM37" s="102">
        <v>12</v>
      </c>
      <c r="FN37" s="103">
        <v>20</v>
      </c>
      <c r="FO37" s="413">
        <v>0</v>
      </c>
      <c r="FP37" s="102">
        <v>33</v>
      </c>
      <c r="FQ37" s="102">
        <v>22</v>
      </c>
      <c r="FR37" s="102">
        <v>10</v>
      </c>
      <c r="FS37" s="102">
        <v>24</v>
      </c>
      <c r="FT37" s="102">
        <v>16</v>
      </c>
      <c r="FU37" s="103">
        <v>105</v>
      </c>
      <c r="FV37" s="104">
        <v>125</v>
      </c>
      <c r="FW37" s="101">
        <v>0</v>
      </c>
      <c r="FX37" s="102">
        <v>0</v>
      </c>
      <c r="FY37" s="103">
        <v>0</v>
      </c>
      <c r="FZ37" s="413">
        <v>0</v>
      </c>
      <c r="GA37" s="102">
        <v>1</v>
      </c>
      <c r="GB37" s="102">
        <v>1</v>
      </c>
      <c r="GC37" s="102">
        <v>1</v>
      </c>
      <c r="GD37" s="102">
        <v>0</v>
      </c>
      <c r="GE37" s="102">
        <v>1</v>
      </c>
      <c r="GF37" s="103">
        <v>4</v>
      </c>
      <c r="GG37" s="104">
        <v>4</v>
      </c>
      <c r="GH37" s="101">
        <v>44</v>
      </c>
      <c r="GI37" s="102">
        <v>43</v>
      </c>
      <c r="GJ37" s="103">
        <v>87</v>
      </c>
      <c r="GK37" s="413">
        <v>0</v>
      </c>
      <c r="GL37" s="102">
        <v>113</v>
      </c>
      <c r="GM37" s="102">
        <v>53</v>
      </c>
      <c r="GN37" s="102">
        <v>37</v>
      </c>
      <c r="GO37" s="102">
        <v>42</v>
      </c>
      <c r="GP37" s="102">
        <v>32</v>
      </c>
      <c r="GQ37" s="103">
        <v>277</v>
      </c>
      <c r="GR37" s="104">
        <v>364</v>
      </c>
      <c r="GS37" s="105">
        <v>61</v>
      </c>
      <c r="GT37" s="97">
        <v>60</v>
      </c>
      <c r="GU37" s="98">
        <v>121</v>
      </c>
      <c r="GV37" s="413">
        <v>0</v>
      </c>
      <c r="GW37" s="97">
        <v>163</v>
      </c>
      <c r="GX37" s="97">
        <v>89</v>
      </c>
      <c r="GY37" s="97">
        <v>51</v>
      </c>
      <c r="GZ37" s="97">
        <v>70</v>
      </c>
      <c r="HA37" s="97">
        <v>41</v>
      </c>
      <c r="HB37" s="99">
        <v>414</v>
      </c>
      <c r="HC37" s="100">
        <v>535</v>
      </c>
      <c r="HD37" s="101">
        <v>0</v>
      </c>
      <c r="HE37" s="102">
        <v>3</v>
      </c>
      <c r="HF37" s="103">
        <v>3</v>
      </c>
      <c r="HG37" s="416">
        <v>0</v>
      </c>
      <c r="HH37" s="102">
        <v>5</v>
      </c>
      <c r="HI37" s="102">
        <v>0</v>
      </c>
      <c r="HJ37" s="102">
        <v>3</v>
      </c>
      <c r="HK37" s="102">
        <v>2</v>
      </c>
      <c r="HL37" s="102">
        <v>2</v>
      </c>
      <c r="HM37" s="103">
        <v>12</v>
      </c>
      <c r="HN37" s="104">
        <v>15</v>
      </c>
      <c r="HO37" s="101">
        <v>4</v>
      </c>
      <c r="HP37" s="102">
        <v>2</v>
      </c>
      <c r="HQ37" s="103">
        <v>6</v>
      </c>
      <c r="HR37" s="413">
        <v>0</v>
      </c>
      <c r="HS37" s="102">
        <v>6</v>
      </c>
      <c r="HT37" s="102">
        <v>4</v>
      </c>
      <c r="HU37" s="102">
        <v>3</v>
      </c>
      <c r="HV37" s="102">
        <v>1</v>
      </c>
      <c r="HW37" s="102">
        <v>2</v>
      </c>
      <c r="HX37" s="103">
        <v>16</v>
      </c>
      <c r="HY37" s="104">
        <v>22</v>
      </c>
      <c r="HZ37" s="101">
        <v>13</v>
      </c>
      <c r="IA37" s="102">
        <v>7</v>
      </c>
      <c r="IB37" s="103">
        <v>20</v>
      </c>
      <c r="IC37" s="413">
        <v>0</v>
      </c>
      <c r="ID37" s="102">
        <v>18</v>
      </c>
      <c r="IE37" s="102">
        <v>6</v>
      </c>
      <c r="IF37" s="102">
        <v>8</v>
      </c>
      <c r="IG37" s="102">
        <v>11</v>
      </c>
      <c r="IH37" s="102">
        <v>3</v>
      </c>
      <c r="II37" s="103">
        <v>46</v>
      </c>
      <c r="IJ37" s="104">
        <v>66</v>
      </c>
      <c r="IK37" s="101">
        <v>12</v>
      </c>
      <c r="IL37" s="102">
        <v>10</v>
      </c>
      <c r="IM37" s="103">
        <v>22</v>
      </c>
      <c r="IN37" s="413">
        <v>0</v>
      </c>
      <c r="IO37" s="102">
        <v>41</v>
      </c>
      <c r="IP37" s="102">
        <v>21</v>
      </c>
      <c r="IQ37" s="102">
        <v>12</v>
      </c>
      <c r="IR37" s="102">
        <v>10</v>
      </c>
      <c r="IS37" s="102">
        <v>11</v>
      </c>
      <c r="IT37" s="103">
        <v>95</v>
      </c>
      <c r="IU37" s="104">
        <v>117</v>
      </c>
      <c r="IV37" s="101">
        <v>22</v>
      </c>
      <c r="IW37" s="102">
        <v>24</v>
      </c>
      <c r="IX37" s="103">
        <v>46</v>
      </c>
      <c r="IY37" s="413">
        <v>0</v>
      </c>
      <c r="IZ37" s="102">
        <v>48</v>
      </c>
      <c r="JA37" s="102">
        <v>26</v>
      </c>
      <c r="JB37" s="102">
        <v>11</v>
      </c>
      <c r="JC37" s="102">
        <v>19</v>
      </c>
      <c r="JD37" s="102">
        <v>5</v>
      </c>
      <c r="JE37" s="103">
        <v>109</v>
      </c>
      <c r="JF37" s="104">
        <v>155</v>
      </c>
      <c r="JG37" s="101">
        <v>10</v>
      </c>
      <c r="JH37" s="102">
        <v>14</v>
      </c>
      <c r="JI37" s="103">
        <v>24</v>
      </c>
      <c r="JJ37" s="413">
        <v>0</v>
      </c>
      <c r="JK37" s="102">
        <v>45</v>
      </c>
      <c r="JL37" s="102">
        <v>32</v>
      </c>
      <c r="JM37" s="102">
        <v>14</v>
      </c>
      <c r="JN37" s="102">
        <v>27</v>
      </c>
      <c r="JO37" s="102">
        <v>18</v>
      </c>
      <c r="JP37" s="103">
        <v>136</v>
      </c>
      <c r="JQ37" s="104">
        <v>160</v>
      </c>
      <c r="JR37" s="101">
        <v>0</v>
      </c>
      <c r="JS37" s="102">
        <v>0</v>
      </c>
      <c r="JT37" s="103">
        <v>0</v>
      </c>
      <c r="JU37" s="413">
        <v>0</v>
      </c>
      <c r="JV37" s="102">
        <v>2</v>
      </c>
      <c r="JW37" s="102">
        <v>3</v>
      </c>
      <c r="JX37" s="102">
        <v>1</v>
      </c>
      <c r="JY37" s="102">
        <v>1</v>
      </c>
      <c r="JZ37" s="102">
        <v>2</v>
      </c>
      <c r="KA37" s="103">
        <v>9</v>
      </c>
      <c r="KB37" s="104">
        <v>9</v>
      </c>
      <c r="KC37" s="101">
        <v>61</v>
      </c>
      <c r="KD37" s="102">
        <v>60</v>
      </c>
      <c r="KE37" s="103">
        <v>121</v>
      </c>
      <c r="KF37" s="413">
        <v>0</v>
      </c>
      <c r="KG37" s="102">
        <v>165</v>
      </c>
      <c r="KH37" s="102">
        <v>92</v>
      </c>
      <c r="KI37" s="102">
        <v>52</v>
      </c>
      <c r="KJ37" s="102">
        <v>71</v>
      </c>
      <c r="KK37" s="102">
        <v>43</v>
      </c>
      <c r="KL37" s="103">
        <v>423</v>
      </c>
      <c r="KM37" s="104">
        <v>544</v>
      </c>
    </row>
    <row r="38" spans="2:299" s="70" customFormat="1" ht="21" customHeight="1" x14ac:dyDescent="0.2">
      <c r="B38" s="106" t="s">
        <v>35</v>
      </c>
      <c r="C38" s="96">
        <v>61</v>
      </c>
      <c r="D38" s="97">
        <v>60</v>
      </c>
      <c r="E38" s="98">
        <v>121</v>
      </c>
      <c r="F38" s="413">
        <v>0</v>
      </c>
      <c r="G38" s="97">
        <v>148</v>
      </c>
      <c r="H38" s="97">
        <v>84</v>
      </c>
      <c r="I38" s="97">
        <v>59</v>
      </c>
      <c r="J38" s="97">
        <v>55</v>
      </c>
      <c r="K38" s="97">
        <v>30</v>
      </c>
      <c r="L38" s="99">
        <v>376</v>
      </c>
      <c r="M38" s="100">
        <v>497</v>
      </c>
      <c r="N38" s="101">
        <v>3</v>
      </c>
      <c r="O38" s="102">
        <v>2</v>
      </c>
      <c r="P38" s="103">
        <v>5</v>
      </c>
      <c r="Q38" s="413">
        <v>0</v>
      </c>
      <c r="R38" s="102">
        <v>13</v>
      </c>
      <c r="S38" s="102">
        <v>8</v>
      </c>
      <c r="T38" s="102">
        <v>5</v>
      </c>
      <c r="U38" s="102">
        <v>2</v>
      </c>
      <c r="V38" s="102">
        <v>3</v>
      </c>
      <c r="W38" s="103">
        <v>31</v>
      </c>
      <c r="X38" s="104">
        <v>36</v>
      </c>
      <c r="Y38" s="101">
        <v>3</v>
      </c>
      <c r="Z38" s="102">
        <v>5</v>
      </c>
      <c r="AA38" s="103">
        <v>8</v>
      </c>
      <c r="AB38" s="413">
        <v>0</v>
      </c>
      <c r="AC38" s="102">
        <v>10</v>
      </c>
      <c r="AD38" s="102">
        <v>4</v>
      </c>
      <c r="AE38" s="102">
        <v>7</v>
      </c>
      <c r="AF38" s="102">
        <v>2</v>
      </c>
      <c r="AG38" s="102">
        <v>4</v>
      </c>
      <c r="AH38" s="103">
        <v>27</v>
      </c>
      <c r="AI38" s="104">
        <v>35</v>
      </c>
      <c r="AJ38" s="101">
        <v>11</v>
      </c>
      <c r="AK38" s="102">
        <v>12</v>
      </c>
      <c r="AL38" s="103">
        <v>23</v>
      </c>
      <c r="AM38" s="413">
        <v>0</v>
      </c>
      <c r="AN38" s="102">
        <v>21</v>
      </c>
      <c r="AO38" s="102">
        <v>11</v>
      </c>
      <c r="AP38" s="102">
        <v>11</v>
      </c>
      <c r="AQ38" s="102">
        <v>12</v>
      </c>
      <c r="AR38" s="102">
        <v>7</v>
      </c>
      <c r="AS38" s="103">
        <v>62</v>
      </c>
      <c r="AT38" s="104">
        <v>85</v>
      </c>
      <c r="AU38" s="101">
        <v>19</v>
      </c>
      <c r="AV38" s="102">
        <v>21</v>
      </c>
      <c r="AW38" s="103">
        <v>40</v>
      </c>
      <c r="AX38" s="413">
        <v>0</v>
      </c>
      <c r="AY38" s="102">
        <v>44</v>
      </c>
      <c r="AZ38" s="102">
        <v>21</v>
      </c>
      <c r="BA38" s="102">
        <v>8</v>
      </c>
      <c r="BB38" s="102">
        <v>14</v>
      </c>
      <c r="BC38" s="102">
        <v>5</v>
      </c>
      <c r="BD38" s="103">
        <v>92</v>
      </c>
      <c r="BE38" s="104">
        <v>132</v>
      </c>
      <c r="BF38" s="101">
        <v>12</v>
      </c>
      <c r="BG38" s="102">
        <v>15</v>
      </c>
      <c r="BH38" s="103">
        <v>27</v>
      </c>
      <c r="BI38" s="413">
        <v>0</v>
      </c>
      <c r="BJ38" s="102">
        <v>36</v>
      </c>
      <c r="BK38" s="102">
        <v>22</v>
      </c>
      <c r="BL38" s="102">
        <v>13</v>
      </c>
      <c r="BM38" s="102">
        <v>8</v>
      </c>
      <c r="BN38" s="102">
        <v>4</v>
      </c>
      <c r="BO38" s="103">
        <v>83</v>
      </c>
      <c r="BP38" s="104">
        <v>110</v>
      </c>
      <c r="BQ38" s="101">
        <v>13</v>
      </c>
      <c r="BR38" s="102">
        <v>5</v>
      </c>
      <c r="BS38" s="103">
        <v>18</v>
      </c>
      <c r="BT38" s="413">
        <v>0</v>
      </c>
      <c r="BU38" s="102">
        <v>24</v>
      </c>
      <c r="BV38" s="102">
        <v>18</v>
      </c>
      <c r="BW38" s="102">
        <v>15</v>
      </c>
      <c r="BX38" s="102">
        <v>17</v>
      </c>
      <c r="BY38" s="102">
        <v>7</v>
      </c>
      <c r="BZ38" s="103">
        <v>81</v>
      </c>
      <c r="CA38" s="104">
        <v>99</v>
      </c>
      <c r="CB38" s="101">
        <v>2</v>
      </c>
      <c r="CC38" s="102">
        <v>2</v>
      </c>
      <c r="CD38" s="103">
        <v>4</v>
      </c>
      <c r="CE38" s="413">
        <v>0</v>
      </c>
      <c r="CF38" s="102">
        <v>5</v>
      </c>
      <c r="CG38" s="102">
        <v>2</v>
      </c>
      <c r="CH38" s="102">
        <v>1</v>
      </c>
      <c r="CI38" s="102">
        <v>3</v>
      </c>
      <c r="CJ38" s="102">
        <v>1</v>
      </c>
      <c r="CK38" s="103">
        <v>12</v>
      </c>
      <c r="CL38" s="104">
        <v>16</v>
      </c>
      <c r="CM38" s="101">
        <v>63</v>
      </c>
      <c r="CN38" s="102">
        <v>62</v>
      </c>
      <c r="CO38" s="103">
        <v>125</v>
      </c>
      <c r="CP38" s="413">
        <v>0</v>
      </c>
      <c r="CQ38" s="102">
        <v>153</v>
      </c>
      <c r="CR38" s="102">
        <v>86</v>
      </c>
      <c r="CS38" s="102">
        <v>60</v>
      </c>
      <c r="CT38" s="102">
        <v>58</v>
      </c>
      <c r="CU38" s="102">
        <v>31</v>
      </c>
      <c r="CV38" s="103">
        <v>388</v>
      </c>
      <c r="CW38" s="104">
        <v>513</v>
      </c>
      <c r="CX38" s="105">
        <v>147</v>
      </c>
      <c r="CY38" s="97">
        <v>179</v>
      </c>
      <c r="CZ38" s="98">
        <v>326</v>
      </c>
      <c r="DA38" s="413">
        <v>0</v>
      </c>
      <c r="DB38" s="97">
        <v>308</v>
      </c>
      <c r="DC38" s="97">
        <v>177</v>
      </c>
      <c r="DD38" s="97">
        <v>158</v>
      </c>
      <c r="DE38" s="97">
        <v>155</v>
      </c>
      <c r="DF38" s="97">
        <v>103</v>
      </c>
      <c r="DG38" s="99">
        <v>901</v>
      </c>
      <c r="DH38" s="100">
        <v>1227</v>
      </c>
      <c r="DI38" s="101">
        <v>2</v>
      </c>
      <c r="DJ38" s="102">
        <v>7</v>
      </c>
      <c r="DK38" s="103">
        <v>9</v>
      </c>
      <c r="DL38" s="413">
        <v>0</v>
      </c>
      <c r="DM38" s="102">
        <v>5</v>
      </c>
      <c r="DN38" s="102">
        <v>5</v>
      </c>
      <c r="DO38" s="102">
        <v>3</v>
      </c>
      <c r="DP38" s="102">
        <v>3</v>
      </c>
      <c r="DQ38" s="102">
        <v>2</v>
      </c>
      <c r="DR38" s="103">
        <v>18</v>
      </c>
      <c r="DS38" s="104">
        <v>27</v>
      </c>
      <c r="DT38" s="101">
        <v>14</v>
      </c>
      <c r="DU38" s="102">
        <v>11</v>
      </c>
      <c r="DV38" s="103">
        <v>25</v>
      </c>
      <c r="DW38" s="413">
        <v>0</v>
      </c>
      <c r="DX38" s="102">
        <v>11</v>
      </c>
      <c r="DY38" s="102">
        <v>9</v>
      </c>
      <c r="DZ38" s="102">
        <v>9</v>
      </c>
      <c r="EA38" s="102">
        <v>8</v>
      </c>
      <c r="EB38" s="102">
        <v>3</v>
      </c>
      <c r="EC38" s="103">
        <v>40</v>
      </c>
      <c r="ED38" s="104">
        <v>65</v>
      </c>
      <c r="EE38" s="101">
        <v>21</v>
      </c>
      <c r="EF38" s="102">
        <v>30</v>
      </c>
      <c r="EG38" s="103">
        <v>51</v>
      </c>
      <c r="EH38" s="413">
        <v>0</v>
      </c>
      <c r="EI38" s="102">
        <v>31</v>
      </c>
      <c r="EJ38" s="102">
        <v>14</v>
      </c>
      <c r="EK38" s="102">
        <v>5</v>
      </c>
      <c r="EL38" s="102">
        <v>7</v>
      </c>
      <c r="EM38" s="102">
        <v>10</v>
      </c>
      <c r="EN38" s="103">
        <v>67</v>
      </c>
      <c r="EO38" s="104">
        <v>118</v>
      </c>
      <c r="EP38" s="101">
        <v>50</v>
      </c>
      <c r="EQ38" s="102">
        <v>43</v>
      </c>
      <c r="ER38" s="103">
        <v>93</v>
      </c>
      <c r="ES38" s="413">
        <v>0</v>
      </c>
      <c r="ET38" s="102">
        <v>60</v>
      </c>
      <c r="EU38" s="102">
        <v>38</v>
      </c>
      <c r="EV38" s="102">
        <v>33</v>
      </c>
      <c r="EW38" s="102">
        <v>22</v>
      </c>
      <c r="EX38" s="102">
        <v>17</v>
      </c>
      <c r="EY38" s="103">
        <v>170</v>
      </c>
      <c r="EZ38" s="104">
        <v>263</v>
      </c>
      <c r="FA38" s="101">
        <v>38</v>
      </c>
      <c r="FB38" s="102">
        <v>58</v>
      </c>
      <c r="FC38" s="103">
        <v>96</v>
      </c>
      <c r="FD38" s="413">
        <v>0</v>
      </c>
      <c r="FE38" s="102">
        <v>105</v>
      </c>
      <c r="FF38" s="102">
        <v>39</v>
      </c>
      <c r="FG38" s="102">
        <v>39</v>
      </c>
      <c r="FH38" s="102">
        <v>47</v>
      </c>
      <c r="FI38" s="102">
        <v>29</v>
      </c>
      <c r="FJ38" s="103">
        <v>259</v>
      </c>
      <c r="FK38" s="104">
        <v>355</v>
      </c>
      <c r="FL38" s="101">
        <v>22</v>
      </c>
      <c r="FM38" s="102">
        <v>30</v>
      </c>
      <c r="FN38" s="103">
        <v>52</v>
      </c>
      <c r="FO38" s="413">
        <v>0</v>
      </c>
      <c r="FP38" s="102">
        <v>96</v>
      </c>
      <c r="FQ38" s="102">
        <v>72</v>
      </c>
      <c r="FR38" s="102">
        <v>69</v>
      </c>
      <c r="FS38" s="102">
        <v>68</v>
      </c>
      <c r="FT38" s="102">
        <v>42</v>
      </c>
      <c r="FU38" s="103">
        <v>347</v>
      </c>
      <c r="FV38" s="104">
        <v>399</v>
      </c>
      <c r="FW38" s="101">
        <v>0</v>
      </c>
      <c r="FX38" s="102">
        <v>1</v>
      </c>
      <c r="FY38" s="103">
        <v>1</v>
      </c>
      <c r="FZ38" s="413">
        <v>0</v>
      </c>
      <c r="GA38" s="102">
        <v>2</v>
      </c>
      <c r="GB38" s="102">
        <v>3</v>
      </c>
      <c r="GC38" s="102">
        <v>0</v>
      </c>
      <c r="GD38" s="102">
        <v>1</v>
      </c>
      <c r="GE38" s="102">
        <v>1</v>
      </c>
      <c r="GF38" s="103">
        <v>7</v>
      </c>
      <c r="GG38" s="104">
        <v>8</v>
      </c>
      <c r="GH38" s="101">
        <v>147</v>
      </c>
      <c r="GI38" s="102">
        <v>180</v>
      </c>
      <c r="GJ38" s="103">
        <v>327</v>
      </c>
      <c r="GK38" s="413">
        <v>0</v>
      </c>
      <c r="GL38" s="102">
        <v>310</v>
      </c>
      <c r="GM38" s="102">
        <v>180</v>
      </c>
      <c r="GN38" s="102">
        <v>158</v>
      </c>
      <c r="GO38" s="102">
        <v>156</v>
      </c>
      <c r="GP38" s="102">
        <v>104</v>
      </c>
      <c r="GQ38" s="103">
        <v>908</v>
      </c>
      <c r="GR38" s="104">
        <v>1235</v>
      </c>
      <c r="GS38" s="105">
        <v>208</v>
      </c>
      <c r="GT38" s="97">
        <v>239</v>
      </c>
      <c r="GU38" s="98">
        <v>447</v>
      </c>
      <c r="GV38" s="413">
        <v>0</v>
      </c>
      <c r="GW38" s="97">
        <v>456</v>
      </c>
      <c r="GX38" s="97">
        <v>261</v>
      </c>
      <c r="GY38" s="97">
        <v>217</v>
      </c>
      <c r="GZ38" s="97">
        <v>210</v>
      </c>
      <c r="HA38" s="97">
        <v>133</v>
      </c>
      <c r="HB38" s="99">
        <v>1277</v>
      </c>
      <c r="HC38" s="100">
        <v>1724</v>
      </c>
      <c r="HD38" s="101">
        <v>5</v>
      </c>
      <c r="HE38" s="102">
        <v>9</v>
      </c>
      <c r="HF38" s="103">
        <v>14</v>
      </c>
      <c r="HG38" s="416">
        <v>0</v>
      </c>
      <c r="HH38" s="102">
        <v>18</v>
      </c>
      <c r="HI38" s="102">
        <v>13</v>
      </c>
      <c r="HJ38" s="102">
        <v>8</v>
      </c>
      <c r="HK38" s="102">
        <v>5</v>
      </c>
      <c r="HL38" s="102">
        <v>5</v>
      </c>
      <c r="HM38" s="103">
        <v>49</v>
      </c>
      <c r="HN38" s="104">
        <v>63</v>
      </c>
      <c r="HO38" s="101">
        <v>17</v>
      </c>
      <c r="HP38" s="102">
        <v>16</v>
      </c>
      <c r="HQ38" s="103">
        <v>33</v>
      </c>
      <c r="HR38" s="413">
        <v>0</v>
      </c>
      <c r="HS38" s="102">
        <v>21</v>
      </c>
      <c r="HT38" s="102">
        <v>13</v>
      </c>
      <c r="HU38" s="102">
        <v>16</v>
      </c>
      <c r="HV38" s="102">
        <v>10</v>
      </c>
      <c r="HW38" s="102">
        <v>7</v>
      </c>
      <c r="HX38" s="103">
        <v>67</v>
      </c>
      <c r="HY38" s="104">
        <v>100</v>
      </c>
      <c r="HZ38" s="101">
        <v>32</v>
      </c>
      <c r="IA38" s="102">
        <v>42</v>
      </c>
      <c r="IB38" s="103">
        <v>74</v>
      </c>
      <c r="IC38" s="413">
        <v>0</v>
      </c>
      <c r="ID38" s="102">
        <v>52</v>
      </c>
      <c r="IE38" s="102">
        <v>25</v>
      </c>
      <c r="IF38" s="102">
        <v>16</v>
      </c>
      <c r="IG38" s="102">
        <v>19</v>
      </c>
      <c r="IH38" s="102">
        <v>17</v>
      </c>
      <c r="II38" s="103">
        <v>129</v>
      </c>
      <c r="IJ38" s="104">
        <v>203</v>
      </c>
      <c r="IK38" s="101">
        <v>69</v>
      </c>
      <c r="IL38" s="102">
        <v>64</v>
      </c>
      <c r="IM38" s="103">
        <v>133</v>
      </c>
      <c r="IN38" s="413">
        <v>0</v>
      </c>
      <c r="IO38" s="102">
        <v>104</v>
      </c>
      <c r="IP38" s="102">
        <v>59</v>
      </c>
      <c r="IQ38" s="102">
        <v>41</v>
      </c>
      <c r="IR38" s="102">
        <v>36</v>
      </c>
      <c r="IS38" s="102">
        <v>22</v>
      </c>
      <c r="IT38" s="103">
        <v>262</v>
      </c>
      <c r="IU38" s="104">
        <v>395</v>
      </c>
      <c r="IV38" s="101">
        <v>50</v>
      </c>
      <c r="IW38" s="102">
        <v>73</v>
      </c>
      <c r="IX38" s="103">
        <v>123</v>
      </c>
      <c r="IY38" s="413">
        <v>0</v>
      </c>
      <c r="IZ38" s="102">
        <v>141</v>
      </c>
      <c r="JA38" s="102">
        <v>61</v>
      </c>
      <c r="JB38" s="102">
        <v>52</v>
      </c>
      <c r="JC38" s="102">
        <v>55</v>
      </c>
      <c r="JD38" s="102">
        <v>33</v>
      </c>
      <c r="JE38" s="103">
        <v>342</v>
      </c>
      <c r="JF38" s="104">
        <v>465</v>
      </c>
      <c r="JG38" s="101">
        <v>35</v>
      </c>
      <c r="JH38" s="102">
        <v>35</v>
      </c>
      <c r="JI38" s="103">
        <v>70</v>
      </c>
      <c r="JJ38" s="413">
        <v>0</v>
      </c>
      <c r="JK38" s="102">
        <v>120</v>
      </c>
      <c r="JL38" s="102">
        <v>90</v>
      </c>
      <c r="JM38" s="102">
        <v>84</v>
      </c>
      <c r="JN38" s="102">
        <v>85</v>
      </c>
      <c r="JO38" s="102">
        <v>49</v>
      </c>
      <c r="JP38" s="103">
        <v>428</v>
      </c>
      <c r="JQ38" s="104">
        <v>498</v>
      </c>
      <c r="JR38" s="101">
        <v>2</v>
      </c>
      <c r="JS38" s="102">
        <v>3</v>
      </c>
      <c r="JT38" s="103">
        <v>5</v>
      </c>
      <c r="JU38" s="413">
        <v>0</v>
      </c>
      <c r="JV38" s="102">
        <v>7</v>
      </c>
      <c r="JW38" s="102">
        <v>5</v>
      </c>
      <c r="JX38" s="102">
        <v>1</v>
      </c>
      <c r="JY38" s="102">
        <v>4</v>
      </c>
      <c r="JZ38" s="102">
        <v>2</v>
      </c>
      <c r="KA38" s="103">
        <v>19</v>
      </c>
      <c r="KB38" s="104">
        <v>24</v>
      </c>
      <c r="KC38" s="101">
        <v>210</v>
      </c>
      <c r="KD38" s="102">
        <v>242</v>
      </c>
      <c r="KE38" s="103">
        <v>452</v>
      </c>
      <c r="KF38" s="413">
        <v>0</v>
      </c>
      <c r="KG38" s="102">
        <v>463</v>
      </c>
      <c r="KH38" s="102">
        <v>266</v>
      </c>
      <c r="KI38" s="102">
        <v>218</v>
      </c>
      <c r="KJ38" s="102">
        <v>214</v>
      </c>
      <c r="KK38" s="102">
        <v>135</v>
      </c>
      <c r="KL38" s="103">
        <v>1296</v>
      </c>
      <c r="KM38" s="104">
        <v>1748</v>
      </c>
    </row>
    <row r="39" spans="2:299" s="70" customFormat="1" ht="21" customHeight="1" x14ac:dyDescent="0.2">
      <c r="B39" s="106" t="s">
        <v>36</v>
      </c>
      <c r="C39" s="96">
        <v>66</v>
      </c>
      <c r="D39" s="97">
        <v>85</v>
      </c>
      <c r="E39" s="98">
        <v>151</v>
      </c>
      <c r="F39" s="413">
        <v>0</v>
      </c>
      <c r="G39" s="97">
        <v>171</v>
      </c>
      <c r="H39" s="97">
        <v>143</v>
      </c>
      <c r="I39" s="97">
        <v>122</v>
      </c>
      <c r="J39" s="97">
        <v>87</v>
      </c>
      <c r="K39" s="97">
        <v>55</v>
      </c>
      <c r="L39" s="99">
        <v>578</v>
      </c>
      <c r="M39" s="100">
        <v>729</v>
      </c>
      <c r="N39" s="101">
        <v>2</v>
      </c>
      <c r="O39" s="102">
        <v>5</v>
      </c>
      <c r="P39" s="103">
        <v>7</v>
      </c>
      <c r="Q39" s="413">
        <v>0</v>
      </c>
      <c r="R39" s="102">
        <v>10</v>
      </c>
      <c r="S39" s="102">
        <v>13</v>
      </c>
      <c r="T39" s="102">
        <v>9</v>
      </c>
      <c r="U39" s="102">
        <v>5</v>
      </c>
      <c r="V39" s="102">
        <v>6</v>
      </c>
      <c r="W39" s="103">
        <v>43</v>
      </c>
      <c r="X39" s="104">
        <v>50</v>
      </c>
      <c r="Y39" s="101">
        <v>5</v>
      </c>
      <c r="Z39" s="102">
        <v>12</v>
      </c>
      <c r="AA39" s="103">
        <v>17</v>
      </c>
      <c r="AB39" s="413">
        <v>0</v>
      </c>
      <c r="AC39" s="102">
        <v>15</v>
      </c>
      <c r="AD39" s="102">
        <v>23</v>
      </c>
      <c r="AE39" s="102">
        <v>14</v>
      </c>
      <c r="AF39" s="102">
        <v>12</v>
      </c>
      <c r="AG39" s="102">
        <v>7</v>
      </c>
      <c r="AH39" s="103">
        <v>71</v>
      </c>
      <c r="AI39" s="104">
        <v>88</v>
      </c>
      <c r="AJ39" s="101">
        <v>19</v>
      </c>
      <c r="AK39" s="102">
        <v>9</v>
      </c>
      <c r="AL39" s="103">
        <v>28</v>
      </c>
      <c r="AM39" s="413">
        <v>0</v>
      </c>
      <c r="AN39" s="102">
        <v>36</v>
      </c>
      <c r="AO39" s="102">
        <v>27</v>
      </c>
      <c r="AP39" s="102">
        <v>25</v>
      </c>
      <c r="AQ39" s="102">
        <v>14</v>
      </c>
      <c r="AR39" s="102">
        <v>11</v>
      </c>
      <c r="AS39" s="103">
        <v>113</v>
      </c>
      <c r="AT39" s="104">
        <v>141</v>
      </c>
      <c r="AU39" s="101">
        <v>20</v>
      </c>
      <c r="AV39" s="102">
        <v>25</v>
      </c>
      <c r="AW39" s="103">
        <v>45</v>
      </c>
      <c r="AX39" s="413">
        <v>0</v>
      </c>
      <c r="AY39" s="102">
        <v>45</v>
      </c>
      <c r="AZ39" s="102">
        <v>34</v>
      </c>
      <c r="BA39" s="102">
        <v>34</v>
      </c>
      <c r="BB39" s="102">
        <v>28</v>
      </c>
      <c r="BC39" s="102">
        <v>14</v>
      </c>
      <c r="BD39" s="103">
        <v>155</v>
      </c>
      <c r="BE39" s="104">
        <v>200</v>
      </c>
      <c r="BF39" s="101">
        <v>14</v>
      </c>
      <c r="BG39" s="102">
        <v>22</v>
      </c>
      <c r="BH39" s="103">
        <v>36</v>
      </c>
      <c r="BI39" s="413">
        <v>0</v>
      </c>
      <c r="BJ39" s="102">
        <v>45</v>
      </c>
      <c r="BK39" s="102">
        <v>29</v>
      </c>
      <c r="BL39" s="102">
        <v>19</v>
      </c>
      <c r="BM39" s="102">
        <v>18</v>
      </c>
      <c r="BN39" s="102">
        <v>9</v>
      </c>
      <c r="BO39" s="103">
        <v>120</v>
      </c>
      <c r="BP39" s="104">
        <v>156</v>
      </c>
      <c r="BQ39" s="101">
        <v>6</v>
      </c>
      <c r="BR39" s="102">
        <v>12</v>
      </c>
      <c r="BS39" s="103">
        <v>18</v>
      </c>
      <c r="BT39" s="413">
        <v>0</v>
      </c>
      <c r="BU39" s="102">
        <v>20</v>
      </c>
      <c r="BV39" s="102">
        <v>17</v>
      </c>
      <c r="BW39" s="102">
        <v>21</v>
      </c>
      <c r="BX39" s="102">
        <v>10</v>
      </c>
      <c r="BY39" s="102">
        <v>8</v>
      </c>
      <c r="BZ39" s="103">
        <v>76</v>
      </c>
      <c r="CA39" s="104">
        <v>94</v>
      </c>
      <c r="CB39" s="101">
        <v>2</v>
      </c>
      <c r="CC39" s="102">
        <v>2</v>
      </c>
      <c r="CD39" s="103">
        <v>4</v>
      </c>
      <c r="CE39" s="413">
        <v>0</v>
      </c>
      <c r="CF39" s="102">
        <v>5</v>
      </c>
      <c r="CG39" s="102">
        <v>4</v>
      </c>
      <c r="CH39" s="102">
        <v>9</v>
      </c>
      <c r="CI39" s="102">
        <v>8</v>
      </c>
      <c r="CJ39" s="102">
        <v>2</v>
      </c>
      <c r="CK39" s="103">
        <v>28</v>
      </c>
      <c r="CL39" s="104">
        <v>32</v>
      </c>
      <c r="CM39" s="101">
        <v>68</v>
      </c>
      <c r="CN39" s="102">
        <v>87</v>
      </c>
      <c r="CO39" s="103">
        <v>155</v>
      </c>
      <c r="CP39" s="413">
        <v>0</v>
      </c>
      <c r="CQ39" s="102">
        <v>176</v>
      </c>
      <c r="CR39" s="102">
        <v>147</v>
      </c>
      <c r="CS39" s="102">
        <v>131</v>
      </c>
      <c r="CT39" s="102">
        <v>95</v>
      </c>
      <c r="CU39" s="102">
        <v>57</v>
      </c>
      <c r="CV39" s="103">
        <v>606</v>
      </c>
      <c r="CW39" s="104">
        <v>761</v>
      </c>
      <c r="CX39" s="105">
        <v>97</v>
      </c>
      <c r="CY39" s="97">
        <v>192</v>
      </c>
      <c r="CZ39" s="98">
        <v>289</v>
      </c>
      <c r="DA39" s="413">
        <v>0</v>
      </c>
      <c r="DB39" s="97">
        <v>247</v>
      </c>
      <c r="DC39" s="97">
        <v>231</v>
      </c>
      <c r="DD39" s="97">
        <v>189</v>
      </c>
      <c r="DE39" s="97">
        <v>165</v>
      </c>
      <c r="DF39" s="97">
        <v>134</v>
      </c>
      <c r="DG39" s="99">
        <v>966</v>
      </c>
      <c r="DH39" s="100">
        <v>1255</v>
      </c>
      <c r="DI39" s="101">
        <v>1</v>
      </c>
      <c r="DJ39" s="102">
        <v>3</v>
      </c>
      <c r="DK39" s="103">
        <v>4</v>
      </c>
      <c r="DL39" s="413">
        <v>0</v>
      </c>
      <c r="DM39" s="102">
        <v>6</v>
      </c>
      <c r="DN39" s="102">
        <v>6</v>
      </c>
      <c r="DO39" s="102">
        <v>6</v>
      </c>
      <c r="DP39" s="102">
        <v>4</v>
      </c>
      <c r="DQ39" s="102">
        <v>2</v>
      </c>
      <c r="DR39" s="103">
        <v>24</v>
      </c>
      <c r="DS39" s="104">
        <v>28</v>
      </c>
      <c r="DT39" s="101">
        <v>5</v>
      </c>
      <c r="DU39" s="102">
        <v>23</v>
      </c>
      <c r="DV39" s="103">
        <v>28</v>
      </c>
      <c r="DW39" s="413">
        <v>0</v>
      </c>
      <c r="DX39" s="102">
        <v>18</v>
      </c>
      <c r="DY39" s="102">
        <v>14</v>
      </c>
      <c r="DZ39" s="102">
        <v>10</v>
      </c>
      <c r="EA39" s="102">
        <v>11</v>
      </c>
      <c r="EB39" s="102">
        <v>12</v>
      </c>
      <c r="EC39" s="103">
        <v>65</v>
      </c>
      <c r="ED39" s="104">
        <v>93</v>
      </c>
      <c r="EE39" s="101">
        <v>24</v>
      </c>
      <c r="EF39" s="102">
        <v>31</v>
      </c>
      <c r="EG39" s="103">
        <v>55</v>
      </c>
      <c r="EH39" s="413">
        <v>0</v>
      </c>
      <c r="EI39" s="102">
        <v>32</v>
      </c>
      <c r="EJ39" s="102">
        <v>35</v>
      </c>
      <c r="EK39" s="102">
        <v>19</v>
      </c>
      <c r="EL39" s="102">
        <v>26</v>
      </c>
      <c r="EM39" s="102">
        <v>15</v>
      </c>
      <c r="EN39" s="103">
        <v>127</v>
      </c>
      <c r="EO39" s="104">
        <v>182</v>
      </c>
      <c r="EP39" s="101">
        <v>40</v>
      </c>
      <c r="EQ39" s="102">
        <v>56</v>
      </c>
      <c r="ER39" s="103">
        <v>96</v>
      </c>
      <c r="ES39" s="413">
        <v>0</v>
      </c>
      <c r="ET39" s="102">
        <v>74</v>
      </c>
      <c r="EU39" s="102">
        <v>56</v>
      </c>
      <c r="EV39" s="102">
        <v>35</v>
      </c>
      <c r="EW39" s="102">
        <v>27</v>
      </c>
      <c r="EX39" s="102">
        <v>27</v>
      </c>
      <c r="EY39" s="103">
        <v>219</v>
      </c>
      <c r="EZ39" s="104">
        <v>315</v>
      </c>
      <c r="FA39" s="101">
        <v>18</v>
      </c>
      <c r="FB39" s="102">
        <v>57</v>
      </c>
      <c r="FC39" s="103">
        <v>75</v>
      </c>
      <c r="FD39" s="413">
        <v>0</v>
      </c>
      <c r="FE39" s="102">
        <v>63</v>
      </c>
      <c r="FF39" s="102">
        <v>58</v>
      </c>
      <c r="FG39" s="102">
        <v>55</v>
      </c>
      <c r="FH39" s="102">
        <v>37</v>
      </c>
      <c r="FI39" s="102">
        <v>36</v>
      </c>
      <c r="FJ39" s="103">
        <v>249</v>
      </c>
      <c r="FK39" s="104">
        <v>324</v>
      </c>
      <c r="FL39" s="101">
        <v>9</v>
      </c>
      <c r="FM39" s="102">
        <v>22</v>
      </c>
      <c r="FN39" s="103">
        <v>31</v>
      </c>
      <c r="FO39" s="413">
        <v>0</v>
      </c>
      <c r="FP39" s="102">
        <v>54</v>
      </c>
      <c r="FQ39" s="102">
        <v>62</v>
      </c>
      <c r="FR39" s="102">
        <v>64</v>
      </c>
      <c r="FS39" s="102">
        <v>60</v>
      </c>
      <c r="FT39" s="102">
        <v>42</v>
      </c>
      <c r="FU39" s="103">
        <v>282</v>
      </c>
      <c r="FV39" s="104">
        <v>313</v>
      </c>
      <c r="FW39" s="101">
        <v>1</v>
      </c>
      <c r="FX39" s="102">
        <v>3</v>
      </c>
      <c r="FY39" s="103">
        <v>4</v>
      </c>
      <c r="FZ39" s="413">
        <v>0</v>
      </c>
      <c r="GA39" s="102">
        <v>3</v>
      </c>
      <c r="GB39" s="102">
        <v>3</v>
      </c>
      <c r="GC39" s="102">
        <v>2</v>
      </c>
      <c r="GD39" s="102">
        <v>6</v>
      </c>
      <c r="GE39" s="102">
        <v>4</v>
      </c>
      <c r="GF39" s="103">
        <v>18</v>
      </c>
      <c r="GG39" s="104">
        <v>22</v>
      </c>
      <c r="GH39" s="101">
        <v>98</v>
      </c>
      <c r="GI39" s="102">
        <v>195</v>
      </c>
      <c r="GJ39" s="103">
        <v>293</v>
      </c>
      <c r="GK39" s="413">
        <v>0</v>
      </c>
      <c r="GL39" s="102">
        <v>250</v>
      </c>
      <c r="GM39" s="102">
        <v>234</v>
      </c>
      <c r="GN39" s="102">
        <v>191</v>
      </c>
      <c r="GO39" s="102">
        <v>171</v>
      </c>
      <c r="GP39" s="102">
        <v>138</v>
      </c>
      <c r="GQ39" s="103">
        <v>984</v>
      </c>
      <c r="GR39" s="104">
        <v>1277</v>
      </c>
      <c r="GS39" s="105">
        <v>163</v>
      </c>
      <c r="GT39" s="97">
        <v>277</v>
      </c>
      <c r="GU39" s="98">
        <v>440</v>
      </c>
      <c r="GV39" s="413">
        <v>0</v>
      </c>
      <c r="GW39" s="97">
        <v>418</v>
      </c>
      <c r="GX39" s="97">
        <v>374</v>
      </c>
      <c r="GY39" s="97">
        <v>311</v>
      </c>
      <c r="GZ39" s="97">
        <v>252</v>
      </c>
      <c r="HA39" s="97">
        <v>189</v>
      </c>
      <c r="HB39" s="99">
        <v>1544</v>
      </c>
      <c r="HC39" s="100">
        <v>1984</v>
      </c>
      <c r="HD39" s="101">
        <v>3</v>
      </c>
      <c r="HE39" s="102">
        <v>8</v>
      </c>
      <c r="HF39" s="103">
        <v>11</v>
      </c>
      <c r="HG39" s="416">
        <v>0</v>
      </c>
      <c r="HH39" s="102">
        <v>16</v>
      </c>
      <c r="HI39" s="102">
        <v>19</v>
      </c>
      <c r="HJ39" s="102">
        <v>15</v>
      </c>
      <c r="HK39" s="102">
        <v>9</v>
      </c>
      <c r="HL39" s="102">
        <v>8</v>
      </c>
      <c r="HM39" s="103">
        <v>67</v>
      </c>
      <c r="HN39" s="104">
        <v>78</v>
      </c>
      <c r="HO39" s="101">
        <v>10</v>
      </c>
      <c r="HP39" s="102">
        <v>35</v>
      </c>
      <c r="HQ39" s="103">
        <v>45</v>
      </c>
      <c r="HR39" s="413">
        <v>0</v>
      </c>
      <c r="HS39" s="102">
        <v>33</v>
      </c>
      <c r="HT39" s="102">
        <v>37</v>
      </c>
      <c r="HU39" s="102">
        <v>24</v>
      </c>
      <c r="HV39" s="102">
        <v>23</v>
      </c>
      <c r="HW39" s="102">
        <v>19</v>
      </c>
      <c r="HX39" s="103">
        <v>136</v>
      </c>
      <c r="HY39" s="104">
        <v>181</v>
      </c>
      <c r="HZ39" s="101">
        <v>43</v>
      </c>
      <c r="IA39" s="102">
        <v>40</v>
      </c>
      <c r="IB39" s="103">
        <v>83</v>
      </c>
      <c r="IC39" s="413">
        <v>0</v>
      </c>
      <c r="ID39" s="102">
        <v>68</v>
      </c>
      <c r="IE39" s="102">
        <v>62</v>
      </c>
      <c r="IF39" s="102">
        <v>44</v>
      </c>
      <c r="IG39" s="102">
        <v>40</v>
      </c>
      <c r="IH39" s="102">
        <v>26</v>
      </c>
      <c r="II39" s="103">
        <v>240</v>
      </c>
      <c r="IJ39" s="104">
        <v>323</v>
      </c>
      <c r="IK39" s="101">
        <v>60</v>
      </c>
      <c r="IL39" s="102">
        <v>81</v>
      </c>
      <c r="IM39" s="103">
        <v>141</v>
      </c>
      <c r="IN39" s="413">
        <v>0</v>
      </c>
      <c r="IO39" s="102">
        <v>119</v>
      </c>
      <c r="IP39" s="102">
        <v>90</v>
      </c>
      <c r="IQ39" s="102">
        <v>69</v>
      </c>
      <c r="IR39" s="102">
        <v>55</v>
      </c>
      <c r="IS39" s="102">
        <v>41</v>
      </c>
      <c r="IT39" s="103">
        <v>374</v>
      </c>
      <c r="IU39" s="104">
        <v>515</v>
      </c>
      <c r="IV39" s="101">
        <v>32</v>
      </c>
      <c r="IW39" s="102">
        <v>79</v>
      </c>
      <c r="IX39" s="103">
        <v>111</v>
      </c>
      <c r="IY39" s="413">
        <v>0</v>
      </c>
      <c r="IZ39" s="102">
        <v>108</v>
      </c>
      <c r="JA39" s="102">
        <v>87</v>
      </c>
      <c r="JB39" s="102">
        <v>74</v>
      </c>
      <c r="JC39" s="102">
        <v>55</v>
      </c>
      <c r="JD39" s="102">
        <v>45</v>
      </c>
      <c r="JE39" s="103">
        <v>369</v>
      </c>
      <c r="JF39" s="104">
        <v>480</v>
      </c>
      <c r="JG39" s="101">
        <v>15</v>
      </c>
      <c r="JH39" s="102">
        <v>34</v>
      </c>
      <c r="JI39" s="103">
        <v>49</v>
      </c>
      <c r="JJ39" s="413">
        <v>0</v>
      </c>
      <c r="JK39" s="102">
        <v>74</v>
      </c>
      <c r="JL39" s="102">
        <v>79</v>
      </c>
      <c r="JM39" s="102">
        <v>85</v>
      </c>
      <c r="JN39" s="102">
        <v>70</v>
      </c>
      <c r="JO39" s="102">
        <v>50</v>
      </c>
      <c r="JP39" s="103">
        <v>358</v>
      </c>
      <c r="JQ39" s="104">
        <v>407</v>
      </c>
      <c r="JR39" s="101">
        <v>3</v>
      </c>
      <c r="JS39" s="102">
        <v>5</v>
      </c>
      <c r="JT39" s="103">
        <v>8</v>
      </c>
      <c r="JU39" s="413">
        <v>0</v>
      </c>
      <c r="JV39" s="102">
        <v>8</v>
      </c>
      <c r="JW39" s="102">
        <v>7</v>
      </c>
      <c r="JX39" s="102">
        <v>11</v>
      </c>
      <c r="JY39" s="102">
        <v>14</v>
      </c>
      <c r="JZ39" s="102">
        <v>6</v>
      </c>
      <c r="KA39" s="103">
        <v>46</v>
      </c>
      <c r="KB39" s="104">
        <v>54</v>
      </c>
      <c r="KC39" s="101">
        <v>166</v>
      </c>
      <c r="KD39" s="102">
        <v>282</v>
      </c>
      <c r="KE39" s="103">
        <v>448</v>
      </c>
      <c r="KF39" s="413">
        <v>0</v>
      </c>
      <c r="KG39" s="102">
        <v>426</v>
      </c>
      <c r="KH39" s="102">
        <v>381</v>
      </c>
      <c r="KI39" s="102">
        <v>322</v>
      </c>
      <c r="KJ39" s="102">
        <v>266</v>
      </c>
      <c r="KK39" s="102">
        <v>195</v>
      </c>
      <c r="KL39" s="103">
        <v>1590</v>
      </c>
      <c r="KM39" s="104">
        <v>2038</v>
      </c>
    </row>
    <row r="40" spans="2:299" s="70" customFormat="1" ht="21" customHeight="1" thickBot="1" x14ac:dyDescent="0.25">
      <c r="B40" s="108" t="s">
        <v>37</v>
      </c>
      <c r="C40" s="109">
        <v>2</v>
      </c>
      <c r="D40" s="110">
        <v>1</v>
      </c>
      <c r="E40" s="111">
        <v>3</v>
      </c>
      <c r="F40" s="414">
        <v>0</v>
      </c>
      <c r="G40" s="110">
        <v>8</v>
      </c>
      <c r="H40" s="110">
        <v>9</v>
      </c>
      <c r="I40" s="110">
        <v>9</v>
      </c>
      <c r="J40" s="110">
        <v>4</v>
      </c>
      <c r="K40" s="110">
        <v>4</v>
      </c>
      <c r="L40" s="112">
        <v>34</v>
      </c>
      <c r="M40" s="113">
        <v>37</v>
      </c>
      <c r="N40" s="114">
        <v>1</v>
      </c>
      <c r="O40" s="115">
        <v>1</v>
      </c>
      <c r="P40" s="116">
        <v>2</v>
      </c>
      <c r="Q40" s="414">
        <v>0</v>
      </c>
      <c r="R40" s="115">
        <v>0</v>
      </c>
      <c r="S40" s="115">
        <v>0</v>
      </c>
      <c r="T40" s="115">
        <v>0</v>
      </c>
      <c r="U40" s="115">
        <v>1</v>
      </c>
      <c r="V40" s="115">
        <v>0</v>
      </c>
      <c r="W40" s="116">
        <v>1</v>
      </c>
      <c r="X40" s="117">
        <v>3</v>
      </c>
      <c r="Y40" s="114">
        <v>0</v>
      </c>
      <c r="Z40" s="115">
        <v>0</v>
      </c>
      <c r="AA40" s="116">
        <v>0</v>
      </c>
      <c r="AB40" s="414">
        <v>0</v>
      </c>
      <c r="AC40" s="115">
        <v>0</v>
      </c>
      <c r="AD40" s="115">
        <v>1</v>
      </c>
      <c r="AE40" s="115">
        <v>3</v>
      </c>
      <c r="AF40" s="115">
        <v>0</v>
      </c>
      <c r="AG40" s="115">
        <v>1</v>
      </c>
      <c r="AH40" s="116">
        <v>5</v>
      </c>
      <c r="AI40" s="117">
        <v>5</v>
      </c>
      <c r="AJ40" s="114">
        <v>0</v>
      </c>
      <c r="AK40" s="115">
        <v>0</v>
      </c>
      <c r="AL40" s="116">
        <v>0</v>
      </c>
      <c r="AM40" s="414">
        <v>0</v>
      </c>
      <c r="AN40" s="115">
        <v>2</v>
      </c>
      <c r="AO40" s="115">
        <v>2</v>
      </c>
      <c r="AP40" s="115">
        <v>2</v>
      </c>
      <c r="AQ40" s="115">
        <v>0</v>
      </c>
      <c r="AR40" s="115">
        <v>0</v>
      </c>
      <c r="AS40" s="116">
        <v>6</v>
      </c>
      <c r="AT40" s="117">
        <v>6</v>
      </c>
      <c r="AU40" s="114">
        <v>1</v>
      </c>
      <c r="AV40" s="115">
        <v>0</v>
      </c>
      <c r="AW40" s="116">
        <v>1</v>
      </c>
      <c r="AX40" s="414">
        <v>0</v>
      </c>
      <c r="AY40" s="115">
        <v>3</v>
      </c>
      <c r="AZ40" s="115">
        <v>2</v>
      </c>
      <c r="BA40" s="115">
        <v>2</v>
      </c>
      <c r="BB40" s="115">
        <v>1</v>
      </c>
      <c r="BC40" s="115">
        <v>0</v>
      </c>
      <c r="BD40" s="116">
        <v>8</v>
      </c>
      <c r="BE40" s="117">
        <v>9</v>
      </c>
      <c r="BF40" s="114">
        <v>0</v>
      </c>
      <c r="BG40" s="115">
        <v>0</v>
      </c>
      <c r="BH40" s="116">
        <v>0</v>
      </c>
      <c r="BI40" s="414">
        <v>0</v>
      </c>
      <c r="BJ40" s="115">
        <v>1</v>
      </c>
      <c r="BK40" s="115">
        <v>2</v>
      </c>
      <c r="BL40" s="115">
        <v>2</v>
      </c>
      <c r="BM40" s="115">
        <v>1</v>
      </c>
      <c r="BN40" s="115">
        <v>2</v>
      </c>
      <c r="BO40" s="116">
        <v>8</v>
      </c>
      <c r="BP40" s="117">
        <v>8</v>
      </c>
      <c r="BQ40" s="114">
        <v>0</v>
      </c>
      <c r="BR40" s="115">
        <v>0</v>
      </c>
      <c r="BS40" s="116">
        <v>0</v>
      </c>
      <c r="BT40" s="414">
        <v>0</v>
      </c>
      <c r="BU40" s="115">
        <v>2</v>
      </c>
      <c r="BV40" s="115">
        <v>2</v>
      </c>
      <c r="BW40" s="115">
        <v>0</v>
      </c>
      <c r="BX40" s="115">
        <v>1</v>
      </c>
      <c r="BY40" s="115">
        <v>1</v>
      </c>
      <c r="BZ40" s="116">
        <v>6</v>
      </c>
      <c r="CA40" s="117">
        <v>6</v>
      </c>
      <c r="CB40" s="114">
        <v>0</v>
      </c>
      <c r="CC40" s="115">
        <v>0</v>
      </c>
      <c r="CD40" s="116">
        <v>0</v>
      </c>
      <c r="CE40" s="414">
        <v>0</v>
      </c>
      <c r="CF40" s="115">
        <v>0</v>
      </c>
      <c r="CG40" s="115">
        <v>1</v>
      </c>
      <c r="CH40" s="115">
        <v>0</v>
      </c>
      <c r="CI40" s="115">
        <v>2</v>
      </c>
      <c r="CJ40" s="115">
        <v>0</v>
      </c>
      <c r="CK40" s="116">
        <v>3</v>
      </c>
      <c r="CL40" s="117">
        <v>3</v>
      </c>
      <c r="CM40" s="114">
        <v>2</v>
      </c>
      <c r="CN40" s="115">
        <v>1</v>
      </c>
      <c r="CO40" s="116">
        <v>3</v>
      </c>
      <c r="CP40" s="414">
        <v>0</v>
      </c>
      <c r="CQ40" s="115">
        <v>8</v>
      </c>
      <c r="CR40" s="115">
        <v>10</v>
      </c>
      <c r="CS40" s="115">
        <v>9</v>
      </c>
      <c r="CT40" s="115">
        <v>6</v>
      </c>
      <c r="CU40" s="115">
        <v>4</v>
      </c>
      <c r="CV40" s="116">
        <v>37</v>
      </c>
      <c r="CW40" s="117">
        <v>40</v>
      </c>
      <c r="CX40" s="118">
        <v>17</v>
      </c>
      <c r="CY40" s="110">
        <v>1</v>
      </c>
      <c r="CZ40" s="111">
        <v>18</v>
      </c>
      <c r="DA40" s="414">
        <v>0</v>
      </c>
      <c r="DB40" s="110">
        <v>22</v>
      </c>
      <c r="DC40" s="110">
        <v>20</v>
      </c>
      <c r="DD40" s="110">
        <v>23</v>
      </c>
      <c r="DE40" s="110">
        <v>21</v>
      </c>
      <c r="DF40" s="110">
        <v>14</v>
      </c>
      <c r="DG40" s="112">
        <v>100</v>
      </c>
      <c r="DH40" s="113">
        <v>118</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1</v>
      </c>
      <c r="EB40" s="115">
        <v>2</v>
      </c>
      <c r="EC40" s="116">
        <v>4</v>
      </c>
      <c r="ED40" s="117">
        <v>6</v>
      </c>
      <c r="EE40" s="114">
        <v>1</v>
      </c>
      <c r="EF40" s="115">
        <v>0</v>
      </c>
      <c r="EG40" s="116">
        <v>1</v>
      </c>
      <c r="EH40" s="414">
        <v>0</v>
      </c>
      <c r="EI40" s="115">
        <v>1</v>
      </c>
      <c r="EJ40" s="115">
        <v>3</v>
      </c>
      <c r="EK40" s="115">
        <v>3</v>
      </c>
      <c r="EL40" s="115">
        <v>1</v>
      </c>
      <c r="EM40" s="115">
        <v>0</v>
      </c>
      <c r="EN40" s="116">
        <v>8</v>
      </c>
      <c r="EO40" s="117">
        <v>9</v>
      </c>
      <c r="EP40" s="114">
        <v>6</v>
      </c>
      <c r="EQ40" s="115">
        <v>1</v>
      </c>
      <c r="ER40" s="116">
        <v>7</v>
      </c>
      <c r="ES40" s="414">
        <v>0</v>
      </c>
      <c r="ET40" s="115">
        <v>5</v>
      </c>
      <c r="EU40" s="115">
        <v>4</v>
      </c>
      <c r="EV40" s="115">
        <v>2</v>
      </c>
      <c r="EW40" s="115">
        <v>4</v>
      </c>
      <c r="EX40" s="115">
        <v>4</v>
      </c>
      <c r="EY40" s="116">
        <v>19</v>
      </c>
      <c r="EZ40" s="117">
        <v>26</v>
      </c>
      <c r="FA40" s="114">
        <v>4</v>
      </c>
      <c r="FB40" s="115">
        <v>0</v>
      </c>
      <c r="FC40" s="116">
        <v>4</v>
      </c>
      <c r="FD40" s="414">
        <v>0</v>
      </c>
      <c r="FE40" s="115">
        <v>8</v>
      </c>
      <c r="FF40" s="115">
        <v>6</v>
      </c>
      <c r="FG40" s="115">
        <v>9</v>
      </c>
      <c r="FH40" s="115">
        <v>6</v>
      </c>
      <c r="FI40" s="115">
        <v>4</v>
      </c>
      <c r="FJ40" s="116">
        <v>33</v>
      </c>
      <c r="FK40" s="117">
        <v>37</v>
      </c>
      <c r="FL40" s="114">
        <v>4</v>
      </c>
      <c r="FM40" s="115">
        <v>0</v>
      </c>
      <c r="FN40" s="116">
        <v>4</v>
      </c>
      <c r="FO40" s="414">
        <v>0</v>
      </c>
      <c r="FP40" s="115">
        <v>8</v>
      </c>
      <c r="FQ40" s="115">
        <v>7</v>
      </c>
      <c r="FR40" s="115">
        <v>8</v>
      </c>
      <c r="FS40" s="115">
        <v>9</v>
      </c>
      <c r="FT40" s="115">
        <v>3</v>
      </c>
      <c r="FU40" s="116">
        <v>35</v>
      </c>
      <c r="FV40" s="117">
        <v>39</v>
      </c>
      <c r="FW40" s="114">
        <v>0</v>
      </c>
      <c r="FX40" s="115">
        <v>0</v>
      </c>
      <c r="FY40" s="116">
        <v>0</v>
      </c>
      <c r="FZ40" s="414">
        <v>0</v>
      </c>
      <c r="GA40" s="115">
        <v>0</v>
      </c>
      <c r="GB40" s="115">
        <v>1</v>
      </c>
      <c r="GC40" s="115">
        <v>0</v>
      </c>
      <c r="GD40" s="115">
        <v>0</v>
      </c>
      <c r="GE40" s="115">
        <v>0</v>
      </c>
      <c r="GF40" s="116">
        <v>1</v>
      </c>
      <c r="GG40" s="117">
        <v>1</v>
      </c>
      <c r="GH40" s="114">
        <v>17</v>
      </c>
      <c r="GI40" s="115">
        <v>1</v>
      </c>
      <c r="GJ40" s="116">
        <v>18</v>
      </c>
      <c r="GK40" s="414">
        <v>0</v>
      </c>
      <c r="GL40" s="115">
        <v>22</v>
      </c>
      <c r="GM40" s="115">
        <v>21</v>
      </c>
      <c r="GN40" s="115">
        <v>23</v>
      </c>
      <c r="GO40" s="115">
        <v>21</v>
      </c>
      <c r="GP40" s="115">
        <v>14</v>
      </c>
      <c r="GQ40" s="116">
        <v>101</v>
      </c>
      <c r="GR40" s="117">
        <v>119</v>
      </c>
      <c r="GS40" s="118">
        <v>19</v>
      </c>
      <c r="GT40" s="110">
        <v>2</v>
      </c>
      <c r="GU40" s="111">
        <v>21</v>
      </c>
      <c r="GV40" s="414">
        <v>0</v>
      </c>
      <c r="GW40" s="110">
        <v>30</v>
      </c>
      <c r="GX40" s="110">
        <v>29</v>
      </c>
      <c r="GY40" s="110">
        <v>32</v>
      </c>
      <c r="GZ40" s="110">
        <v>25</v>
      </c>
      <c r="HA40" s="110">
        <v>18</v>
      </c>
      <c r="HB40" s="112">
        <v>134</v>
      </c>
      <c r="HC40" s="113">
        <v>155</v>
      </c>
      <c r="HD40" s="114">
        <v>1</v>
      </c>
      <c r="HE40" s="115">
        <v>1</v>
      </c>
      <c r="HF40" s="116">
        <v>2</v>
      </c>
      <c r="HG40" s="417">
        <v>0</v>
      </c>
      <c r="HH40" s="115">
        <v>0</v>
      </c>
      <c r="HI40" s="115">
        <v>0</v>
      </c>
      <c r="HJ40" s="115">
        <v>0</v>
      </c>
      <c r="HK40" s="115">
        <v>1</v>
      </c>
      <c r="HL40" s="115">
        <v>1</v>
      </c>
      <c r="HM40" s="116">
        <v>2</v>
      </c>
      <c r="HN40" s="117">
        <v>4</v>
      </c>
      <c r="HO40" s="114">
        <v>2</v>
      </c>
      <c r="HP40" s="115">
        <v>0</v>
      </c>
      <c r="HQ40" s="116">
        <v>2</v>
      </c>
      <c r="HR40" s="414">
        <v>0</v>
      </c>
      <c r="HS40" s="115">
        <v>0</v>
      </c>
      <c r="HT40" s="115">
        <v>1</v>
      </c>
      <c r="HU40" s="115">
        <v>4</v>
      </c>
      <c r="HV40" s="115">
        <v>1</v>
      </c>
      <c r="HW40" s="115">
        <v>3</v>
      </c>
      <c r="HX40" s="116">
        <v>9</v>
      </c>
      <c r="HY40" s="117">
        <v>11</v>
      </c>
      <c r="HZ40" s="114">
        <v>1</v>
      </c>
      <c r="IA40" s="115">
        <v>0</v>
      </c>
      <c r="IB40" s="116">
        <v>1</v>
      </c>
      <c r="IC40" s="414">
        <v>0</v>
      </c>
      <c r="ID40" s="115">
        <v>3</v>
      </c>
      <c r="IE40" s="115">
        <v>5</v>
      </c>
      <c r="IF40" s="115">
        <v>5</v>
      </c>
      <c r="IG40" s="115">
        <v>1</v>
      </c>
      <c r="IH40" s="115">
        <v>0</v>
      </c>
      <c r="II40" s="116">
        <v>14</v>
      </c>
      <c r="IJ40" s="117">
        <v>15</v>
      </c>
      <c r="IK40" s="114">
        <v>7</v>
      </c>
      <c r="IL40" s="115">
        <v>1</v>
      </c>
      <c r="IM40" s="116">
        <v>8</v>
      </c>
      <c r="IN40" s="414">
        <v>0</v>
      </c>
      <c r="IO40" s="115">
        <v>8</v>
      </c>
      <c r="IP40" s="115">
        <v>6</v>
      </c>
      <c r="IQ40" s="115">
        <v>4</v>
      </c>
      <c r="IR40" s="115">
        <v>5</v>
      </c>
      <c r="IS40" s="115">
        <v>4</v>
      </c>
      <c r="IT40" s="116">
        <v>27</v>
      </c>
      <c r="IU40" s="117">
        <v>35</v>
      </c>
      <c r="IV40" s="114">
        <v>4</v>
      </c>
      <c r="IW40" s="115">
        <v>0</v>
      </c>
      <c r="IX40" s="116">
        <v>4</v>
      </c>
      <c r="IY40" s="414">
        <v>0</v>
      </c>
      <c r="IZ40" s="115">
        <v>9</v>
      </c>
      <c r="JA40" s="115">
        <v>8</v>
      </c>
      <c r="JB40" s="115">
        <v>11</v>
      </c>
      <c r="JC40" s="115">
        <v>7</v>
      </c>
      <c r="JD40" s="115">
        <v>6</v>
      </c>
      <c r="JE40" s="116">
        <v>41</v>
      </c>
      <c r="JF40" s="117">
        <v>45</v>
      </c>
      <c r="JG40" s="114">
        <v>4</v>
      </c>
      <c r="JH40" s="115">
        <v>0</v>
      </c>
      <c r="JI40" s="116">
        <v>4</v>
      </c>
      <c r="JJ40" s="414">
        <v>0</v>
      </c>
      <c r="JK40" s="115">
        <v>10</v>
      </c>
      <c r="JL40" s="115">
        <v>9</v>
      </c>
      <c r="JM40" s="115">
        <v>8</v>
      </c>
      <c r="JN40" s="115">
        <v>10</v>
      </c>
      <c r="JO40" s="115">
        <v>4</v>
      </c>
      <c r="JP40" s="116">
        <v>41</v>
      </c>
      <c r="JQ40" s="117">
        <v>45</v>
      </c>
      <c r="JR40" s="114">
        <v>0</v>
      </c>
      <c r="JS40" s="115">
        <v>0</v>
      </c>
      <c r="JT40" s="116">
        <v>0</v>
      </c>
      <c r="JU40" s="414">
        <v>0</v>
      </c>
      <c r="JV40" s="115">
        <v>0</v>
      </c>
      <c r="JW40" s="115">
        <v>2</v>
      </c>
      <c r="JX40" s="115">
        <v>0</v>
      </c>
      <c r="JY40" s="115">
        <v>2</v>
      </c>
      <c r="JZ40" s="115">
        <v>0</v>
      </c>
      <c r="KA40" s="116">
        <v>4</v>
      </c>
      <c r="KB40" s="117">
        <v>4</v>
      </c>
      <c r="KC40" s="114">
        <v>19</v>
      </c>
      <c r="KD40" s="115">
        <v>2</v>
      </c>
      <c r="KE40" s="116">
        <v>21</v>
      </c>
      <c r="KF40" s="414">
        <v>0</v>
      </c>
      <c r="KG40" s="115">
        <v>30</v>
      </c>
      <c r="KH40" s="115">
        <v>31</v>
      </c>
      <c r="KI40" s="115">
        <v>32</v>
      </c>
      <c r="KJ40" s="115">
        <v>27</v>
      </c>
      <c r="KK40" s="115">
        <v>18</v>
      </c>
      <c r="KL40" s="116">
        <v>138</v>
      </c>
      <c r="KM40" s="117">
        <v>159</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7</v>
      </c>
      <c r="H1" s="445">
        <f>IF(G1&lt;3,G1-2+12,G1-2)</f>
        <v>5</v>
      </c>
      <c r="I1" s="445"/>
    </row>
    <row r="2" spans="2:43" ht="24" customHeight="1" thickBot="1" x14ac:dyDescent="0.25">
      <c r="B2" s="10" t="s">
        <v>155</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7</v>
      </c>
      <c r="G6" s="212">
        <v>72</v>
      </c>
      <c r="H6" s="212">
        <v>457</v>
      </c>
      <c r="I6" s="212">
        <v>681</v>
      </c>
      <c r="J6" s="213">
        <v>341</v>
      </c>
      <c r="K6" s="236">
        <v>1568</v>
      </c>
      <c r="L6" s="237">
        <v>1568</v>
      </c>
      <c r="M6" s="211">
        <v>0</v>
      </c>
      <c r="N6" s="213">
        <v>0</v>
      </c>
      <c r="O6" s="236">
        <v>0</v>
      </c>
      <c r="P6" s="216">
        <v>82</v>
      </c>
      <c r="Q6" s="212">
        <v>170</v>
      </c>
      <c r="R6" s="212">
        <v>272</v>
      </c>
      <c r="S6" s="212">
        <v>304</v>
      </c>
      <c r="T6" s="213">
        <v>161</v>
      </c>
      <c r="U6" s="236">
        <v>989</v>
      </c>
      <c r="V6" s="215">
        <v>989</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1</v>
      </c>
      <c r="AM6" s="212">
        <v>17</v>
      </c>
      <c r="AN6" s="213">
        <v>13</v>
      </c>
      <c r="AO6" s="236">
        <v>32</v>
      </c>
      <c r="AP6" s="238">
        <v>32</v>
      </c>
      <c r="AQ6" s="239"/>
    </row>
    <row r="7" spans="2:43" ht="21" customHeight="1" x14ac:dyDescent="0.2">
      <c r="B7" s="95" t="s">
        <v>5</v>
      </c>
      <c r="C7" s="217">
        <v>0</v>
      </c>
      <c r="D7" s="219">
        <v>0</v>
      </c>
      <c r="E7" s="219">
        <v>0</v>
      </c>
      <c r="F7" s="220">
        <v>11</v>
      </c>
      <c r="G7" s="218">
        <v>56</v>
      </c>
      <c r="H7" s="218">
        <v>219</v>
      </c>
      <c r="I7" s="218">
        <v>301</v>
      </c>
      <c r="J7" s="219">
        <v>151</v>
      </c>
      <c r="K7" s="240">
        <v>738</v>
      </c>
      <c r="L7" s="241">
        <v>738</v>
      </c>
      <c r="M7" s="217">
        <v>0</v>
      </c>
      <c r="N7" s="219">
        <v>0</v>
      </c>
      <c r="O7" s="240">
        <v>0</v>
      </c>
      <c r="P7" s="222">
        <v>42</v>
      </c>
      <c r="Q7" s="218">
        <v>93</v>
      </c>
      <c r="R7" s="218">
        <v>124</v>
      </c>
      <c r="S7" s="218">
        <v>158</v>
      </c>
      <c r="T7" s="219">
        <v>80</v>
      </c>
      <c r="U7" s="240">
        <v>497</v>
      </c>
      <c r="V7" s="221">
        <v>497</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5</v>
      </c>
      <c r="AN7" s="219">
        <v>4</v>
      </c>
      <c r="AO7" s="240">
        <v>9</v>
      </c>
      <c r="AP7" s="242">
        <v>9</v>
      </c>
      <c r="AQ7" s="239"/>
    </row>
    <row r="8" spans="2:43" ht="21" customHeight="1" x14ac:dyDescent="0.2">
      <c r="B8" s="106" t="s">
        <v>6</v>
      </c>
      <c r="C8" s="217">
        <v>0</v>
      </c>
      <c r="D8" s="219">
        <v>0</v>
      </c>
      <c r="E8" s="219">
        <v>0</v>
      </c>
      <c r="F8" s="220">
        <v>2</v>
      </c>
      <c r="G8" s="218">
        <v>7</v>
      </c>
      <c r="H8" s="218">
        <v>50</v>
      </c>
      <c r="I8" s="218">
        <v>78</v>
      </c>
      <c r="J8" s="219">
        <v>42</v>
      </c>
      <c r="K8" s="240">
        <v>179</v>
      </c>
      <c r="L8" s="241">
        <v>179</v>
      </c>
      <c r="M8" s="217">
        <v>0</v>
      </c>
      <c r="N8" s="219">
        <v>0</v>
      </c>
      <c r="O8" s="240">
        <v>0</v>
      </c>
      <c r="P8" s="222">
        <v>8</v>
      </c>
      <c r="Q8" s="218">
        <v>15</v>
      </c>
      <c r="R8" s="218">
        <v>37</v>
      </c>
      <c r="S8" s="218">
        <v>33</v>
      </c>
      <c r="T8" s="219">
        <v>23</v>
      </c>
      <c r="U8" s="240">
        <v>116</v>
      </c>
      <c r="V8" s="221">
        <v>116</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0</v>
      </c>
      <c r="AN8" s="219">
        <v>1</v>
      </c>
      <c r="AO8" s="240">
        <v>1</v>
      </c>
      <c r="AP8" s="242">
        <v>1</v>
      </c>
      <c r="AQ8" s="239"/>
    </row>
    <row r="9" spans="2:43" ht="21" customHeight="1" x14ac:dyDescent="0.2">
      <c r="B9" s="106" t="s">
        <v>14</v>
      </c>
      <c r="C9" s="217">
        <v>0</v>
      </c>
      <c r="D9" s="219">
        <v>0</v>
      </c>
      <c r="E9" s="219">
        <v>0</v>
      </c>
      <c r="F9" s="220">
        <v>0</v>
      </c>
      <c r="G9" s="218">
        <v>1</v>
      </c>
      <c r="H9" s="218">
        <v>32</v>
      </c>
      <c r="I9" s="218">
        <v>49</v>
      </c>
      <c r="J9" s="219">
        <v>24</v>
      </c>
      <c r="K9" s="240">
        <v>106</v>
      </c>
      <c r="L9" s="241">
        <v>106</v>
      </c>
      <c r="M9" s="217">
        <v>0</v>
      </c>
      <c r="N9" s="219">
        <v>0</v>
      </c>
      <c r="O9" s="240">
        <v>0</v>
      </c>
      <c r="P9" s="222">
        <v>0</v>
      </c>
      <c r="Q9" s="218">
        <v>11</v>
      </c>
      <c r="R9" s="218">
        <v>14</v>
      </c>
      <c r="S9" s="218">
        <v>15</v>
      </c>
      <c r="T9" s="219">
        <v>9</v>
      </c>
      <c r="U9" s="240">
        <v>49</v>
      </c>
      <c r="V9" s="221">
        <v>49</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5</v>
      </c>
      <c r="AN9" s="219">
        <v>4</v>
      </c>
      <c r="AO9" s="240">
        <v>9</v>
      </c>
      <c r="AP9" s="242">
        <v>9</v>
      </c>
      <c r="AQ9" s="239"/>
    </row>
    <row r="10" spans="2:43" ht="21" customHeight="1" x14ac:dyDescent="0.2">
      <c r="B10" s="106" t="s">
        <v>7</v>
      </c>
      <c r="C10" s="217">
        <v>0</v>
      </c>
      <c r="D10" s="219">
        <v>0</v>
      </c>
      <c r="E10" s="219">
        <v>0</v>
      </c>
      <c r="F10" s="220">
        <v>1</v>
      </c>
      <c r="G10" s="218">
        <v>1</v>
      </c>
      <c r="H10" s="218">
        <v>27</v>
      </c>
      <c r="I10" s="218">
        <v>52</v>
      </c>
      <c r="J10" s="219">
        <v>25</v>
      </c>
      <c r="K10" s="240">
        <v>106</v>
      </c>
      <c r="L10" s="241">
        <v>106</v>
      </c>
      <c r="M10" s="217">
        <v>0</v>
      </c>
      <c r="N10" s="219">
        <v>0</v>
      </c>
      <c r="O10" s="240">
        <v>0</v>
      </c>
      <c r="P10" s="222">
        <v>11</v>
      </c>
      <c r="Q10" s="218">
        <v>6</v>
      </c>
      <c r="R10" s="218">
        <v>10</v>
      </c>
      <c r="S10" s="218">
        <v>15</v>
      </c>
      <c r="T10" s="219">
        <v>4</v>
      </c>
      <c r="U10" s="240">
        <v>46</v>
      </c>
      <c r="V10" s="221">
        <v>46</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1</v>
      </c>
      <c r="AM10" s="218">
        <v>1</v>
      </c>
      <c r="AN10" s="219">
        <v>0</v>
      </c>
      <c r="AO10" s="240">
        <v>2</v>
      </c>
      <c r="AP10" s="242">
        <v>2</v>
      </c>
      <c r="AQ10" s="239"/>
    </row>
    <row r="11" spans="2:43" ht="21" customHeight="1" x14ac:dyDescent="0.2">
      <c r="B11" s="106" t="s">
        <v>8</v>
      </c>
      <c r="C11" s="217">
        <v>0</v>
      </c>
      <c r="D11" s="219">
        <v>0</v>
      </c>
      <c r="E11" s="219">
        <v>0</v>
      </c>
      <c r="F11" s="220">
        <v>1</v>
      </c>
      <c r="G11" s="218">
        <v>2</v>
      </c>
      <c r="H11" s="218">
        <v>12</v>
      </c>
      <c r="I11" s="218">
        <v>9</v>
      </c>
      <c r="J11" s="219">
        <v>7</v>
      </c>
      <c r="K11" s="240">
        <v>31</v>
      </c>
      <c r="L11" s="241">
        <v>31</v>
      </c>
      <c r="M11" s="217">
        <v>0</v>
      </c>
      <c r="N11" s="219">
        <v>0</v>
      </c>
      <c r="O11" s="240">
        <v>0</v>
      </c>
      <c r="P11" s="222">
        <v>1</v>
      </c>
      <c r="Q11" s="218">
        <v>3</v>
      </c>
      <c r="R11" s="218">
        <v>8</v>
      </c>
      <c r="S11" s="218">
        <v>5</v>
      </c>
      <c r="T11" s="219">
        <v>4</v>
      </c>
      <c r="U11" s="240">
        <v>21</v>
      </c>
      <c r="V11" s="221">
        <v>21</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1</v>
      </c>
      <c r="AN11" s="219">
        <v>0</v>
      </c>
      <c r="AO11" s="240">
        <v>1</v>
      </c>
      <c r="AP11" s="242">
        <v>1</v>
      </c>
      <c r="AQ11" s="239"/>
    </row>
    <row r="12" spans="2:43" ht="21" customHeight="1" x14ac:dyDescent="0.2">
      <c r="B12" s="106" t="s">
        <v>9</v>
      </c>
      <c r="C12" s="217">
        <v>0</v>
      </c>
      <c r="D12" s="219">
        <v>0</v>
      </c>
      <c r="E12" s="219">
        <v>0</v>
      </c>
      <c r="F12" s="220">
        <v>0</v>
      </c>
      <c r="G12" s="218">
        <v>0</v>
      </c>
      <c r="H12" s="218">
        <v>13</v>
      </c>
      <c r="I12" s="218">
        <v>25</v>
      </c>
      <c r="J12" s="219">
        <v>8</v>
      </c>
      <c r="K12" s="240">
        <v>46</v>
      </c>
      <c r="L12" s="241">
        <v>46</v>
      </c>
      <c r="M12" s="217">
        <v>0</v>
      </c>
      <c r="N12" s="219">
        <v>0</v>
      </c>
      <c r="O12" s="240">
        <v>0</v>
      </c>
      <c r="P12" s="222">
        <v>1</v>
      </c>
      <c r="Q12" s="218">
        <v>4</v>
      </c>
      <c r="R12" s="218">
        <v>14</v>
      </c>
      <c r="S12" s="218">
        <v>7</v>
      </c>
      <c r="T12" s="219">
        <v>2</v>
      </c>
      <c r="U12" s="240">
        <v>28</v>
      </c>
      <c r="V12" s="221">
        <v>28</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1</v>
      </c>
      <c r="H13" s="218">
        <v>19</v>
      </c>
      <c r="I13" s="218">
        <v>31</v>
      </c>
      <c r="J13" s="219">
        <v>13</v>
      </c>
      <c r="K13" s="240">
        <v>65</v>
      </c>
      <c r="L13" s="241">
        <v>65</v>
      </c>
      <c r="M13" s="217">
        <v>0</v>
      </c>
      <c r="N13" s="219">
        <v>0</v>
      </c>
      <c r="O13" s="240">
        <v>0</v>
      </c>
      <c r="P13" s="222">
        <v>4</v>
      </c>
      <c r="Q13" s="218">
        <v>8</v>
      </c>
      <c r="R13" s="218">
        <v>5</v>
      </c>
      <c r="S13" s="218">
        <v>8</v>
      </c>
      <c r="T13" s="219">
        <v>8</v>
      </c>
      <c r="U13" s="240">
        <v>33</v>
      </c>
      <c r="V13" s="221">
        <v>33</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0</v>
      </c>
      <c r="AN13" s="219">
        <v>1</v>
      </c>
      <c r="AO13" s="240">
        <v>1</v>
      </c>
      <c r="AP13" s="242">
        <v>1</v>
      </c>
      <c r="AQ13" s="239"/>
    </row>
    <row r="14" spans="2:43" ht="21" customHeight="1" x14ac:dyDescent="0.2">
      <c r="B14" s="106" t="s">
        <v>11</v>
      </c>
      <c r="C14" s="217">
        <v>0</v>
      </c>
      <c r="D14" s="219">
        <v>0</v>
      </c>
      <c r="E14" s="219">
        <v>0</v>
      </c>
      <c r="F14" s="220">
        <v>0</v>
      </c>
      <c r="G14" s="218">
        <v>0</v>
      </c>
      <c r="H14" s="218">
        <v>5</v>
      </c>
      <c r="I14" s="218">
        <v>17</v>
      </c>
      <c r="J14" s="219">
        <v>3</v>
      </c>
      <c r="K14" s="240">
        <v>25</v>
      </c>
      <c r="L14" s="241">
        <v>25</v>
      </c>
      <c r="M14" s="217">
        <v>0</v>
      </c>
      <c r="N14" s="219">
        <v>0</v>
      </c>
      <c r="O14" s="240">
        <v>0</v>
      </c>
      <c r="P14" s="222">
        <v>1</v>
      </c>
      <c r="Q14" s="218">
        <v>3</v>
      </c>
      <c r="R14" s="218">
        <v>4</v>
      </c>
      <c r="S14" s="218">
        <v>6</v>
      </c>
      <c r="T14" s="219">
        <v>5</v>
      </c>
      <c r="U14" s="240">
        <v>19</v>
      </c>
      <c r="V14" s="221">
        <v>19</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11</v>
      </c>
      <c r="I15" s="218">
        <v>8</v>
      </c>
      <c r="J15" s="219">
        <v>6</v>
      </c>
      <c r="K15" s="240">
        <v>25</v>
      </c>
      <c r="L15" s="241">
        <v>25</v>
      </c>
      <c r="M15" s="217">
        <v>0</v>
      </c>
      <c r="N15" s="219">
        <v>0</v>
      </c>
      <c r="O15" s="240">
        <v>0</v>
      </c>
      <c r="P15" s="222">
        <v>1</v>
      </c>
      <c r="Q15" s="218">
        <v>2</v>
      </c>
      <c r="R15" s="218">
        <v>10</v>
      </c>
      <c r="S15" s="218">
        <v>13</v>
      </c>
      <c r="T15" s="219">
        <v>4</v>
      </c>
      <c r="U15" s="240">
        <v>30</v>
      </c>
      <c r="V15" s="221">
        <v>30</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0</v>
      </c>
      <c r="H16" s="218">
        <v>6</v>
      </c>
      <c r="I16" s="218">
        <v>11</v>
      </c>
      <c r="J16" s="219">
        <v>4</v>
      </c>
      <c r="K16" s="240">
        <v>21</v>
      </c>
      <c r="L16" s="241">
        <v>21</v>
      </c>
      <c r="M16" s="217">
        <v>0</v>
      </c>
      <c r="N16" s="219">
        <v>0</v>
      </c>
      <c r="O16" s="240">
        <v>0</v>
      </c>
      <c r="P16" s="222">
        <v>0</v>
      </c>
      <c r="Q16" s="218">
        <v>0</v>
      </c>
      <c r="R16" s="218">
        <v>7</v>
      </c>
      <c r="S16" s="218">
        <v>1</v>
      </c>
      <c r="T16" s="219">
        <v>1</v>
      </c>
      <c r="U16" s="240">
        <v>9</v>
      </c>
      <c r="V16" s="221">
        <v>9</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3</v>
      </c>
      <c r="J17" s="219">
        <v>1</v>
      </c>
      <c r="K17" s="240">
        <v>16</v>
      </c>
      <c r="L17" s="241">
        <v>16</v>
      </c>
      <c r="M17" s="217">
        <v>0</v>
      </c>
      <c r="N17" s="219">
        <v>0</v>
      </c>
      <c r="O17" s="240">
        <v>0</v>
      </c>
      <c r="P17" s="222">
        <v>1</v>
      </c>
      <c r="Q17" s="218">
        <v>2</v>
      </c>
      <c r="R17" s="218">
        <v>2</v>
      </c>
      <c r="S17" s="218">
        <v>4</v>
      </c>
      <c r="T17" s="219">
        <v>1</v>
      </c>
      <c r="U17" s="240">
        <v>10</v>
      </c>
      <c r="V17" s="221">
        <v>10</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1</v>
      </c>
      <c r="H18" s="218">
        <v>6</v>
      </c>
      <c r="I18" s="218">
        <v>10</v>
      </c>
      <c r="J18" s="219">
        <v>6</v>
      </c>
      <c r="K18" s="240">
        <v>23</v>
      </c>
      <c r="L18" s="241">
        <v>23</v>
      </c>
      <c r="M18" s="217">
        <v>0</v>
      </c>
      <c r="N18" s="219">
        <v>0</v>
      </c>
      <c r="O18" s="240">
        <v>0</v>
      </c>
      <c r="P18" s="222">
        <v>2</v>
      </c>
      <c r="Q18" s="218">
        <v>3</v>
      </c>
      <c r="R18" s="218">
        <v>4</v>
      </c>
      <c r="S18" s="218">
        <v>6</v>
      </c>
      <c r="T18" s="219">
        <v>0</v>
      </c>
      <c r="U18" s="240">
        <v>15</v>
      </c>
      <c r="V18" s="221">
        <v>15</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9</v>
      </c>
      <c r="I19" s="218">
        <v>12</v>
      </c>
      <c r="J19" s="219">
        <v>8</v>
      </c>
      <c r="K19" s="240">
        <v>29</v>
      </c>
      <c r="L19" s="241">
        <v>29</v>
      </c>
      <c r="M19" s="217">
        <v>0</v>
      </c>
      <c r="N19" s="219">
        <v>0</v>
      </c>
      <c r="O19" s="240">
        <v>0</v>
      </c>
      <c r="P19" s="222">
        <v>1</v>
      </c>
      <c r="Q19" s="218">
        <v>2</v>
      </c>
      <c r="R19" s="218">
        <v>5</v>
      </c>
      <c r="S19" s="218">
        <v>6</v>
      </c>
      <c r="T19" s="219">
        <v>5</v>
      </c>
      <c r="U19" s="240">
        <v>19</v>
      </c>
      <c r="V19" s="221">
        <v>19</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8</v>
      </c>
      <c r="I20" s="218">
        <v>17</v>
      </c>
      <c r="J20" s="219">
        <v>6</v>
      </c>
      <c r="K20" s="240">
        <v>31</v>
      </c>
      <c r="L20" s="241">
        <v>31</v>
      </c>
      <c r="M20" s="217">
        <v>0</v>
      </c>
      <c r="N20" s="219">
        <v>0</v>
      </c>
      <c r="O20" s="240">
        <v>0</v>
      </c>
      <c r="P20" s="222">
        <v>1</v>
      </c>
      <c r="Q20" s="218">
        <v>6</v>
      </c>
      <c r="R20" s="218">
        <v>7</v>
      </c>
      <c r="S20" s="218">
        <v>4</v>
      </c>
      <c r="T20" s="219">
        <v>1</v>
      </c>
      <c r="U20" s="240">
        <v>19</v>
      </c>
      <c r="V20" s="221">
        <v>19</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1</v>
      </c>
      <c r="AN20" s="219">
        <v>1</v>
      </c>
      <c r="AO20" s="240">
        <v>2</v>
      </c>
      <c r="AP20" s="242">
        <v>2</v>
      </c>
      <c r="AQ20" s="239"/>
    </row>
    <row r="21" spans="2:43" ht="21" customHeight="1" x14ac:dyDescent="0.2">
      <c r="B21" s="106" t="s">
        <v>19</v>
      </c>
      <c r="C21" s="217">
        <v>0</v>
      </c>
      <c r="D21" s="219">
        <v>0</v>
      </c>
      <c r="E21" s="219">
        <v>0</v>
      </c>
      <c r="F21" s="220">
        <v>0</v>
      </c>
      <c r="G21" s="218">
        <v>0</v>
      </c>
      <c r="H21" s="218">
        <v>6</v>
      </c>
      <c r="I21" s="218">
        <v>5</v>
      </c>
      <c r="J21" s="219">
        <v>5</v>
      </c>
      <c r="K21" s="240">
        <v>16</v>
      </c>
      <c r="L21" s="241">
        <v>16</v>
      </c>
      <c r="M21" s="217">
        <v>0</v>
      </c>
      <c r="N21" s="219">
        <v>0</v>
      </c>
      <c r="O21" s="240">
        <v>0</v>
      </c>
      <c r="P21" s="222">
        <v>2</v>
      </c>
      <c r="Q21" s="218">
        <v>1</v>
      </c>
      <c r="R21" s="218">
        <v>3</v>
      </c>
      <c r="S21" s="218">
        <v>5</v>
      </c>
      <c r="T21" s="219">
        <v>3</v>
      </c>
      <c r="U21" s="240">
        <v>14</v>
      </c>
      <c r="V21" s="221">
        <v>14</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5</v>
      </c>
      <c r="I22" s="218">
        <v>9</v>
      </c>
      <c r="J22" s="219">
        <v>7</v>
      </c>
      <c r="K22" s="240">
        <v>23</v>
      </c>
      <c r="L22" s="241">
        <v>23</v>
      </c>
      <c r="M22" s="217">
        <v>0</v>
      </c>
      <c r="N22" s="219">
        <v>0</v>
      </c>
      <c r="O22" s="240">
        <v>0</v>
      </c>
      <c r="P22" s="222">
        <v>0</v>
      </c>
      <c r="Q22" s="218">
        <v>0</v>
      </c>
      <c r="R22" s="218">
        <v>0</v>
      </c>
      <c r="S22" s="218">
        <v>2</v>
      </c>
      <c r="T22" s="219">
        <v>0</v>
      </c>
      <c r="U22" s="240">
        <v>2</v>
      </c>
      <c r="V22" s="221">
        <v>2</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6</v>
      </c>
      <c r="I23" s="218">
        <v>7</v>
      </c>
      <c r="J23" s="219">
        <v>9</v>
      </c>
      <c r="K23" s="240">
        <v>22</v>
      </c>
      <c r="L23" s="241">
        <v>22</v>
      </c>
      <c r="M23" s="217">
        <v>0</v>
      </c>
      <c r="N23" s="219">
        <v>0</v>
      </c>
      <c r="O23" s="240">
        <v>0</v>
      </c>
      <c r="P23" s="222">
        <v>0</v>
      </c>
      <c r="Q23" s="218">
        <v>1</v>
      </c>
      <c r="R23" s="218">
        <v>3</v>
      </c>
      <c r="S23" s="218">
        <v>0</v>
      </c>
      <c r="T23" s="219">
        <v>1</v>
      </c>
      <c r="U23" s="240">
        <v>5</v>
      </c>
      <c r="V23" s="221">
        <v>5</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0</v>
      </c>
      <c r="AO23" s="240">
        <v>0</v>
      </c>
      <c r="AP23" s="242">
        <v>0</v>
      </c>
      <c r="AQ23" s="239"/>
    </row>
    <row r="24" spans="2:43" ht="21" customHeight="1" x14ac:dyDescent="0.2">
      <c r="B24" s="106" t="s">
        <v>22</v>
      </c>
      <c r="C24" s="217">
        <v>0</v>
      </c>
      <c r="D24" s="219">
        <v>0</v>
      </c>
      <c r="E24" s="219">
        <v>0</v>
      </c>
      <c r="F24" s="220">
        <v>0</v>
      </c>
      <c r="G24" s="218">
        <v>0</v>
      </c>
      <c r="H24" s="218">
        <v>4</v>
      </c>
      <c r="I24" s="218">
        <v>3</v>
      </c>
      <c r="J24" s="219">
        <v>3</v>
      </c>
      <c r="K24" s="240">
        <v>10</v>
      </c>
      <c r="L24" s="241">
        <v>10</v>
      </c>
      <c r="M24" s="217">
        <v>0</v>
      </c>
      <c r="N24" s="219">
        <v>0</v>
      </c>
      <c r="O24" s="240">
        <v>0</v>
      </c>
      <c r="P24" s="222">
        <v>0</v>
      </c>
      <c r="Q24" s="218">
        <v>2</v>
      </c>
      <c r="R24" s="218">
        <v>2</v>
      </c>
      <c r="S24" s="218">
        <v>2</v>
      </c>
      <c r="T24" s="219">
        <v>1</v>
      </c>
      <c r="U24" s="240">
        <v>7</v>
      </c>
      <c r="V24" s="221">
        <v>7</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7</v>
      </c>
      <c r="I25" s="218">
        <v>5</v>
      </c>
      <c r="J25" s="219">
        <v>0</v>
      </c>
      <c r="K25" s="240">
        <v>12</v>
      </c>
      <c r="L25" s="241">
        <v>12</v>
      </c>
      <c r="M25" s="217">
        <v>0</v>
      </c>
      <c r="N25" s="219">
        <v>0</v>
      </c>
      <c r="O25" s="240">
        <v>0</v>
      </c>
      <c r="P25" s="222">
        <v>1</v>
      </c>
      <c r="Q25" s="218">
        <v>0</v>
      </c>
      <c r="R25" s="218">
        <v>2</v>
      </c>
      <c r="S25" s="218">
        <v>2</v>
      </c>
      <c r="T25" s="219">
        <v>2</v>
      </c>
      <c r="U25" s="240">
        <v>7</v>
      </c>
      <c r="V25" s="221">
        <v>7</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6</v>
      </c>
      <c r="J26" s="219">
        <v>3</v>
      </c>
      <c r="K26" s="240">
        <v>10</v>
      </c>
      <c r="L26" s="241">
        <v>10</v>
      </c>
      <c r="M26" s="217">
        <v>0</v>
      </c>
      <c r="N26" s="219">
        <v>0</v>
      </c>
      <c r="O26" s="240">
        <v>0</v>
      </c>
      <c r="P26" s="222">
        <v>1</v>
      </c>
      <c r="Q26" s="218">
        <v>1</v>
      </c>
      <c r="R26" s="218">
        <v>4</v>
      </c>
      <c r="S26" s="218">
        <v>2</v>
      </c>
      <c r="T26" s="219">
        <v>0</v>
      </c>
      <c r="U26" s="240">
        <v>8</v>
      </c>
      <c r="V26" s="221">
        <v>8</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2</v>
      </c>
      <c r="I27" s="218">
        <v>1</v>
      </c>
      <c r="J27" s="219">
        <v>2</v>
      </c>
      <c r="K27" s="240">
        <v>6</v>
      </c>
      <c r="L27" s="241">
        <v>6</v>
      </c>
      <c r="M27" s="217">
        <v>0</v>
      </c>
      <c r="N27" s="219">
        <v>0</v>
      </c>
      <c r="O27" s="240">
        <v>0</v>
      </c>
      <c r="P27" s="222">
        <v>1</v>
      </c>
      <c r="Q27" s="218">
        <v>2</v>
      </c>
      <c r="R27" s="218">
        <v>0</v>
      </c>
      <c r="S27" s="218">
        <v>1</v>
      </c>
      <c r="T27" s="219">
        <v>2</v>
      </c>
      <c r="U27" s="240">
        <v>6</v>
      </c>
      <c r="V27" s="221">
        <v>6</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2</v>
      </c>
      <c r="K28" s="240">
        <v>5</v>
      </c>
      <c r="L28" s="241">
        <v>5</v>
      </c>
      <c r="M28" s="217">
        <v>0</v>
      </c>
      <c r="N28" s="219">
        <v>0</v>
      </c>
      <c r="O28" s="240">
        <v>0</v>
      </c>
      <c r="P28" s="222">
        <v>1</v>
      </c>
      <c r="Q28" s="218">
        <v>0</v>
      </c>
      <c r="R28" s="218">
        <v>3</v>
      </c>
      <c r="S28" s="218">
        <v>0</v>
      </c>
      <c r="T28" s="219">
        <v>0</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1</v>
      </c>
      <c r="I29" s="218">
        <v>2</v>
      </c>
      <c r="J29" s="219">
        <v>1</v>
      </c>
      <c r="K29" s="240">
        <v>5</v>
      </c>
      <c r="L29" s="241">
        <v>5</v>
      </c>
      <c r="M29" s="217">
        <v>0</v>
      </c>
      <c r="N29" s="219">
        <v>0</v>
      </c>
      <c r="O29" s="240">
        <v>0</v>
      </c>
      <c r="P29" s="222">
        <v>0</v>
      </c>
      <c r="Q29" s="218">
        <v>3</v>
      </c>
      <c r="R29" s="218">
        <v>1</v>
      </c>
      <c r="S29" s="218">
        <v>4</v>
      </c>
      <c r="T29" s="219">
        <v>0</v>
      </c>
      <c r="U29" s="240">
        <v>8</v>
      </c>
      <c r="V29" s="221">
        <v>8</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1</v>
      </c>
      <c r="Q32" s="218">
        <v>1</v>
      </c>
      <c r="R32" s="218">
        <v>0</v>
      </c>
      <c r="S32" s="218">
        <v>2</v>
      </c>
      <c r="T32" s="219">
        <v>0</v>
      </c>
      <c r="U32" s="240">
        <v>4</v>
      </c>
      <c r="V32" s="221">
        <v>4</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1</v>
      </c>
      <c r="AN32" s="219">
        <v>0</v>
      </c>
      <c r="AO32" s="240">
        <v>1</v>
      </c>
      <c r="AP32" s="242">
        <v>1</v>
      </c>
      <c r="AQ32" s="239"/>
    </row>
    <row r="33" spans="2:43" ht="21" customHeight="1" x14ac:dyDescent="0.2">
      <c r="B33" s="106" t="s">
        <v>31</v>
      </c>
      <c r="C33" s="217">
        <v>0</v>
      </c>
      <c r="D33" s="219">
        <v>0</v>
      </c>
      <c r="E33" s="219">
        <v>0</v>
      </c>
      <c r="F33" s="220">
        <v>0</v>
      </c>
      <c r="G33" s="218">
        <v>0</v>
      </c>
      <c r="H33" s="218">
        <v>2</v>
      </c>
      <c r="I33" s="218">
        <v>1</v>
      </c>
      <c r="J33" s="219">
        <v>0</v>
      </c>
      <c r="K33" s="240">
        <v>3</v>
      </c>
      <c r="L33" s="241">
        <v>3</v>
      </c>
      <c r="M33" s="217">
        <v>0</v>
      </c>
      <c r="N33" s="219">
        <v>0</v>
      </c>
      <c r="O33" s="240">
        <v>0</v>
      </c>
      <c r="P33" s="222">
        <v>1</v>
      </c>
      <c r="Q33" s="218">
        <v>0</v>
      </c>
      <c r="R33" s="218">
        <v>0</v>
      </c>
      <c r="S33" s="218">
        <v>0</v>
      </c>
      <c r="T33" s="219">
        <v>0</v>
      </c>
      <c r="U33" s="240">
        <v>1</v>
      </c>
      <c r="V33" s="221">
        <v>1</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3</v>
      </c>
      <c r="J34" s="219">
        <v>1</v>
      </c>
      <c r="K34" s="240">
        <v>4</v>
      </c>
      <c r="L34" s="241">
        <v>4</v>
      </c>
      <c r="M34" s="217">
        <v>0</v>
      </c>
      <c r="N34" s="219">
        <v>0</v>
      </c>
      <c r="O34" s="240">
        <v>0</v>
      </c>
      <c r="P34" s="222">
        <v>0</v>
      </c>
      <c r="Q34" s="218">
        <v>0</v>
      </c>
      <c r="R34" s="218">
        <v>0</v>
      </c>
      <c r="S34" s="218">
        <v>2</v>
      </c>
      <c r="T34" s="219">
        <v>1</v>
      </c>
      <c r="U34" s="240">
        <v>3</v>
      </c>
      <c r="V34" s="221">
        <v>3</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1</v>
      </c>
      <c r="K37" s="240">
        <v>2</v>
      </c>
      <c r="L37" s="241">
        <v>2</v>
      </c>
      <c r="M37" s="217">
        <v>0</v>
      </c>
      <c r="N37" s="219">
        <v>0</v>
      </c>
      <c r="O37" s="240">
        <v>0</v>
      </c>
      <c r="P37" s="222">
        <v>0</v>
      </c>
      <c r="Q37" s="218">
        <v>1</v>
      </c>
      <c r="R37" s="218">
        <v>2</v>
      </c>
      <c r="S37" s="218">
        <v>0</v>
      </c>
      <c r="T37" s="219">
        <v>0</v>
      </c>
      <c r="U37" s="240">
        <v>3</v>
      </c>
      <c r="V37" s="221">
        <v>3</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0</v>
      </c>
      <c r="K38" s="240">
        <v>1</v>
      </c>
      <c r="L38" s="241">
        <v>1</v>
      </c>
      <c r="M38" s="217">
        <v>0</v>
      </c>
      <c r="N38" s="219">
        <v>0</v>
      </c>
      <c r="O38" s="240">
        <v>0</v>
      </c>
      <c r="P38" s="222">
        <v>0</v>
      </c>
      <c r="Q38" s="218">
        <v>0</v>
      </c>
      <c r="R38" s="218">
        <v>0</v>
      </c>
      <c r="S38" s="218">
        <v>1</v>
      </c>
      <c r="T38" s="219">
        <v>2</v>
      </c>
      <c r="U38" s="240">
        <v>3</v>
      </c>
      <c r="V38" s="221">
        <v>3</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1</v>
      </c>
      <c r="AN38" s="219">
        <v>0</v>
      </c>
      <c r="AO38" s="240">
        <v>1</v>
      </c>
      <c r="AP38" s="242">
        <v>1</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7</v>
      </c>
      <c r="H1" s="528">
        <f>IF(G1&lt;3,G1-2+12,G1-2)</f>
        <v>5</v>
      </c>
      <c r="I1" s="528"/>
    </row>
    <row r="2" spans="2:43" ht="24" customHeight="1" thickBot="1" x14ac:dyDescent="0.25">
      <c r="B2" s="10" t="s">
        <v>156</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3</v>
      </c>
      <c r="G6" s="212">
        <v>43</v>
      </c>
      <c r="H6" s="212">
        <v>299</v>
      </c>
      <c r="I6" s="212">
        <v>414</v>
      </c>
      <c r="J6" s="213">
        <v>280</v>
      </c>
      <c r="K6" s="236">
        <v>1049</v>
      </c>
      <c r="L6" s="237">
        <v>1049</v>
      </c>
      <c r="M6" s="211">
        <v>0</v>
      </c>
      <c r="N6" s="213">
        <v>0</v>
      </c>
      <c r="O6" s="236">
        <v>0</v>
      </c>
      <c r="P6" s="216">
        <v>66</v>
      </c>
      <c r="Q6" s="212">
        <v>132</v>
      </c>
      <c r="R6" s="212">
        <v>203</v>
      </c>
      <c r="S6" s="212">
        <v>269</v>
      </c>
      <c r="T6" s="213">
        <v>117</v>
      </c>
      <c r="U6" s="236">
        <v>787</v>
      </c>
      <c r="V6" s="215">
        <v>787</v>
      </c>
      <c r="W6" s="216">
        <v>0</v>
      </c>
      <c r="X6" s="213">
        <v>0</v>
      </c>
      <c r="Y6" s="213">
        <v>0</v>
      </c>
      <c r="Z6" s="214">
        <v>0</v>
      </c>
      <c r="AA6" s="212">
        <v>0</v>
      </c>
      <c r="AB6" s="212">
        <v>0</v>
      </c>
      <c r="AC6" s="212">
        <v>0</v>
      </c>
      <c r="AD6" s="213">
        <v>0</v>
      </c>
      <c r="AE6" s="236">
        <v>0</v>
      </c>
      <c r="AF6" s="237">
        <v>0</v>
      </c>
      <c r="AG6" s="211">
        <v>0</v>
      </c>
      <c r="AH6" s="213">
        <v>0</v>
      </c>
      <c r="AI6" s="213">
        <v>0</v>
      </c>
      <c r="AJ6" s="214">
        <v>1</v>
      </c>
      <c r="AK6" s="212">
        <v>2</v>
      </c>
      <c r="AL6" s="212">
        <v>4</v>
      </c>
      <c r="AM6" s="212">
        <v>12</v>
      </c>
      <c r="AN6" s="213">
        <v>20</v>
      </c>
      <c r="AO6" s="236">
        <v>39</v>
      </c>
      <c r="AP6" s="238">
        <v>39</v>
      </c>
      <c r="AQ6" s="239"/>
    </row>
    <row r="7" spans="2:43" ht="21" customHeight="1" x14ac:dyDescent="0.2">
      <c r="B7" s="95" t="s">
        <v>5</v>
      </c>
      <c r="C7" s="217">
        <v>0</v>
      </c>
      <c r="D7" s="219">
        <v>0</v>
      </c>
      <c r="E7" s="219">
        <v>0</v>
      </c>
      <c r="F7" s="220">
        <v>10</v>
      </c>
      <c r="G7" s="218">
        <v>29</v>
      </c>
      <c r="H7" s="218">
        <v>152</v>
      </c>
      <c r="I7" s="218">
        <v>184</v>
      </c>
      <c r="J7" s="219">
        <v>110</v>
      </c>
      <c r="K7" s="240">
        <v>485</v>
      </c>
      <c r="L7" s="241">
        <v>485</v>
      </c>
      <c r="M7" s="217">
        <v>0</v>
      </c>
      <c r="N7" s="219">
        <v>0</v>
      </c>
      <c r="O7" s="240">
        <v>0</v>
      </c>
      <c r="P7" s="222">
        <v>30</v>
      </c>
      <c r="Q7" s="218">
        <v>68</v>
      </c>
      <c r="R7" s="218">
        <v>100</v>
      </c>
      <c r="S7" s="218">
        <v>135</v>
      </c>
      <c r="T7" s="219">
        <v>67</v>
      </c>
      <c r="U7" s="240">
        <v>400</v>
      </c>
      <c r="V7" s="221">
        <v>400</v>
      </c>
      <c r="W7" s="222">
        <v>0</v>
      </c>
      <c r="X7" s="219">
        <v>0</v>
      </c>
      <c r="Y7" s="219">
        <v>0</v>
      </c>
      <c r="Z7" s="220">
        <v>0</v>
      </c>
      <c r="AA7" s="218">
        <v>0</v>
      </c>
      <c r="AB7" s="218">
        <v>0</v>
      </c>
      <c r="AC7" s="218">
        <v>0</v>
      </c>
      <c r="AD7" s="219">
        <v>0</v>
      </c>
      <c r="AE7" s="240">
        <v>0</v>
      </c>
      <c r="AF7" s="241">
        <v>0</v>
      </c>
      <c r="AG7" s="217">
        <v>0</v>
      </c>
      <c r="AH7" s="219">
        <v>0</v>
      </c>
      <c r="AI7" s="219">
        <v>0</v>
      </c>
      <c r="AJ7" s="220">
        <v>0</v>
      </c>
      <c r="AK7" s="218">
        <v>1</v>
      </c>
      <c r="AL7" s="218">
        <v>0</v>
      </c>
      <c r="AM7" s="218">
        <v>6</v>
      </c>
      <c r="AN7" s="219">
        <v>7</v>
      </c>
      <c r="AO7" s="240">
        <v>14</v>
      </c>
      <c r="AP7" s="242">
        <v>14</v>
      </c>
      <c r="AQ7" s="239"/>
    </row>
    <row r="8" spans="2:43" ht="21" customHeight="1" x14ac:dyDescent="0.2">
      <c r="B8" s="106" t="s">
        <v>6</v>
      </c>
      <c r="C8" s="217">
        <v>0</v>
      </c>
      <c r="D8" s="219">
        <v>0</v>
      </c>
      <c r="E8" s="219">
        <v>0</v>
      </c>
      <c r="F8" s="220">
        <v>2</v>
      </c>
      <c r="G8" s="218">
        <v>6</v>
      </c>
      <c r="H8" s="218">
        <v>35</v>
      </c>
      <c r="I8" s="218">
        <v>49</v>
      </c>
      <c r="J8" s="219">
        <v>39</v>
      </c>
      <c r="K8" s="240">
        <v>131</v>
      </c>
      <c r="L8" s="241">
        <v>131</v>
      </c>
      <c r="M8" s="217">
        <v>0</v>
      </c>
      <c r="N8" s="219">
        <v>0</v>
      </c>
      <c r="O8" s="240">
        <v>0</v>
      </c>
      <c r="P8" s="222">
        <v>10</v>
      </c>
      <c r="Q8" s="218">
        <v>15</v>
      </c>
      <c r="R8" s="218">
        <v>20</v>
      </c>
      <c r="S8" s="218">
        <v>45</v>
      </c>
      <c r="T8" s="219">
        <v>16</v>
      </c>
      <c r="U8" s="240">
        <v>106</v>
      </c>
      <c r="V8" s="221">
        <v>106</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0</v>
      </c>
      <c r="AN8" s="219">
        <v>2</v>
      </c>
      <c r="AO8" s="240">
        <v>3</v>
      </c>
      <c r="AP8" s="242">
        <v>3</v>
      </c>
      <c r="AQ8" s="239"/>
    </row>
    <row r="9" spans="2:43" ht="21" customHeight="1" x14ac:dyDescent="0.2">
      <c r="B9" s="106" t="s">
        <v>14</v>
      </c>
      <c r="C9" s="217">
        <v>0</v>
      </c>
      <c r="D9" s="219">
        <v>0</v>
      </c>
      <c r="E9" s="219">
        <v>0</v>
      </c>
      <c r="F9" s="220">
        <v>0</v>
      </c>
      <c r="G9" s="218">
        <v>0</v>
      </c>
      <c r="H9" s="218">
        <v>26</v>
      </c>
      <c r="I9" s="218">
        <v>38</v>
      </c>
      <c r="J9" s="219">
        <v>20</v>
      </c>
      <c r="K9" s="240">
        <v>84</v>
      </c>
      <c r="L9" s="241">
        <v>84</v>
      </c>
      <c r="M9" s="217">
        <v>0</v>
      </c>
      <c r="N9" s="219">
        <v>0</v>
      </c>
      <c r="O9" s="240">
        <v>0</v>
      </c>
      <c r="P9" s="222">
        <v>2</v>
      </c>
      <c r="Q9" s="218">
        <v>7</v>
      </c>
      <c r="R9" s="218">
        <v>10</v>
      </c>
      <c r="S9" s="218">
        <v>15</v>
      </c>
      <c r="T9" s="219">
        <v>4</v>
      </c>
      <c r="U9" s="240">
        <v>38</v>
      </c>
      <c r="V9" s="221">
        <v>38</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1</v>
      </c>
      <c r="AM9" s="218">
        <v>1</v>
      </c>
      <c r="AN9" s="219">
        <v>3</v>
      </c>
      <c r="AO9" s="240">
        <v>5</v>
      </c>
      <c r="AP9" s="242">
        <v>5</v>
      </c>
      <c r="AQ9" s="239"/>
    </row>
    <row r="10" spans="2:43" ht="21" customHeight="1" x14ac:dyDescent="0.2">
      <c r="B10" s="106" t="s">
        <v>7</v>
      </c>
      <c r="C10" s="217">
        <v>0</v>
      </c>
      <c r="D10" s="219">
        <v>0</v>
      </c>
      <c r="E10" s="219">
        <v>0</v>
      </c>
      <c r="F10" s="220">
        <v>0</v>
      </c>
      <c r="G10" s="218">
        <v>0</v>
      </c>
      <c r="H10" s="218">
        <v>8</v>
      </c>
      <c r="I10" s="218">
        <v>15</v>
      </c>
      <c r="J10" s="219">
        <v>9</v>
      </c>
      <c r="K10" s="240">
        <v>32</v>
      </c>
      <c r="L10" s="241">
        <v>32</v>
      </c>
      <c r="M10" s="217">
        <v>0</v>
      </c>
      <c r="N10" s="219">
        <v>0</v>
      </c>
      <c r="O10" s="240">
        <v>0</v>
      </c>
      <c r="P10" s="222">
        <v>3</v>
      </c>
      <c r="Q10" s="218">
        <v>4</v>
      </c>
      <c r="R10" s="218">
        <v>6</v>
      </c>
      <c r="S10" s="218">
        <v>6</v>
      </c>
      <c r="T10" s="219">
        <v>1</v>
      </c>
      <c r="U10" s="240">
        <v>20</v>
      </c>
      <c r="V10" s="221">
        <v>20</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6</v>
      </c>
      <c r="I11" s="218">
        <v>9</v>
      </c>
      <c r="J11" s="219">
        <v>7</v>
      </c>
      <c r="K11" s="240">
        <v>23</v>
      </c>
      <c r="L11" s="241">
        <v>23</v>
      </c>
      <c r="M11" s="217">
        <v>0</v>
      </c>
      <c r="N11" s="219">
        <v>0</v>
      </c>
      <c r="O11" s="240">
        <v>0</v>
      </c>
      <c r="P11" s="222">
        <v>2</v>
      </c>
      <c r="Q11" s="218">
        <v>2</v>
      </c>
      <c r="R11" s="218">
        <v>7</v>
      </c>
      <c r="S11" s="218">
        <v>5</v>
      </c>
      <c r="T11" s="219">
        <v>3</v>
      </c>
      <c r="U11" s="240">
        <v>19</v>
      </c>
      <c r="V11" s="221">
        <v>19</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1</v>
      </c>
      <c r="G12" s="218">
        <v>0</v>
      </c>
      <c r="H12" s="218">
        <v>5</v>
      </c>
      <c r="I12" s="218">
        <v>20</v>
      </c>
      <c r="J12" s="219">
        <v>11</v>
      </c>
      <c r="K12" s="240">
        <v>37</v>
      </c>
      <c r="L12" s="241">
        <v>37</v>
      </c>
      <c r="M12" s="217">
        <v>0</v>
      </c>
      <c r="N12" s="219">
        <v>0</v>
      </c>
      <c r="O12" s="240">
        <v>0</v>
      </c>
      <c r="P12" s="222">
        <v>4</v>
      </c>
      <c r="Q12" s="218">
        <v>6</v>
      </c>
      <c r="R12" s="218">
        <v>10</v>
      </c>
      <c r="S12" s="218">
        <v>7</v>
      </c>
      <c r="T12" s="219">
        <v>7</v>
      </c>
      <c r="U12" s="240">
        <v>34</v>
      </c>
      <c r="V12" s="221">
        <v>34</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1</v>
      </c>
      <c r="H13" s="218">
        <v>17</v>
      </c>
      <c r="I13" s="218">
        <v>18</v>
      </c>
      <c r="J13" s="219">
        <v>17</v>
      </c>
      <c r="K13" s="240">
        <v>53</v>
      </c>
      <c r="L13" s="241">
        <v>53</v>
      </c>
      <c r="M13" s="217">
        <v>0</v>
      </c>
      <c r="N13" s="219">
        <v>0</v>
      </c>
      <c r="O13" s="240">
        <v>0</v>
      </c>
      <c r="P13" s="222">
        <v>3</v>
      </c>
      <c r="Q13" s="218">
        <v>2</v>
      </c>
      <c r="R13" s="218">
        <v>7</v>
      </c>
      <c r="S13" s="218">
        <v>14</v>
      </c>
      <c r="T13" s="219">
        <v>3</v>
      </c>
      <c r="U13" s="240">
        <v>29</v>
      </c>
      <c r="V13" s="221">
        <v>29</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1</v>
      </c>
      <c r="AO13" s="240">
        <v>2</v>
      </c>
      <c r="AP13" s="242">
        <v>2</v>
      </c>
      <c r="AQ13" s="239"/>
    </row>
    <row r="14" spans="2:43" ht="21" customHeight="1" x14ac:dyDescent="0.2">
      <c r="B14" s="106" t="s">
        <v>11</v>
      </c>
      <c r="C14" s="217">
        <v>0</v>
      </c>
      <c r="D14" s="219">
        <v>0</v>
      </c>
      <c r="E14" s="219">
        <v>0</v>
      </c>
      <c r="F14" s="220">
        <v>0</v>
      </c>
      <c r="G14" s="218">
        <v>0</v>
      </c>
      <c r="H14" s="218">
        <v>8</v>
      </c>
      <c r="I14" s="218">
        <v>8</v>
      </c>
      <c r="J14" s="219">
        <v>6</v>
      </c>
      <c r="K14" s="240">
        <v>22</v>
      </c>
      <c r="L14" s="241">
        <v>22</v>
      </c>
      <c r="M14" s="217">
        <v>0</v>
      </c>
      <c r="N14" s="219">
        <v>0</v>
      </c>
      <c r="O14" s="240">
        <v>0</v>
      </c>
      <c r="P14" s="222">
        <v>1</v>
      </c>
      <c r="Q14" s="218">
        <v>2</v>
      </c>
      <c r="R14" s="218">
        <v>5</v>
      </c>
      <c r="S14" s="218">
        <v>1</v>
      </c>
      <c r="T14" s="219">
        <v>0</v>
      </c>
      <c r="U14" s="240">
        <v>9</v>
      </c>
      <c r="V14" s="221">
        <v>9</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1</v>
      </c>
      <c r="AO14" s="240">
        <v>1</v>
      </c>
      <c r="AP14" s="242">
        <v>1</v>
      </c>
      <c r="AQ14" s="239"/>
    </row>
    <row r="15" spans="2:43" ht="21" customHeight="1" x14ac:dyDescent="0.2">
      <c r="B15" s="106" t="s">
        <v>12</v>
      </c>
      <c r="C15" s="217">
        <v>0</v>
      </c>
      <c r="D15" s="219">
        <v>0</v>
      </c>
      <c r="E15" s="219">
        <v>0</v>
      </c>
      <c r="F15" s="220">
        <v>0</v>
      </c>
      <c r="G15" s="218">
        <v>1</v>
      </c>
      <c r="H15" s="218">
        <v>1</v>
      </c>
      <c r="I15" s="218">
        <v>12</v>
      </c>
      <c r="J15" s="219">
        <v>6</v>
      </c>
      <c r="K15" s="240">
        <v>20</v>
      </c>
      <c r="L15" s="241">
        <v>20</v>
      </c>
      <c r="M15" s="217">
        <v>0</v>
      </c>
      <c r="N15" s="219">
        <v>0</v>
      </c>
      <c r="O15" s="240">
        <v>0</v>
      </c>
      <c r="P15" s="222">
        <v>1</v>
      </c>
      <c r="Q15" s="218">
        <v>3</v>
      </c>
      <c r="R15" s="218">
        <v>4</v>
      </c>
      <c r="S15" s="218">
        <v>5</v>
      </c>
      <c r="T15" s="219">
        <v>1</v>
      </c>
      <c r="U15" s="240">
        <v>14</v>
      </c>
      <c r="V15" s="221">
        <v>14</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1</v>
      </c>
      <c r="I16" s="218">
        <v>6</v>
      </c>
      <c r="J16" s="219">
        <v>6</v>
      </c>
      <c r="K16" s="240">
        <v>13</v>
      </c>
      <c r="L16" s="241">
        <v>13</v>
      </c>
      <c r="M16" s="217">
        <v>0</v>
      </c>
      <c r="N16" s="219">
        <v>0</v>
      </c>
      <c r="O16" s="240">
        <v>0</v>
      </c>
      <c r="P16" s="222">
        <v>0</v>
      </c>
      <c r="Q16" s="218">
        <v>0</v>
      </c>
      <c r="R16" s="218">
        <v>1</v>
      </c>
      <c r="S16" s="218">
        <v>3</v>
      </c>
      <c r="T16" s="219">
        <v>1</v>
      </c>
      <c r="U16" s="240">
        <v>5</v>
      </c>
      <c r="V16" s="221">
        <v>5</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0</v>
      </c>
      <c r="I17" s="218">
        <v>0</v>
      </c>
      <c r="J17" s="219">
        <v>2</v>
      </c>
      <c r="K17" s="240">
        <v>2</v>
      </c>
      <c r="L17" s="241">
        <v>2</v>
      </c>
      <c r="M17" s="217">
        <v>0</v>
      </c>
      <c r="N17" s="219">
        <v>0</v>
      </c>
      <c r="O17" s="240">
        <v>0</v>
      </c>
      <c r="P17" s="222">
        <v>0</v>
      </c>
      <c r="Q17" s="218">
        <v>2</v>
      </c>
      <c r="R17" s="218">
        <v>2</v>
      </c>
      <c r="S17" s="218">
        <v>1</v>
      </c>
      <c r="T17" s="219">
        <v>0</v>
      </c>
      <c r="U17" s="240">
        <v>5</v>
      </c>
      <c r="V17" s="221">
        <v>5</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6</v>
      </c>
      <c r="I18" s="218">
        <v>8</v>
      </c>
      <c r="J18" s="219">
        <v>3</v>
      </c>
      <c r="K18" s="240">
        <v>17</v>
      </c>
      <c r="L18" s="241">
        <v>17</v>
      </c>
      <c r="M18" s="217">
        <v>0</v>
      </c>
      <c r="N18" s="219">
        <v>0</v>
      </c>
      <c r="O18" s="240">
        <v>0</v>
      </c>
      <c r="P18" s="222">
        <v>1</v>
      </c>
      <c r="Q18" s="218">
        <v>2</v>
      </c>
      <c r="R18" s="218">
        <v>3</v>
      </c>
      <c r="S18" s="218">
        <v>5</v>
      </c>
      <c r="T18" s="219">
        <v>0</v>
      </c>
      <c r="U18" s="240">
        <v>11</v>
      </c>
      <c r="V18" s="221">
        <v>11</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0</v>
      </c>
      <c r="AO18" s="240">
        <v>0</v>
      </c>
      <c r="AP18" s="242">
        <v>0</v>
      </c>
      <c r="AQ18" s="239"/>
    </row>
    <row r="19" spans="2:43" ht="21" customHeight="1" x14ac:dyDescent="0.2">
      <c r="B19" s="106" t="s">
        <v>17</v>
      </c>
      <c r="C19" s="217">
        <v>0</v>
      </c>
      <c r="D19" s="219">
        <v>0</v>
      </c>
      <c r="E19" s="219">
        <v>0</v>
      </c>
      <c r="F19" s="220">
        <v>0</v>
      </c>
      <c r="G19" s="218">
        <v>1</v>
      </c>
      <c r="H19" s="218">
        <v>6</v>
      </c>
      <c r="I19" s="218">
        <v>6</v>
      </c>
      <c r="J19" s="219">
        <v>8</v>
      </c>
      <c r="K19" s="240">
        <v>21</v>
      </c>
      <c r="L19" s="241">
        <v>21</v>
      </c>
      <c r="M19" s="217">
        <v>0</v>
      </c>
      <c r="N19" s="219">
        <v>0</v>
      </c>
      <c r="O19" s="240">
        <v>0</v>
      </c>
      <c r="P19" s="222">
        <v>2</v>
      </c>
      <c r="Q19" s="218">
        <v>5</v>
      </c>
      <c r="R19" s="218">
        <v>10</v>
      </c>
      <c r="S19" s="218">
        <v>5</v>
      </c>
      <c r="T19" s="219">
        <v>6</v>
      </c>
      <c r="U19" s="240">
        <v>28</v>
      </c>
      <c r="V19" s="221">
        <v>28</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7</v>
      </c>
      <c r="I20" s="218">
        <v>7</v>
      </c>
      <c r="J20" s="219">
        <v>11</v>
      </c>
      <c r="K20" s="240">
        <v>26</v>
      </c>
      <c r="L20" s="241">
        <v>26</v>
      </c>
      <c r="M20" s="217">
        <v>0</v>
      </c>
      <c r="N20" s="219">
        <v>0</v>
      </c>
      <c r="O20" s="240">
        <v>0</v>
      </c>
      <c r="P20" s="222">
        <v>1</v>
      </c>
      <c r="Q20" s="218">
        <v>0</v>
      </c>
      <c r="R20" s="218">
        <v>3</v>
      </c>
      <c r="S20" s="218">
        <v>5</v>
      </c>
      <c r="T20" s="219">
        <v>1</v>
      </c>
      <c r="U20" s="240">
        <v>10</v>
      </c>
      <c r="V20" s="221">
        <v>10</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1</v>
      </c>
      <c r="AM20" s="218">
        <v>1</v>
      </c>
      <c r="AN20" s="219">
        <v>0</v>
      </c>
      <c r="AO20" s="240">
        <v>2</v>
      </c>
      <c r="AP20" s="242">
        <v>2</v>
      </c>
      <c r="AQ20" s="239"/>
    </row>
    <row r="21" spans="2:43" ht="21" customHeight="1" x14ac:dyDescent="0.2">
      <c r="B21" s="106" t="s">
        <v>19</v>
      </c>
      <c r="C21" s="217">
        <v>0</v>
      </c>
      <c r="D21" s="219">
        <v>0</v>
      </c>
      <c r="E21" s="219">
        <v>0</v>
      </c>
      <c r="F21" s="220">
        <v>0</v>
      </c>
      <c r="G21" s="218">
        <v>0</v>
      </c>
      <c r="H21" s="218">
        <v>6</v>
      </c>
      <c r="I21" s="218">
        <v>2</v>
      </c>
      <c r="J21" s="219">
        <v>2</v>
      </c>
      <c r="K21" s="240">
        <v>10</v>
      </c>
      <c r="L21" s="241">
        <v>10</v>
      </c>
      <c r="M21" s="217">
        <v>0</v>
      </c>
      <c r="N21" s="219">
        <v>0</v>
      </c>
      <c r="O21" s="240">
        <v>0</v>
      </c>
      <c r="P21" s="222">
        <v>1</v>
      </c>
      <c r="Q21" s="218">
        <v>2</v>
      </c>
      <c r="R21" s="218">
        <v>5</v>
      </c>
      <c r="S21" s="218">
        <v>1</v>
      </c>
      <c r="T21" s="219">
        <v>1</v>
      </c>
      <c r="U21" s="240">
        <v>10</v>
      </c>
      <c r="V21" s="221">
        <v>10</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1</v>
      </c>
      <c r="AO21" s="240">
        <v>1</v>
      </c>
      <c r="AP21" s="242">
        <v>1</v>
      </c>
      <c r="AQ21" s="239"/>
    </row>
    <row r="22" spans="2:43" ht="21" customHeight="1" x14ac:dyDescent="0.2">
      <c r="B22" s="106" t="s">
        <v>20</v>
      </c>
      <c r="C22" s="217">
        <v>0</v>
      </c>
      <c r="D22" s="219">
        <v>0</v>
      </c>
      <c r="E22" s="219">
        <v>0</v>
      </c>
      <c r="F22" s="220">
        <v>0</v>
      </c>
      <c r="G22" s="218">
        <v>2</v>
      </c>
      <c r="H22" s="218">
        <v>2</v>
      </c>
      <c r="I22" s="218">
        <v>9</v>
      </c>
      <c r="J22" s="219">
        <v>6</v>
      </c>
      <c r="K22" s="240">
        <v>19</v>
      </c>
      <c r="L22" s="241">
        <v>19</v>
      </c>
      <c r="M22" s="217">
        <v>0</v>
      </c>
      <c r="N22" s="219">
        <v>0</v>
      </c>
      <c r="O22" s="240">
        <v>0</v>
      </c>
      <c r="P22" s="222">
        <v>2</v>
      </c>
      <c r="Q22" s="218">
        <v>2</v>
      </c>
      <c r="R22" s="218">
        <v>1</v>
      </c>
      <c r="S22" s="218">
        <v>6</v>
      </c>
      <c r="T22" s="219">
        <v>0</v>
      </c>
      <c r="U22" s="240">
        <v>11</v>
      </c>
      <c r="V22" s="221">
        <v>11</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1</v>
      </c>
      <c r="AM22" s="218">
        <v>0</v>
      </c>
      <c r="AN22" s="219">
        <v>0</v>
      </c>
      <c r="AO22" s="240">
        <v>1</v>
      </c>
      <c r="AP22" s="242">
        <v>1</v>
      </c>
      <c r="AQ22" s="239"/>
    </row>
    <row r="23" spans="2:43" ht="21" customHeight="1" x14ac:dyDescent="0.2">
      <c r="B23" s="106" t="s">
        <v>21</v>
      </c>
      <c r="C23" s="217">
        <v>0</v>
      </c>
      <c r="D23" s="219">
        <v>0</v>
      </c>
      <c r="E23" s="219">
        <v>0</v>
      </c>
      <c r="F23" s="220">
        <v>0</v>
      </c>
      <c r="G23" s="218">
        <v>0</v>
      </c>
      <c r="H23" s="218">
        <v>2</v>
      </c>
      <c r="I23" s="218">
        <v>7</v>
      </c>
      <c r="J23" s="219">
        <v>4</v>
      </c>
      <c r="K23" s="240">
        <v>13</v>
      </c>
      <c r="L23" s="241">
        <v>13</v>
      </c>
      <c r="M23" s="217">
        <v>0</v>
      </c>
      <c r="N23" s="219">
        <v>0</v>
      </c>
      <c r="O23" s="240">
        <v>0</v>
      </c>
      <c r="P23" s="222">
        <v>0</v>
      </c>
      <c r="Q23" s="218">
        <v>4</v>
      </c>
      <c r="R23" s="218">
        <v>0</v>
      </c>
      <c r="S23" s="218">
        <v>2</v>
      </c>
      <c r="T23" s="219">
        <v>0</v>
      </c>
      <c r="U23" s="240">
        <v>6</v>
      </c>
      <c r="V23" s="221">
        <v>6</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1</v>
      </c>
      <c r="I24" s="218">
        <v>1</v>
      </c>
      <c r="J24" s="219">
        <v>0</v>
      </c>
      <c r="K24" s="240">
        <v>3</v>
      </c>
      <c r="L24" s="241">
        <v>3</v>
      </c>
      <c r="M24" s="217">
        <v>0</v>
      </c>
      <c r="N24" s="219">
        <v>0</v>
      </c>
      <c r="O24" s="240">
        <v>0</v>
      </c>
      <c r="P24" s="222">
        <v>0</v>
      </c>
      <c r="Q24" s="218">
        <v>1</v>
      </c>
      <c r="R24" s="218">
        <v>0</v>
      </c>
      <c r="S24" s="218">
        <v>2</v>
      </c>
      <c r="T24" s="219">
        <v>0</v>
      </c>
      <c r="U24" s="240">
        <v>3</v>
      </c>
      <c r="V24" s="221">
        <v>3</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3</v>
      </c>
      <c r="I25" s="218">
        <v>3</v>
      </c>
      <c r="J25" s="219">
        <v>3</v>
      </c>
      <c r="K25" s="240">
        <v>9</v>
      </c>
      <c r="L25" s="241">
        <v>9</v>
      </c>
      <c r="M25" s="217">
        <v>0</v>
      </c>
      <c r="N25" s="219">
        <v>0</v>
      </c>
      <c r="O25" s="240">
        <v>0</v>
      </c>
      <c r="P25" s="222">
        <v>0</v>
      </c>
      <c r="Q25" s="218">
        <v>0</v>
      </c>
      <c r="R25" s="218">
        <v>0</v>
      </c>
      <c r="S25" s="218">
        <v>1</v>
      </c>
      <c r="T25" s="219">
        <v>1</v>
      </c>
      <c r="U25" s="240">
        <v>2</v>
      </c>
      <c r="V25" s="221">
        <v>2</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1</v>
      </c>
      <c r="I26" s="218">
        <v>3</v>
      </c>
      <c r="J26" s="219">
        <v>1</v>
      </c>
      <c r="K26" s="240">
        <v>5</v>
      </c>
      <c r="L26" s="241">
        <v>5</v>
      </c>
      <c r="M26" s="217">
        <v>0</v>
      </c>
      <c r="N26" s="219">
        <v>0</v>
      </c>
      <c r="O26" s="240">
        <v>0</v>
      </c>
      <c r="P26" s="222">
        <v>1</v>
      </c>
      <c r="Q26" s="218">
        <v>0</v>
      </c>
      <c r="R26" s="218">
        <v>2</v>
      </c>
      <c r="S26" s="218">
        <v>0</v>
      </c>
      <c r="T26" s="219">
        <v>0</v>
      </c>
      <c r="U26" s="240">
        <v>3</v>
      </c>
      <c r="V26" s="221">
        <v>3</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2</v>
      </c>
      <c r="I27" s="218">
        <v>2</v>
      </c>
      <c r="J27" s="219">
        <v>3</v>
      </c>
      <c r="K27" s="240">
        <v>7</v>
      </c>
      <c r="L27" s="241">
        <v>7</v>
      </c>
      <c r="M27" s="217">
        <v>0</v>
      </c>
      <c r="N27" s="219">
        <v>0</v>
      </c>
      <c r="O27" s="240">
        <v>0</v>
      </c>
      <c r="P27" s="222">
        <v>1</v>
      </c>
      <c r="Q27" s="218">
        <v>4</v>
      </c>
      <c r="R27" s="218">
        <v>1</v>
      </c>
      <c r="S27" s="218">
        <v>1</v>
      </c>
      <c r="T27" s="219">
        <v>1</v>
      </c>
      <c r="U27" s="240">
        <v>8</v>
      </c>
      <c r="V27" s="221">
        <v>8</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1</v>
      </c>
      <c r="J28" s="219">
        <v>1</v>
      </c>
      <c r="K28" s="240">
        <v>3</v>
      </c>
      <c r="L28" s="241">
        <v>3</v>
      </c>
      <c r="M28" s="217">
        <v>0</v>
      </c>
      <c r="N28" s="219">
        <v>0</v>
      </c>
      <c r="O28" s="240">
        <v>0</v>
      </c>
      <c r="P28" s="222">
        <v>0</v>
      </c>
      <c r="Q28" s="218">
        <v>1</v>
      </c>
      <c r="R28" s="218">
        <v>1</v>
      </c>
      <c r="S28" s="218">
        <v>1</v>
      </c>
      <c r="T28" s="219">
        <v>0</v>
      </c>
      <c r="U28" s="240">
        <v>3</v>
      </c>
      <c r="V28" s="221">
        <v>3</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1</v>
      </c>
      <c r="I29" s="218">
        <v>1</v>
      </c>
      <c r="J29" s="219">
        <v>1</v>
      </c>
      <c r="K29" s="240">
        <v>3</v>
      </c>
      <c r="L29" s="241">
        <v>3</v>
      </c>
      <c r="M29" s="217">
        <v>0</v>
      </c>
      <c r="N29" s="219">
        <v>0</v>
      </c>
      <c r="O29" s="240">
        <v>0</v>
      </c>
      <c r="P29" s="222">
        <v>1</v>
      </c>
      <c r="Q29" s="218">
        <v>0</v>
      </c>
      <c r="R29" s="218">
        <v>0</v>
      </c>
      <c r="S29" s="218">
        <v>0</v>
      </c>
      <c r="T29" s="219">
        <v>1</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1</v>
      </c>
      <c r="J31" s="219">
        <v>0</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0</v>
      </c>
      <c r="I32" s="218">
        <v>1</v>
      </c>
      <c r="J32" s="219">
        <v>1</v>
      </c>
      <c r="K32" s="240">
        <v>2</v>
      </c>
      <c r="L32" s="241">
        <v>2</v>
      </c>
      <c r="M32" s="217">
        <v>0</v>
      </c>
      <c r="N32" s="219">
        <v>0</v>
      </c>
      <c r="O32" s="240">
        <v>0</v>
      </c>
      <c r="P32" s="222">
        <v>0</v>
      </c>
      <c r="Q32" s="218">
        <v>0</v>
      </c>
      <c r="R32" s="218">
        <v>0</v>
      </c>
      <c r="S32" s="218">
        <v>0</v>
      </c>
      <c r="T32" s="219">
        <v>0</v>
      </c>
      <c r="U32" s="240">
        <v>0</v>
      </c>
      <c r="V32" s="221">
        <v>0</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1</v>
      </c>
      <c r="I33" s="218">
        <v>0</v>
      </c>
      <c r="J33" s="219">
        <v>1</v>
      </c>
      <c r="K33" s="240">
        <v>2</v>
      </c>
      <c r="L33" s="241">
        <v>2</v>
      </c>
      <c r="M33" s="217">
        <v>0</v>
      </c>
      <c r="N33" s="219">
        <v>0</v>
      </c>
      <c r="O33" s="240">
        <v>0</v>
      </c>
      <c r="P33" s="222">
        <v>0</v>
      </c>
      <c r="Q33" s="218">
        <v>0</v>
      </c>
      <c r="R33" s="218">
        <v>3</v>
      </c>
      <c r="S33" s="218">
        <v>1</v>
      </c>
      <c r="T33" s="219">
        <v>0</v>
      </c>
      <c r="U33" s="240">
        <v>4</v>
      </c>
      <c r="V33" s="221">
        <v>4</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1</v>
      </c>
      <c r="K34" s="240">
        <v>2</v>
      </c>
      <c r="L34" s="241">
        <v>2</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1</v>
      </c>
      <c r="U35" s="240">
        <v>1</v>
      </c>
      <c r="V35" s="221">
        <v>1</v>
      </c>
      <c r="W35" s="222">
        <v>0</v>
      </c>
      <c r="X35" s="219">
        <v>0</v>
      </c>
      <c r="Y35" s="219">
        <v>0</v>
      </c>
      <c r="Z35" s="220">
        <v>0</v>
      </c>
      <c r="AA35" s="218">
        <v>0</v>
      </c>
      <c r="AB35" s="218">
        <v>0</v>
      </c>
      <c r="AC35" s="218">
        <v>0</v>
      </c>
      <c r="AD35" s="219">
        <v>0</v>
      </c>
      <c r="AE35" s="240">
        <v>0</v>
      </c>
      <c r="AF35" s="241">
        <v>0</v>
      </c>
      <c r="AG35" s="217">
        <v>0</v>
      </c>
      <c r="AH35" s="219">
        <v>0</v>
      </c>
      <c r="AI35" s="219">
        <v>0</v>
      </c>
      <c r="AJ35" s="220">
        <v>1</v>
      </c>
      <c r="AK35" s="218">
        <v>0</v>
      </c>
      <c r="AL35" s="218">
        <v>0</v>
      </c>
      <c r="AM35" s="218">
        <v>0</v>
      </c>
      <c r="AN35" s="219">
        <v>3</v>
      </c>
      <c r="AO35" s="240">
        <v>4</v>
      </c>
      <c r="AP35" s="242">
        <v>4</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1</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0</v>
      </c>
      <c r="Q37" s="218">
        <v>0</v>
      </c>
      <c r="R37" s="218">
        <v>0</v>
      </c>
      <c r="S37" s="218">
        <v>0</v>
      </c>
      <c r="T37" s="219">
        <v>0</v>
      </c>
      <c r="U37" s="240">
        <v>0</v>
      </c>
      <c r="V37" s="221">
        <v>0</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1</v>
      </c>
      <c r="S38" s="218">
        <v>0</v>
      </c>
      <c r="T38" s="219">
        <v>0</v>
      </c>
      <c r="U38" s="240">
        <v>1</v>
      </c>
      <c r="V38" s="221">
        <v>1</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16">
        <f>第１表!G2</f>
        <v>7</v>
      </c>
      <c r="G1" s="572">
        <f>IF(F1&lt;3,F1-2+12,F1-2)</f>
        <v>5</v>
      </c>
      <c r="H1" s="572"/>
      <c r="IB1" s="42"/>
      <c r="IC1" s="22"/>
      <c r="ID1" s="547"/>
      <c r="IE1" s="547"/>
    </row>
    <row r="2" spans="1:409" ht="24" customHeight="1" x14ac:dyDescent="0.2">
      <c r="B2" s="10" t="s">
        <v>144</v>
      </c>
      <c r="E2" s="19"/>
      <c r="F2" s="20"/>
      <c r="G2" s="547"/>
      <c r="H2" s="547"/>
      <c r="IB2" s="21"/>
      <c r="IC2" s="22"/>
      <c r="ID2" s="248"/>
      <c r="IE2" s="248"/>
    </row>
    <row r="3" spans="1:409" ht="24" customHeight="1" thickBot="1" x14ac:dyDescent="0.25">
      <c r="B3" s="10" t="s">
        <v>145</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63" t="s">
        <v>71</v>
      </c>
      <c r="AK6" s="564"/>
      <c r="AL6" s="564"/>
      <c r="AM6" s="564"/>
      <c r="AN6" s="564"/>
      <c r="AO6" s="564"/>
      <c r="AP6" s="564"/>
      <c r="AQ6" s="564"/>
      <c r="AR6" s="564"/>
      <c r="AS6" s="564"/>
      <c r="AT6" s="56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02" t="s">
        <v>61</v>
      </c>
      <c r="AK7" s="503"/>
      <c r="AL7" s="504"/>
      <c r="AM7" s="531" t="s">
        <v>62</v>
      </c>
      <c r="AN7" s="503"/>
      <c r="AO7" s="503"/>
      <c r="AP7" s="503"/>
      <c r="AQ7" s="503"/>
      <c r="AR7" s="503"/>
      <c r="AS7" s="532"/>
      <c r="AT7" s="571"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427585019</v>
      </c>
      <c r="D9" s="256">
        <v>922063326</v>
      </c>
      <c r="E9" s="257">
        <v>1349648345</v>
      </c>
      <c r="F9" s="258">
        <v>0</v>
      </c>
      <c r="G9" s="256">
        <v>5584375829</v>
      </c>
      <c r="H9" s="256">
        <v>7804268483</v>
      </c>
      <c r="I9" s="256">
        <v>6392696498</v>
      </c>
      <c r="J9" s="256">
        <v>5999616867</v>
      </c>
      <c r="K9" s="256">
        <v>4487682265</v>
      </c>
      <c r="L9" s="259">
        <v>30268639942</v>
      </c>
      <c r="M9" s="260">
        <v>31618288287</v>
      </c>
      <c r="N9" s="255">
        <v>106736468</v>
      </c>
      <c r="O9" s="256">
        <v>289128835</v>
      </c>
      <c r="P9" s="261">
        <v>395865303</v>
      </c>
      <c r="Q9" s="255">
        <v>0</v>
      </c>
      <c r="R9" s="256">
        <v>1598563765</v>
      </c>
      <c r="S9" s="256">
        <v>2557883736</v>
      </c>
      <c r="T9" s="256">
        <v>2166157324</v>
      </c>
      <c r="U9" s="256">
        <v>2359055670</v>
      </c>
      <c r="V9" s="256">
        <v>2325783226</v>
      </c>
      <c r="W9" s="261">
        <v>11007443721</v>
      </c>
      <c r="X9" s="260">
        <v>11403309024</v>
      </c>
      <c r="Y9" s="255">
        <v>0</v>
      </c>
      <c r="Z9" s="256">
        <v>0</v>
      </c>
      <c r="AA9" s="261">
        <v>0</v>
      </c>
      <c r="AB9" s="262">
        <v>0</v>
      </c>
      <c r="AC9" s="263">
        <v>738829268</v>
      </c>
      <c r="AD9" s="263">
        <v>1221283684</v>
      </c>
      <c r="AE9" s="263">
        <v>1195010834</v>
      </c>
      <c r="AF9" s="263">
        <v>1385170697</v>
      </c>
      <c r="AG9" s="263">
        <v>1365175643</v>
      </c>
      <c r="AH9" s="261">
        <v>5905470126</v>
      </c>
      <c r="AI9" s="260">
        <v>5905470126</v>
      </c>
      <c r="AJ9" s="264">
        <v>46436</v>
      </c>
      <c r="AK9" s="263">
        <v>929005</v>
      </c>
      <c r="AL9" s="261">
        <v>975441</v>
      </c>
      <c r="AM9" s="262">
        <v>0</v>
      </c>
      <c r="AN9" s="263">
        <v>5564782</v>
      </c>
      <c r="AO9" s="259">
        <v>24655607</v>
      </c>
      <c r="AP9" s="263">
        <v>48957844</v>
      </c>
      <c r="AQ9" s="263">
        <v>134734723</v>
      </c>
      <c r="AR9" s="263">
        <v>252430863</v>
      </c>
      <c r="AS9" s="261">
        <v>466343819</v>
      </c>
      <c r="AT9" s="260">
        <v>467319260</v>
      </c>
      <c r="AU9" s="264">
        <v>61419690</v>
      </c>
      <c r="AV9" s="263">
        <v>209118526</v>
      </c>
      <c r="AW9" s="261">
        <v>270538216</v>
      </c>
      <c r="AX9" s="262">
        <v>0</v>
      </c>
      <c r="AY9" s="263">
        <v>530607836</v>
      </c>
      <c r="AZ9" s="263">
        <v>884732388</v>
      </c>
      <c r="BA9" s="263">
        <v>561741797</v>
      </c>
      <c r="BB9" s="263">
        <v>489679199</v>
      </c>
      <c r="BC9" s="263">
        <v>447595984</v>
      </c>
      <c r="BD9" s="261">
        <v>2914357204</v>
      </c>
      <c r="BE9" s="265">
        <v>3184895420</v>
      </c>
      <c r="BF9" s="264">
        <v>7200328</v>
      </c>
      <c r="BG9" s="259">
        <v>29340963</v>
      </c>
      <c r="BH9" s="266">
        <v>36541291</v>
      </c>
      <c r="BI9" s="262">
        <v>0</v>
      </c>
      <c r="BJ9" s="263">
        <v>46125728</v>
      </c>
      <c r="BK9" s="263">
        <v>73955072</v>
      </c>
      <c r="BL9" s="263">
        <v>44747668</v>
      </c>
      <c r="BM9" s="263">
        <v>37951792</v>
      </c>
      <c r="BN9" s="263">
        <v>26532484</v>
      </c>
      <c r="BO9" s="261">
        <v>229312744</v>
      </c>
      <c r="BP9" s="260">
        <v>265854035</v>
      </c>
      <c r="BQ9" s="264">
        <v>38070014</v>
      </c>
      <c r="BR9" s="263">
        <v>49740341</v>
      </c>
      <c r="BS9" s="261">
        <v>87810355</v>
      </c>
      <c r="BT9" s="262">
        <v>0</v>
      </c>
      <c r="BU9" s="263">
        <v>277436151</v>
      </c>
      <c r="BV9" s="263">
        <v>353256985</v>
      </c>
      <c r="BW9" s="263">
        <v>315699181</v>
      </c>
      <c r="BX9" s="263">
        <v>311519259</v>
      </c>
      <c r="BY9" s="263">
        <v>234048252</v>
      </c>
      <c r="BZ9" s="261">
        <v>1491959828</v>
      </c>
      <c r="CA9" s="260">
        <v>1579770183</v>
      </c>
      <c r="CB9" s="264">
        <v>41250485</v>
      </c>
      <c r="CC9" s="263">
        <v>122275677</v>
      </c>
      <c r="CD9" s="261">
        <v>163526162</v>
      </c>
      <c r="CE9" s="262">
        <v>0</v>
      </c>
      <c r="CF9" s="263">
        <v>1526394038</v>
      </c>
      <c r="CG9" s="263">
        <v>2068540496</v>
      </c>
      <c r="CH9" s="267">
        <v>1444558858</v>
      </c>
      <c r="CI9" s="263">
        <v>922956294</v>
      </c>
      <c r="CJ9" s="263">
        <v>467318877</v>
      </c>
      <c r="CK9" s="261">
        <v>6429768563</v>
      </c>
      <c r="CL9" s="260">
        <v>6593294725</v>
      </c>
      <c r="CM9" s="255">
        <v>12989</v>
      </c>
      <c r="CN9" s="256">
        <v>0</v>
      </c>
      <c r="CO9" s="261">
        <v>12989</v>
      </c>
      <c r="CP9" s="262">
        <v>0</v>
      </c>
      <c r="CQ9" s="263">
        <v>1284303427</v>
      </c>
      <c r="CR9" s="263">
        <v>1623073856</v>
      </c>
      <c r="CS9" s="263">
        <v>1134040645</v>
      </c>
      <c r="CT9" s="263">
        <v>707283421</v>
      </c>
      <c r="CU9" s="263">
        <v>379435932</v>
      </c>
      <c r="CV9" s="268">
        <v>5128137281</v>
      </c>
      <c r="CW9" s="260">
        <v>5128150270</v>
      </c>
      <c r="CX9" s="264">
        <v>41237496</v>
      </c>
      <c r="CY9" s="263">
        <v>122275677</v>
      </c>
      <c r="CZ9" s="261">
        <v>163513173</v>
      </c>
      <c r="DA9" s="262">
        <v>0</v>
      </c>
      <c r="DB9" s="263">
        <v>242090611</v>
      </c>
      <c r="DC9" s="263">
        <v>445466640</v>
      </c>
      <c r="DD9" s="263">
        <v>310518213</v>
      </c>
      <c r="DE9" s="263">
        <v>215672873</v>
      </c>
      <c r="DF9" s="263">
        <v>87882945</v>
      </c>
      <c r="DG9" s="261">
        <v>1301631282</v>
      </c>
      <c r="DH9" s="260">
        <v>1465144455</v>
      </c>
      <c r="DI9" s="264">
        <v>1848963</v>
      </c>
      <c r="DJ9" s="263">
        <v>9688797</v>
      </c>
      <c r="DK9" s="266">
        <v>11537760</v>
      </c>
      <c r="DL9" s="262">
        <v>0</v>
      </c>
      <c r="DM9" s="263">
        <v>143308826</v>
      </c>
      <c r="DN9" s="263">
        <v>307293390</v>
      </c>
      <c r="DO9" s="263">
        <v>553548370</v>
      </c>
      <c r="DP9" s="263">
        <v>492442016</v>
      </c>
      <c r="DQ9" s="263">
        <v>269581339</v>
      </c>
      <c r="DR9" s="269">
        <v>1766173941</v>
      </c>
      <c r="DS9" s="260">
        <v>1777711701</v>
      </c>
      <c r="DT9" s="264">
        <v>1639085</v>
      </c>
      <c r="DU9" s="263">
        <v>8864579</v>
      </c>
      <c r="DV9" s="261">
        <v>10503664</v>
      </c>
      <c r="DW9" s="262">
        <v>0</v>
      </c>
      <c r="DX9" s="263">
        <v>130509784</v>
      </c>
      <c r="DY9" s="263">
        <v>270140757</v>
      </c>
      <c r="DZ9" s="263">
        <v>499246288</v>
      </c>
      <c r="EA9" s="263">
        <v>430366010</v>
      </c>
      <c r="EB9" s="263">
        <v>229948858</v>
      </c>
      <c r="EC9" s="261">
        <v>1560211697</v>
      </c>
      <c r="ED9" s="260">
        <v>1570715361</v>
      </c>
      <c r="EE9" s="264">
        <v>209878</v>
      </c>
      <c r="EF9" s="259">
        <v>824218</v>
      </c>
      <c r="EG9" s="261">
        <v>1034096</v>
      </c>
      <c r="EH9" s="265">
        <v>0</v>
      </c>
      <c r="EI9" s="263">
        <v>12799042</v>
      </c>
      <c r="EJ9" s="263">
        <v>37152633</v>
      </c>
      <c r="EK9" s="263">
        <v>54302082</v>
      </c>
      <c r="EL9" s="263">
        <v>62076006</v>
      </c>
      <c r="EM9" s="267">
        <v>39632481</v>
      </c>
      <c r="EN9" s="259">
        <v>205962244</v>
      </c>
      <c r="EO9" s="260">
        <v>206996340</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100983538</v>
      </c>
      <c r="FM9" s="263">
        <v>215169270</v>
      </c>
      <c r="FN9" s="261">
        <v>316152808</v>
      </c>
      <c r="FO9" s="262">
        <v>0</v>
      </c>
      <c r="FP9" s="263">
        <v>267234829</v>
      </c>
      <c r="FQ9" s="263">
        <v>693217003</v>
      </c>
      <c r="FR9" s="263">
        <v>481708101</v>
      </c>
      <c r="FS9" s="263">
        <v>426412301</v>
      </c>
      <c r="FT9" s="263">
        <v>313264146</v>
      </c>
      <c r="FU9" s="261">
        <v>2181836380</v>
      </c>
      <c r="FV9" s="260">
        <v>2497989188</v>
      </c>
      <c r="FW9" s="264">
        <v>59694620</v>
      </c>
      <c r="FX9" s="263">
        <v>162393859</v>
      </c>
      <c r="FY9" s="259">
        <v>222088479</v>
      </c>
      <c r="FZ9" s="265">
        <v>0</v>
      </c>
      <c r="GA9" s="263">
        <v>213589167</v>
      </c>
      <c r="GB9" s="270">
        <v>637508990</v>
      </c>
      <c r="GC9" s="263">
        <v>443919649</v>
      </c>
      <c r="GD9" s="270">
        <v>396445519</v>
      </c>
      <c r="GE9" s="263">
        <v>301204427</v>
      </c>
      <c r="GF9" s="268">
        <v>1992667752</v>
      </c>
      <c r="GG9" s="271">
        <v>2214756231</v>
      </c>
      <c r="GH9" s="272">
        <v>6190618</v>
      </c>
      <c r="GI9" s="263">
        <v>9861274</v>
      </c>
      <c r="GJ9" s="270">
        <v>16051892</v>
      </c>
      <c r="GK9" s="258">
        <v>0</v>
      </c>
      <c r="GL9" s="263">
        <v>14147149</v>
      </c>
      <c r="GM9" s="259">
        <v>19986043</v>
      </c>
      <c r="GN9" s="263">
        <v>14331017</v>
      </c>
      <c r="GO9" s="259">
        <v>12758117</v>
      </c>
      <c r="GP9" s="263">
        <v>5876999</v>
      </c>
      <c r="GQ9" s="269">
        <v>67099325</v>
      </c>
      <c r="GR9" s="260">
        <v>83151217</v>
      </c>
      <c r="GS9" s="259">
        <v>35098300</v>
      </c>
      <c r="GT9" s="263">
        <v>42914137</v>
      </c>
      <c r="GU9" s="261">
        <v>78012437</v>
      </c>
      <c r="GV9" s="259">
        <v>0</v>
      </c>
      <c r="GW9" s="263">
        <v>39498513</v>
      </c>
      <c r="GX9" s="259">
        <v>35721970</v>
      </c>
      <c r="GY9" s="263">
        <v>23457435</v>
      </c>
      <c r="GZ9" s="259">
        <v>17208665</v>
      </c>
      <c r="HA9" s="263">
        <v>6182720</v>
      </c>
      <c r="HB9" s="259">
        <v>122069303</v>
      </c>
      <c r="HC9" s="260">
        <v>200081740</v>
      </c>
      <c r="HD9" s="259">
        <v>100793308</v>
      </c>
      <c r="HE9" s="263">
        <v>134365602</v>
      </c>
      <c r="HF9" s="259">
        <v>235158910</v>
      </c>
      <c r="HG9" s="265">
        <v>0</v>
      </c>
      <c r="HH9" s="263">
        <v>1120107532</v>
      </c>
      <c r="HI9" s="270">
        <v>1168314425</v>
      </c>
      <c r="HJ9" s="263">
        <v>1107381345</v>
      </c>
      <c r="HK9" s="270">
        <v>1363025733</v>
      </c>
      <c r="HL9" s="263">
        <v>847051918</v>
      </c>
      <c r="HM9" s="268">
        <v>5605880953</v>
      </c>
      <c r="HN9" s="259">
        <v>5841039863</v>
      </c>
      <c r="HO9" s="272">
        <v>75972257</v>
      </c>
      <c r="HP9" s="263">
        <v>151435145</v>
      </c>
      <c r="HQ9" s="268">
        <v>227407402</v>
      </c>
      <c r="HR9" s="259">
        <v>0</v>
      </c>
      <c r="HS9" s="263">
        <v>928766839</v>
      </c>
      <c r="HT9" s="259">
        <v>1009019433</v>
      </c>
      <c r="HU9" s="263">
        <v>639342500</v>
      </c>
      <c r="HV9" s="259">
        <v>435724853</v>
      </c>
      <c r="HW9" s="263">
        <v>264682759</v>
      </c>
      <c r="HX9" s="259">
        <v>3277536384</v>
      </c>
      <c r="HY9" s="260">
        <v>3504943786</v>
      </c>
      <c r="HZ9" s="273">
        <v>8826447</v>
      </c>
      <c r="IA9" s="274">
        <v>31908315</v>
      </c>
      <c r="IB9" s="275">
        <v>40734762</v>
      </c>
      <c r="IC9" s="276">
        <v>0</v>
      </c>
      <c r="ID9" s="274">
        <v>1754569302</v>
      </c>
      <c r="IE9" s="277">
        <v>2394844954</v>
      </c>
      <c r="IF9" s="278">
        <v>2505923304</v>
      </c>
      <c r="IG9" s="274">
        <v>1873754841</v>
      </c>
      <c r="IH9" s="278">
        <v>1316528912</v>
      </c>
      <c r="II9" s="279">
        <v>9845621313</v>
      </c>
      <c r="IJ9" s="280">
        <v>9886356075</v>
      </c>
      <c r="IK9" s="281">
        <v>0</v>
      </c>
      <c r="IL9" s="282">
        <v>0</v>
      </c>
      <c r="IM9" s="283">
        <v>0</v>
      </c>
      <c r="IN9" s="406">
        <v>0</v>
      </c>
      <c r="IO9" s="284">
        <v>24001037</v>
      </c>
      <c r="IP9" s="284">
        <v>50154383</v>
      </c>
      <c r="IQ9" s="284">
        <v>69622093</v>
      </c>
      <c r="IR9" s="284">
        <v>109769274</v>
      </c>
      <c r="IS9" s="284">
        <v>110610855</v>
      </c>
      <c r="IT9" s="285">
        <v>364157642</v>
      </c>
      <c r="IU9" s="286">
        <v>364157642</v>
      </c>
      <c r="IV9" s="287">
        <v>0</v>
      </c>
      <c r="IW9" s="284">
        <v>0</v>
      </c>
      <c r="IX9" s="288">
        <v>0</v>
      </c>
      <c r="IY9" s="412">
        <v>0</v>
      </c>
      <c r="IZ9" s="284">
        <v>3661857</v>
      </c>
      <c r="JA9" s="284">
        <v>9963318</v>
      </c>
      <c r="JB9" s="284">
        <v>11616314</v>
      </c>
      <c r="JC9" s="284">
        <v>12874702</v>
      </c>
      <c r="JD9" s="284">
        <v>17891971</v>
      </c>
      <c r="JE9" s="288">
        <v>56008162</v>
      </c>
      <c r="JF9" s="289">
        <v>56008162</v>
      </c>
      <c r="JG9" s="287">
        <v>0</v>
      </c>
      <c r="JH9" s="284">
        <v>0</v>
      </c>
      <c r="JI9" s="285">
        <v>0</v>
      </c>
      <c r="JJ9" s="290">
        <v>0</v>
      </c>
      <c r="JK9" s="284">
        <v>682551456</v>
      </c>
      <c r="JL9" s="284">
        <v>843047585</v>
      </c>
      <c r="JM9" s="284">
        <v>614200107</v>
      </c>
      <c r="JN9" s="284">
        <v>370186488</v>
      </c>
      <c r="JO9" s="284">
        <v>185128246</v>
      </c>
      <c r="JP9" s="288">
        <v>2695113882</v>
      </c>
      <c r="JQ9" s="286">
        <v>2695113882</v>
      </c>
      <c r="JR9" s="287">
        <v>211408</v>
      </c>
      <c r="JS9" s="284">
        <v>503472</v>
      </c>
      <c r="JT9" s="285">
        <v>714880</v>
      </c>
      <c r="JU9" s="290">
        <v>0</v>
      </c>
      <c r="JV9" s="284">
        <v>72377451</v>
      </c>
      <c r="JW9" s="284">
        <v>108668893</v>
      </c>
      <c r="JX9" s="284">
        <v>159830251</v>
      </c>
      <c r="JY9" s="284">
        <v>95032665</v>
      </c>
      <c r="JZ9" s="284">
        <v>75587915</v>
      </c>
      <c r="KA9" s="288">
        <v>511497175</v>
      </c>
      <c r="KB9" s="286">
        <v>512212055</v>
      </c>
      <c r="KC9" s="291">
        <v>8615039</v>
      </c>
      <c r="KD9" s="292">
        <v>23624848</v>
      </c>
      <c r="KE9" s="288">
        <v>32239887</v>
      </c>
      <c r="KF9" s="290">
        <v>0</v>
      </c>
      <c r="KG9" s="284">
        <v>213730028</v>
      </c>
      <c r="KH9" s="284">
        <v>328629045</v>
      </c>
      <c r="KI9" s="284">
        <v>359338878</v>
      </c>
      <c r="KJ9" s="284">
        <v>280318571</v>
      </c>
      <c r="KK9" s="284">
        <v>185082712</v>
      </c>
      <c r="KL9" s="288">
        <v>1367099234</v>
      </c>
      <c r="KM9" s="293">
        <v>1399339121</v>
      </c>
      <c r="KN9" s="281">
        <v>0</v>
      </c>
      <c r="KO9" s="282">
        <v>7779995</v>
      </c>
      <c r="KP9" s="283">
        <v>7779995</v>
      </c>
      <c r="KQ9" s="412">
        <v>0</v>
      </c>
      <c r="KR9" s="284">
        <v>715165431</v>
      </c>
      <c r="KS9" s="284">
        <v>966186805</v>
      </c>
      <c r="KT9" s="284">
        <v>1115458141</v>
      </c>
      <c r="KU9" s="284">
        <v>739128349</v>
      </c>
      <c r="KV9" s="284">
        <v>483534665</v>
      </c>
      <c r="KW9" s="288">
        <v>4019473391</v>
      </c>
      <c r="KX9" s="286">
        <v>4027253386</v>
      </c>
      <c r="KY9" s="287">
        <v>0</v>
      </c>
      <c r="KZ9" s="284">
        <v>0</v>
      </c>
      <c r="LA9" s="288">
        <v>0</v>
      </c>
      <c r="LB9" s="412">
        <v>0</v>
      </c>
      <c r="LC9" s="284">
        <v>7922339</v>
      </c>
      <c r="LD9" s="284">
        <v>9453905</v>
      </c>
      <c r="LE9" s="284">
        <v>15224331</v>
      </c>
      <c r="LF9" s="284">
        <v>18418881</v>
      </c>
      <c r="LG9" s="284">
        <v>14945699</v>
      </c>
      <c r="LH9" s="288">
        <v>65965155</v>
      </c>
      <c r="LI9" s="289">
        <v>65965155</v>
      </c>
      <c r="LJ9" s="287">
        <v>0</v>
      </c>
      <c r="LK9" s="284">
        <v>0</v>
      </c>
      <c r="LL9" s="288">
        <v>0</v>
      </c>
      <c r="LM9" s="412">
        <v>0</v>
      </c>
      <c r="LN9" s="284">
        <v>1231369</v>
      </c>
      <c r="LO9" s="284">
        <v>9196710</v>
      </c>
      <c r="LP9" s="284">
        <v>66154006</v>
      </c>
      <c r="LQ9" s="284">
        <v>117076334</v>
      </c>
      <c r="LR9" s="284">
        <v>77047296</v>
      </c>
      <c r="LS9" s="288">
        <v>270705715</v>
      </c>
      <c r="LT9" s="286">
        <v>270705715</v>
      </c>
      <c r="LU9" s="287">
        <v>0</v>
      </c>
      <c r="LV9" s="284">
        <v>0</v>
      </c>
      <c r="LW9" s="288">
        <v>0</v>
      </c>
      <c r="LX9" s="412">
        <v>0</v>
      </c>
      <c r="LY9" s="284">
        <v>33928334</v>
      </c>
      <c r="LZ9" s="284">
        <v>69544310</v>
      </c>
      <c r="MA9" s="284">
        <v>94479183</v>
      </c>
      <c r="MB9" s="284">
        <v>130949577</v>
      </c>
      <c r="MC9" s="284">
        <v>166699553</v>
      </c>
      <c r="MD9" s="288">
        <v>495600957</v>
      </c>
      <c r="ME9" s="289">
        <v>495600957</v>
      </c>
      <c r="MF9" s="287">
        <v>0</v>
      </c>
      <c r="MG9" s="284">
        <v>0</v>
      </c>
      <c r="MH9" s="288">
        <v>0</v>
      </c>
      <c r="MI9" s="412">
        <v>0</v>
      </c>
      <c r="MJ9" s="284">
        <v>566980457</v>
      </c>
      <c r="MK9" s="284">
        <v>1438683481</v>
      </c>
      <c r="ML9" s="284">
        <v>4420157877</v>
      </c>
      <c r="MM9" s="284">
        <v>6652917317</v>
      </c>
      <c r="MN9" s="284">
        <v>4444885283</v>
      </c>
      <c r="MO9" s="288">
        <v>17523624415</v>
      </c>
      <c r="MP9" s="293">
        <v>17523624415</v>
      </c>
      <c r="MQ9" s="287">
        <v>0</v>
      </c>
      <c r="MR9" s="284">
        <v>0</v>
      </c>
      <c r="MS9" s="288">
        <v>0</v>
      </c>
      <c r="MT9" s="412">
        <v>0</v>
      </c>
      <c r="MU9" s="284">
        <v>115293720</v>
      </c>
      <c r="MV9" s="284">
        <v>443385997</v>
      </c>
      <c r="MW9" s="284">
        <v>2855444514</v>
      </c>
      <c r="MX9" s="284">
        <v>4522135107</v>
      </c>
      <c r="MY9" s="284">
        <v>3192358601</v>
      </c>
      <c r="MZ9" s="288">
        <v>11128617939</v>
      </c>
      <c r="NA9" s="293">
        <v>11128617939</v>
      </c>
      <c r="NB9" s="287">
        <v>0</v>
      </c>
      <c r="NC9" s="284">
        <v>0</v>
      </c>
      <c r="ND9" s="288">
        <v>0</v>
      </c>
      <c r="NE9" s="412">
        <v>0</v>
      </c>
      <c r="NF9" s="284">
        <v>447865405</v>
      </c>
      <c r="NG9" s="284">
        <v>989531088</v>
      </c>
      <c r="NH9" s="284">
        <v>1540360391</v>
      </c>
      <c r="NI9" s="284">
        <v>1975554243</v>
      </c>
      <c r="NJ9" s="284">
        <v>1048921415</v>
      </c>
      <c r="NK9" s="288">
        <v>6002232542</v>
      </c>
      <c r="NL9" s="286">
        <v>6002232542</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3821332</v>
      </c>
      <c r="OC9" s="284">
        <v>5766396</v>
      </c>
      <c r="OD9" s="284">
        <v>24352972</v>
      </c>
      <c r="OE9" s="284">
        <v>155227967</v>
      </c>
      <c r="OF9" s="284">
        <v>203605267</v>
      </c>
      <c r="OG9" s="288">
        <v>392773934</v>
      </c>
      <c r="OH9" s="289">
        <v>392773934</v>
      </c>
      <c r="OI9" s="287">
        <v>436411466</v>
      </c>
      <c r="OJ9" s="284">
        <v>953971641</v>
      </c>
      <c r="OK9" s="285">
        <v>1390383107</v>
      </c>
      <c r="OL9" s="290">
        <v>0</v>
      </c>
      <c r="OM9" s="284">
        <v>7905925588</v>
      </c>
      <c r="ON9" s="284">
        <v>11637796918</v>
      </c>
      <c r="OO9" s="284">
        <v>13318777679</v>
      </c>
      <c r="OP9" s="284">
        <v>14526289025</v>
      </c>
      <c r="OQ9" s="284">
        <v>10249096460</v>
      </c>
      <c r="OR9" s="288">
        <v>57637885670</v>
      </c>
      <c r="OS9" s="293">
        <v>59028268777</v>
      </c>
    </row>
    <row r="10" spans="1:409" s="407" customFormat="1" ht="21" customHeight="1" x14ac:dyDescent="0.2">
      <c r="A10" s="70"/>
      <c r="B10" s="409" t="s">
        <v>5</v>
      </c>
      <c r="C10" s="295">
        <v>166705232</v>
      </c>
      <c r="D10" s="296">
        <v>442088403</v>
      </c>
      <c r="E10" s="297">
        <v>608793635</v>
      </c>
      <c r="F10" s="298">
        <v>0</v>
      </c>
      <c r="G10" s="296">
        <v>1902215549</v>
      </c>
      <c r="H10" s="296">
        <v>3512712743</v>
      </c>
      <c r="I10" s="296">
        <v>2627377292</v>
      </c>
      <c r="J10" s="296">
        <v>2410900295</v>
      </c>
      <c r="K10" s="296">
        <v>1818742100</v>
      </c>
      <c r="L10" s="298">
        <v>12271947979</v>
      </c>
      <c r="M10" s="299">
        <v>12880741614</v>
      </c>
      <c r="N10" s="295">
        <v>45054212</v>
      </c>
      <c r="O10" s="296">
        <v>154997893</v>
      </c>
      <c r="P10" s="297">
        <v>200052105</v>
      </c>
      <c r="Q10" s="295">
        <v>0</v>
      </c>
      <c r="R10" s="296">
        <v>554063917</v>
      </c>
      <c r="S10" s="296">
        <v>1200188342</v>
      </c>
      <c r="T10" s="296">
        <v>901737261</v>
      </c>
      <c r="U10" s="296">
        <v>922854435</v>
      </c>
      <c r="V10" s="296">
        <v>942095338</v>
      </c>
      <c r="W10" s="297">
        <v>4520939293</v>
      </c>
      <c r="X10" s="299">
        <v>4720991398</v>
      </c>
      <c r="Y10" s="295">
        <v>0</v>
      </c>
      <c r="Z10" s="296">
        <v>0</v>
      </c>
      <c r="AA10" s="297">
        <v>0</v>
      </c>
      <c r="AB10" s="295">
        <v>0</v>
      </c>
      <c r="AC10" s="296">
        <v>246173427</v>
      </c>
      <c r="AD10" s="296">
        <v>544818498</v>
      </c>
      <c r="AE10" s="296">
        <v>451653905</v>
      </c>
      <c r="AF10" s="296">
        <v>499745094</v>
      </c>
      <c r="AG10" s="296">
        <v>520642296</v>
      </c>
      <c r="AH10" s="297">
        <v>2263033220</v>
      </c>
      <c r="AI10" s="299">
        <v>2263033220</v>
      </c>
      <c r="AJ10" s="295">
        <v>27862</v>
      </c>
      <c r="AK10" s="296">
        <v>592040</v>
      </c>
      <c r="AL10" s="297">
        <v>619902</v>
      </c>
      <c r="AM10" s="295">
        <v>0</v>
      </c>
      <c r="AN10" s="296">
        <v>897907</v>
      </c>
      <c r="AO10" s="296">
        <v>7562730</v>
      </c>
      <c r="AP10" s="296">
        <v>19531502</v>
      </c>
      <c r="AQ10" s="296">
        <v>53687602</v>
      </c>
      <c r="AR10" s="296">
        <v>114510996</v>
      </c>
      <c r="AS10" s="297">
        <v>196190737</v>
      </c>
      <c r="AT10" s="299">
        <v>196810639</v>
      </c>
      <c r="AU10" s="295">
        <v>27178625</v>
      </c>
      <c r="AV10" s="296">
        <v>114989340</v>
      </c>
      <c r="AW10" s="297">
        <v>142167965</v>
      </c>
      <c r="AX10" s="295">
        <v>0</v>
      </c>
      <c r="AY10" s="296">
        <v>191443562</v>
      </c>
      <c r="AZ10" s="296">
        <v>463421720</v>
      </c>
      <c r="BA10" s="296">
        <v>283107933</v>
      </c>
      <c r="BB10" s="296">
        <v>227190912</v>
      </c>
      <c r="BC10" s="296">
        <v>201737621</v>
      </c>
      <c r="BD10" s="297">
        <v>1366901748</v>
      </c>
      <c r="BE10" s="299">
        <v>1509069713</v>
      </c>
      <c r="BF10" s="295">
        <v>2216582</v>
      </c>
      <c r="BG10" s="296">
        <v>14110178</v>
      </c>
      <c r="BH10" s="300">
        <v>16326760</v>
      </c>
      <c r="BI10" s="301">
        <v>0</v>
      </c>
      <c r="BJ10" s="296">
        <v>11226594</v>
      </c>
      <c r="BK10" s="296">
        <v>29391225</v>
      </c>
      <c r="BL10" s="296">
        <v>19291953</v>
      </c>
      <c r="BM10" s="296">
        <v>14946271</v>
      </c>
      <c r="BN10" s="296">
        <v>10252052</v>
      </c>
      <c r="BO10" s="297">
        <v>85108095</v>
      </c>
      <c r="BP10" s="299">
        <v>101434855</v>
      </c>
      <c r="BQ10" s="295">
        <v>15631143</v>
      </c>
      <c r="BR10" s="296">
        <v>25306335</v>
      </c>
      <c r="BS10" s="297">
        <v>40937478</v>
      </c>
      <c r="BT10" s="295">
        <v>0</v>
      </c>
      <c r="BU10" s="296">
        <v>104322427</v>
      </c>
      <c r="BV10" s="296">
        <v>154994169</v>
      </c>
      <c r="BW10" s="296">
        <v>128151968</v>
      </c>
      <c r="BX10" s="296">
        <v>127284556</v>
      </c>
      <c r="BY10" s="296">
        <v>94952373</v>
      </c>
      <c r="BZ10" s="297">
        <v>609705493</v>
      </c>
      <c r="CA10" s="299">
        <v>650642971</v>
      </c>
      <c r="CB10" s="295">
        <v>17799947</v>
      </c>
      <c r="CC10" s="296">
        <v>55960219</v>
      </c>
      <c r="CD10" s="297">
        <v>73760166</v>
      </c>
      <c r="CE10" s="295">
        <v>0</v>
      </c>
      <c r="CF10" s="296">
        <v>475728770</v>
      </c>
      <c r="CG10" s="296">
        <v>860930687</v>
      </c>
      <c r="CH10" s="296">
        <v>543680017</v>
      </c>
      <c r="CI10" s="296">
        <v>340513480</v>
      </c>
      <c r="CJ10" s="296">
        <v>169733918</v>
      </c>
      <c r="CK10" s="297">
        <v>2390586872</v>
      </c>
      <c r="CL10" s="299">
        <v>2464347038</v>
      </c>
      <c r="CM10" s="295">
        <v>12989</v>
      </c>
      <c r="CN10" s="296">
        <v>0</v>
      </c>
      <c r="CO10" s="297">
        <v>12989</v>
      </c>
      <c r="CP10" s="301">
        <v>0</v>
      </c>
      <c r="CQ10" s="296">
        <v>405497544</v>
      </c>
      <c r="CR10" s="296">
        <v>661217796</v>
      </c>
      <c r="CS10" s="296">
        <v>404744484</v>
      </c>
      <c r="CT10" s="296">
        <v>242160231</v>
      </c>
      <c r="CU10" s="296">
        <v>132831801</v>
      </c>
      <c r="CV10" s="297">
        <v>1846451856</v>
      </c>
      <c r="CW10" s="299">
        <v>1846464845</v>
      </c>
      <c r="CX10" s="295">
        <v>17786958</v>
      </c>
      <c r="CY10" s="296">
        <v>55960219</v>
      </c>
      <c r="CZ10" s="297">
        <v>73747177</v>
      </c>
      <c r="DA10" s="295">
        <v>0</v>
      </c>
      <c r="DB10" s="296">
        <v>70231226</v>
      </c>
      <c r="DC10" s="296">
        <v>199712891</v>
      </c>
      <c r="DD10" s="296">
        <v>138935533</v>
      </c>
      <c r="DE10" s="296">
        <v>98353249</v>
      </c>
      <c r="DF10" s="296">
        <v>36902117</v>
      </c>
      <c r="DG10" s="297">
        <v>544135016</v>
      </c>
      <c r="DH10" s="299">
        <v>617882193</v>
      </c>
      <c r="DI10" s="295">
        <v>606598</v>
      </c>
      <c r="DJ10" s="296">
        <v>3983774</v>
      </c>
      <c r="DK10" s="300">
        <v>4590372</v>
      </c>
      <c r="DL10" s="301">
        <v>0</v>
      </c>
      <c r="DM10" s="296">
        <v>48727391</v>
      </c>
      <c r="DN10" s="296">
        <v>122923350</v>
      </c>
      <c r="DO10" s="296">
        <v>226965295</v>
      </c>
      <c r="DP10" s="296">
        <v>193743044</v>
      </c>
      <c r="DQ10" s="296">
        <v>114091523</v>
      </c>
      <c r="DR10" s="297">
        <v>706450603</v>
      </c>
      <c r="DS10" s="299">
        <v>711040975</v>
      </c>
      <c r="DT10" s="295">
        <v>511883</v>
      </c>
      <c r="DU10" s="296">
        <v>3585172</v>
      </c>
      <c r="DV10" s="297">
        <v>4097055</v>
      </c>
      <c r="DW10" s="295">
        <v>0</v>
      </c>
      <c r="DX10" s="296">
        <v>42484088</v>
      </c>
      <c r="DY10" s="296">
        <v>102390386</v>
      </c>
      <c r="DZ10" s="296">
        <v>193691724</v>
      </c>
      <c r="EA10" s="296">
        <v>155866160</v>
      </c>
      <c r="EB10" s="296">
        <v>90372059</v>
      </c>
      <c r="EC10" s="297">
        <v>584804417</v>
      </c>
      <c r="ED10" s="299">
        <v>588901472</v>
      </c>
      <c r="EE10" s="295">
        <v>94715</v>
      </c>
      <c r="EF10" s="300">
        <v>398602</v>
      </c>
      <c r="EG10" s="297">
        <v>493317</v>
      </c>
      <c r="EH10" s="295">
        <v>0</v>
      </c>
      <c r="EI10" s="296">
        <v>6243303</v>
      </c>
      <c r="EJ10" s="296">
        <v>20532964</v>
      </c>
      <c r="EK10" s="296">
        <v>33273571</v>
      </c>
      <c r="EL10" s="296">
        <v>37876884</v>
      </c>
      <c r="EM10" s="296">
        <v>23719464</v>
      </c>
      <c r="EN10" s="300">
        <v>121646186</v>
      </c>
      <c r="EO10" s="299">
        <v>122139503</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4162935</v>
      </c>
      <c r="FM10" s="296">
        <v>95224378</v>
      </c>
      <c r="FN10" s="297">
        <v>129387313</v>
      </c>
      <c r="FO10" s="295">
        <v>0</v>
      </c>
      <c r="FP10" s="296">
        <v>73381301</v>
      </c>
      <c r="FQ10" s="296">
        <v>302492447</v>
      </c>
      <c r="FR10" s="296">
        <v>195661646</v>
      </c>
      <c r="FS10" s="296">
        <v>166592219</v>
      </c>
      <c r="FT10" s="296">
        <v>126628502</v>
      </c>
      <c r="FU10" s="297">
        <v>864756115</v>
      </c>
      <c r="FV10" s="299">
        <v>994143428</v>
      </c>
      <c r="FW10" s="302">
        <v>18348111</v>
      </c>
      <c r="FX10" s="296">
        <v>68688137</v>
      </c>
      <c r="FY10" s="300">
        <v>87036248</v>
      </c>
      <c r="FZ10" s="301">
        <v>0</v>
      </c>
      <c r="GA10" s="296">
        <v>54855830</v>
      </c>
      <c r="GB10" s="296">
        <v>276473187</v>
      </c>
      <c r="GC10" s="296">
        <v>180698450</v>
      </c>
      <c r="GD10" s="296">
        <v>153265383</v>
      </c>
      <c r="GE10" s="296">
        <v>120697909</v>
      </c>
      <c r="GF10" s="297">
        <v>785990759</v>
      </c>
      <c r="GG10" s="303">
        <v>873027007</v>
      </c>
      <c r="GH10" s="302">
        <v>2040435</v>
      </c>
      <c r="GI10" s="296">
        <v>4558046</v>
      </c>
      <c r="GJ10" s="300">
        <v>6598481</v>
      </c>
      <c r="GK10" s="301">
        <v>0</v>
      </c>
      <c r="GL10" s="296">
        <v>4380152</v>
      </c>
      <c r="GM10" s="296">
        <v>9228365</v>
      </c>
      <c r="GN10" s="296">
        <v>5564033</v>
      </c>
      <c r="GO10" s="296">
        <v>5171767</v>
      </c>
      <c r="GP10" s="296">
        <v>2715212</v>
      </c>
      <c r="GQ10" s="297">
        <v>27059529</v>
      </c>
      <c r="GR10" s="299">
        <v>33658010</v>
      </c>
      <c r="GS10" s="295">
        <v>13774389</v>
      </c>
      <c r="GT10" s="296">
        <v>21978195</v>
      </c>
      <c r="GU10" s="297">
        <v>35752584</v>
      </c>
      <c r="GV10" s="295">
        <v>0</v>
      </c>
      <c r="GW10" s="296">
        <v>14145319</v>
      </c>
      <c r="GX10" s="296">
        <v>16790895</v>
      </c>
      <c r="GY10" s="296">
        <v>9399163</v>
      </c>
      <c r="GZ10" s="296">
        <v>8155069</v>
      </c>
      <c r="HA10" s="296">
        <v>3215381</v>
      </c>
      <c r="HB10" s="300">
        <v>51705827</v>
      </c>
      <c r="HC10" s="299">
        <v>87458411</v>
      </c>
      <c r="HD10" s="295">
        <v>41716372</v>
      </c>
      <c r="HE10" s="296">
        <v>64169670</v>
      </c>
      <c r="HF10" s="300">
        <v>105886042</v>
      </c>
      <c r="HG10" s="301">
        <v>0</v>
      </c>
      <c r="HH10" s="296">
        <v>445707493</v>
      </c>
      <c r="HI10" s="296">
        <v>560234204</v>
      </c>
      <c r="HJ10" s="296">
        <v>486740684</v>
      </c>
      <c r="HK10" s="296">
        <v>607772210</v>
      </c>
      <c r="HL10" s="296">
        <v>356353973</v>
      </c>
      <c r="HM10" s="297">
        <v>2456808564</v>
      </c>
      <c r="HN10" s="298">
        <v>2562694606</v>
      </c>
      <c r="HO10" s="302">
        <v>27365168</v>
      </c>
      <c r="HP10" s="296">
        <v>67752469</v>
      </c>
      <c r="HQ10" s="297">
        <v>95117637</v>
      </c>
      <c r="HR10" s="295">
        <v>0</v>
      </c>
      <c r="HS10" s="296">
        <v>304606677</v>
      </c>
      <c r="HT10" s="296">
        <v>465943713</v>
      </c>
      <c r="HU10" s="296">
        <v>272592389</v>
      </c>
      <c r="HV10" s="296">
        <v>179424907</v>
      </c>
      <c r="HW10" s="296">
        <v>109838846</v>
      </c>
      <c r="HX10" s="300">
        <v>1332406532</v>
      </c>
      <c r="HY10" s="299">
        <v>1427524169</v>
      </c>
      <c r="HZ10" s="304">
        <v>3241051</v>
      </c>
      <c r="IA10" s="305">
        <v>12891020</v>
      </c>
      <c r="IB10" s="306">
        <v>16132071</v>
      </c>
      <c r="IC10" s="307">
        <v>0</v>
      </c>
      <c r="ID10" s="308">
        <v>692745599</v>
      </c>
      <c r="IE10" s="309">
        <v>1072797486</v>
      </c>
      <c r="IF10" s="310">
        <v>1066412167</v>
      </c>
      <c r="IG10" s="308">
        <v>776352293</v>
      </c>
      <c r="IH10" s="310">
        <v>571989089</v>
      </c>
      <c r="II10" s="311">
        <v>4180296634</v>
      </c>
      <c r="IJ10" s="312">
        <v>4196428705</v>
      </c>
      <c r="IK10" s="313">
        <v>0</v>
      </c>
      <c r="IL10" s="314">
        <v>0</v>
      </c>
      <c r="IM10" s="315">
        <v>0</v>
      </c>
      <c r="IN10" s="403">
        <v>0</v>
      </c>
      <c r="IO10" s="316">
        <v>10351591</v>
      </c>
      <c r="IP10" s="316">
        <v>22973974</v>
      </c>
      <c r="IQ10" s="316">
        <v>36007030</v>
      </c>
      <c r="IR10" s="316">
        <v>52810000</v>
      </c>
      <c r="IS10" s="316">
        <v>50737145</v>
      </c>
      <c r="IT10" s="317">
        <v>172879740</v>
      </c>
      <c r="IU10" s="318">
        <v>172879740</v>
      </c>
      <c r="IV10" s="319">
        <v>0</v>
      </c>
      <c r="IW10" s="316">
        <v>0</v>
      </c>
      <c r="IX10" s="320">
        <v>0</v>
      </c>
      <c r="IY10" s="413">
        <v>0</v>
      </c>
      <c r="IZ10" s="316">
        <v>1934648</v>
      </c>
      <c r="JA10" s="316">
        <v>7294071</v>
      </c>
      <c r="JB10" s="316">
        <v>8658609</v>
      </c>
      <c r="JC10" s="316">
        <v>9597820</v>
      </c>
      <c r="JD10" s="316">
        <v>14253538</v>
      </c>
      <c r="JE10" s="320">
        <v>41738686</v>
      </c>
      <c r="JF10" s="321">
        <v>41738686</v>
      </c>
      <c r="JG10" s="319">
        <v>0</v>
      </c>
      <c r="JH10" s="316">
        <v>0</v>
      </c>
      <c r="JI10" s="317">
        <v>0</v>
      </c>
      <c r="JJ10" s="322">
        <v>0</v>
      </c>
      <c r="JK10" s="316">
        <v>236140422</v>
      </c>
      <c r="JL10" s="316">
        <v>392657928</v>
      </c>
      <c r="JM10" s="316">
        <v>287476510</v>
      </c>
      <c r="JN10" s="316">
        <v>165865953</v>
      </c>
      <c r="JO10" s="316">
        <v>86116979</v>
      </c>
      <c r="JP10" s="320">
        <v>1168257792</v>
      </c>
      <c r="JQ10" s="318">
        <v>1168257792</v>
      </c>
      <c r="JR10" s="319">
        <v>90428</v>
      </c>
      <c r="JS10" s="316">
        <v>100062</v>
      </c>
      <c r="JT10" s="317">
        <v>190490</v>
      </c>
      <c r="JU10" s="322">
        <v>0</v>
      </c>
      <c r="JV10" s="316">
        <v>37268667</v>
      </c>
      <c r="JW10" s="316">
        <v>58067923</v>
      </c>
      <c r="JX10" s="316">
        <v>82958581</v>
      </c>
      <c r="JY10" s="316">
        <v>53084262</v>
      </c>
      <c r="JZ10" s="316">
        <v>40750196</v>
      </c>
      <c r="KA10" s="320">
        <v>272129629</v>
      </c>
      <c r="KB10" s="318">
        <v>272320119</v>
      </c>
      <c r="KC10" s="323">
        <v>3150623</v>
      </c>
      <c r="KD10" s="324">
        <v>8873601</v>
      </c>
      <c r="KE10" s="320">
        <v>12024224</v>
      </c>
      <c r="KF10" s="322">
        <v>0</v>
      </c>
      <c r="KG10" s="316">
        <v>79855610</v>
      </c>
      <c r="KH10" s="316">
        <v>150592423</v>
      </c>
      <c r="KI10" s="316">
        <v>143569091</v>
      </c>
      <c r="KJ10" s="316">
        <v>127252752</v>
      </c>
      <c r="KK10" s="316">
        <v>83052541</v>
      </c>
      <c r="KL10" s="320">
        <v>584322417</v>
      </c>
      <c r="KM10" s="325">
        <v>596346641</v>
      </c>
      <c r="KN10" s="313">
        <v>0</v>
      </c>
      <c r="KO10" s="314">
        <v>3917357</v>
      </c>
      <c r="KP10" s="315">
        <v>3917357</v>
      </c>
      <c r="KQ10" s="413">
        <v>0</v>
      </c>
      <c r="KR10" s="316">
        <v>324160270</v>
      </c>
      <c r="KS10" s="316">
        <v>421072580</v>
      </c>
      <c r="KT10" s="316">
        <v>481066231</v>
      </c>
      <c r="KU10" s="316">
        <v>315999703</v>
      </c>
      <c r="KV10" s="316">
        <v>220596564</v>
      </c>
      <c r="KW10" s="320">
        <v>1762895348</v>
      </c>
      <c r="KX10" s="318">
        <v>1766812705</v>
      </c>
      <c r="KY10" s="319">
        <v>0</v>
      </c>
      <c r="KZ10" s="316">
        <v>0</v>
      </c>
      <c r="LA10" s="320">
        <v>0</v>
      </c>
      <c r="LB10" s="413">
        <v>0</v>
      </c>
      <c r="LC10" s="316">
        <v>0</v>
      </c>
      <c r="LD10" s="316">
        <v>397400</v>
      </c>
      <c r="LE10" s="316">
        <v>886684</v>
      </c>
      <c r="LF10" s="316">
        <v>593002</v>
      </c>
      <c r="LG10" s="316">
        <v>898792</v>
      </c>
      <c r="LH10" s="320">
        <v>2775878</v>
      </c>
      <c r="LI10" s="321">
        <v>2775878</v>
      </c>
      <c r="LJ10" s="319">
        <v>0</v>
      </c>
      <c r="LK10" s="316">
        <v>0</v>
      </c>
      <c r="LL10" s="320">
        <v>0</v>
      </c>
      <c r="LM10" s="413">
        <v>0</v>
      </c>
      <c r="LN10" s="316">
        <v>779358</v>
      </c>
      <c r="LO10" s="316">
        <v>3362372</v>
      </c>
      <c r="LP10" s="316">
        <v>6834341</v>
      </c>
      <c r="LQ10" s="316">
        <v>14533940</v>
      </c>
      <c r="LR10" s="316">
        <v>10928137</v>
      </c>
      <c r="LS10" s="320">
        <v>36438148</v>
      </c>
      <c r="LT10" s="318">
        <v>36438148</v>
      </c>
      <c r="LU10" s="319">
        <v>0</v>
      </c>
      <c r="LV10" s="316">
        <v>0</v>
      </c>
      <c r="LW10" s="320">
        <v>0</v>
      </c>
      <c r="LX10" s="413">
        <v>0</v>
      </c>
      <c r="LY10" s="316">
        <v>2255033</v>
      </c>
      <c r="LZ10" s="316">
        <v>16378815</v>
      </c>
      <c r="MA10" s="316">
        <v>18955090</v>
      </c>
      <c r="MB10" s="316">
        <v>36614861</v>
      </c>
      <c r="MC10" s="316">
        <v>64655197</v>
      </c>
      <c r="MD10" s="320">
        <v>138858996</v>
      </c>
      <c r="ME10" s="321">
        <v>138858996</v>
      </c>
      <c r="MF10" s="319">
        <v>0</v>
      </c>
      <c r="MG10" s="316">
        <v>0</v>
      </c>
      <c r="MH10" s="320">
        <v>0</v>
      </c>
      <c r="MI10" s="413">
        <v>0</v>
      </c>
      <c r="MJ10" s="316">
        <v>241389634</v>
      </c>
      <c r="MK10" s="316">
        <v>743170423</v>
      </c>
      <c r="ML10" s="316">
        <v>1949240944</v>
      </c>
      <c r="MM10" s="316">
        <v>2813077287</v>
      </c>
      <c r="MN10" s="316">
        <v>1884503930</v>
      </c>
      <c r="MO10" s="320">
        <v>7631382218</v>
      </c>
      <c r="MP10" s="325">
        <v>7631382218</v>
      </c>
      <c r="MQ10" s="319">
        <v>0</v>
      </c>
      <c r="MR10" s="316">
        <v>0</v>
      </c>
      <c r="MS10" s="320">
        <v>0</v>
      </c>
      <c r="MT10" s="413">
        <v>0</v>
      </c>
      <c r="MU10" s="316">
        <v>66450187</v>
      </c>
      <c r="MV10" s="316">
        <v>299720566</v>
      </c>
      <c r="MW10" s="316">
        <v>1262783653</v>
      </c>
      <c r="MX10" s="316">
        <v>1866581886</v>
      </c>
      <c r="MY10" s="316">
        <v>1338387507</v>
      </c>
      <c r="MZ10" s="320">
        <v>4833923799</v>
      </c>
      <c r="NA10" s="325">
        <v>4833923799</v>
      </c>
      <c r="NB10" s="319">
        <v>0</v>
      </c>
      <c r="NC10" s="316">
        <v>0</v>
      </c>
      <c r="ND10" s="320">
        <v>0</v>
      </c>
      <c r="NE10" s="413">
        <v>0</v>
      </c>
      <c r="NF10" s="316">
        <v>174477746</v>
      </c>
      <c r="NG10" s="316">
        <v>443091366</v>
      </c>
      <c r="NH10" s="316">
        <v>681958612</v>
      </c>
      <c r="NI10" s="316">
        <v>903484488</v>
      </c>
      <c r="NJ10" s="316">
        <v>495373019</v>
      </c>
      <c r="NK10" s="320">
        <v>2698385231</v>
      </c>
      <c r="NL10" s="318">
        <v>2698385231</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461701</v>
      </c>
      <c r="OC10" s="316">
        <v>358491</v>
      </c>
      <c r="OD10" s="316">
        <v>4498679</v>
      </c>
      <c r="OE10" s="316">
        <v>43010913</v>
      </c>
      <c r="OF10" s="316">
        <v>50743404</v>
      </c>
      <c r="OG10" s="320">
        <v>99073188</v>
      </c>
      <c r="OH10" s="321">
        <v>99073188</v>
      </c>
      <c r="OI10" s="319">
        <v>169946283</v>
      </c>
      <c r="OJ10" s="316">
        <v>454979423</v>
      </c>
      <c r="OK10" s="317">
        <v>624925706</v>
      </c>
      <c r="OL10" s="322">
        <v>0</v>
      </c>
      <c r="OM10" s="316">
        <v>2836350782</v>
      </c>
      <c r="ON10" s="316">
        <v>5328680652</v>
      </c>
      <c r="OO10" s="316">
        <v>5643030403</v>
      </c>
      <c r="OP10" s="316">
        <v>6000329875</v>
      </c>
      <c r="OQ10" s="316">
        <v>4275235119</v>
      </c>
      <c r="OR10" s="320">
        <v>24083626831</v>
      </c>
      <c r="OS10" s="325">
        <v>24708552537</v>
      </c>
    </row>
    <row r="11" spans="1:409" s="70" customFormat="1" ht="21" customHeight="1" x14ac:dyDescent="0.2">
      <c r="B11" s="410" t="s">
        <v>6</v>
      </c>
      <c r="C11" s="326">
        <v>59984519</v>
      </c>
      <c r="D11" s="327">
        <v>105581774</v>
      </c>
      <c r="E11" s="328">
        <v>165566293</v>
      </c>
      <c r="F11" s="329">
        <v>0</v>
      </c>
      <c r="G11" s="327">
        <v>940428982</v>
      </c>
      <c r="H11" s="327">
        <v>1064080466</v>
      </c>
      <c r="I11" s="327">
        <v>882240712</v>
      </c>
      <c r="J11" s="327">
        <v>855851013</v>
      </c>
      <c r="K11" s="327">
        <v>694283908</v>
      </c>
      <c r="L11" s="329">
        <v>4436885081</v>
      </c>
      <c r="M11" s="330">
        <v>4602451374</v>
      </c>
      <c r="N11" s="326">
        <v>17065515</v>
      </c>
      <c r="O11" s="327">
        <v>35113334</v>
      </c>
      <c r="P11" s="328">
        <v>52178849</v>
      </c>
      <c r="Q11" s="326">
        <v>0</v>
      </c>
      <c r="R11" s="327">
        <v>304962924</v>
      </c>
      <c r="S11" s="327">
        <v>374222018</v>
      </c>
      <c r="T11" s="327">
        <v>314966357</v>
      </c>
      <c r="U11" s="327">
        <v>353943131</v>
      </c>
      <c r="V11" s="327">
        <v>371246504</v>
      </c>
      <c r="W11" s="328">
        <v>1719340934</v>
      </c>
      <c r="X11" s="330">
        <v>1771519783</v>
      </c>
      <c r="Y11" s="326">
        <v>0</v>
      </c>
      <c r="Z11" s="327">
        <v>0</v>
      </c>
      <c r="AA11" s="328">
        <v>0</v>
      </c>
      <c r="AB11" s="326">
        <v>0</v>
      </c>
      <c r="AC11" s="327">
        <v>138453398</v>
      </c>
      <c r="AD11" s="327">
        <v>183228661</v>
      </c>
      <c r="AE11" s="327">
        <v>179523661</v>
      </c>
      <c r="AF11" s="327">
        <v>216428183</v>
      </c>
      <c r="AG11" s="327">
        <v>225045981</v>
      </c>
      <c r="AH11" s="328">
        <v>942679884</v>
      </c>
      <c r="AI11" s="330">
        <v>942679884</v>
      </c>
      <c r="AJ11" s="326">
        <v>18574</v>
      </c>
      <c r="AK11" s="327">
        <v>46426</v>
      </c>
      <c r="AL11" s="328">
        <v>65000</v>
      </c>
      <c r="AM11" s="326">
        <v>0</v>
      </c>
      <c r="AN11" s="327">
        <v>1054021</v>
      </c>
      <c r="AO11" s="327">
        <v>3022000</v>
      </c>
      <c r="AP11" s="327">
        <v>6644483</v>
      </c>
      <c r="AQ11" s="327">
        <v>17252454</v>
      </c>
      <c r="AR11" s="327">
        <v>36486085</v>
      </c>
      <c r="AS11" s="328">
        <v>64459043</v>
      </c>
      <c r="AT11" s="330">
        <v>64524043</v>
      </c>
      <c r="AU11" s="326">
        <v>9844436</v>
      </c>
      <c r="AV11" s="327">
        <v>25839358</v>
      </c>
      <c r="AW11" s="328">
        <v>35683794</v>
      </c>
      <c r="AX11" s="326">
        <v>0</v>
      </c>
      <c r="AY11" s="327">
        <v>105790244</v>
      </c>
      <c r="AZ11" s="327">
        <v>120043404</v>
      </c>
      <c r="BA11" s="327">
        <v>73822844</v>
      </c>
      <c r="BB11" s="327">
        <v>65720670</v>
      </c>
      <c r="BC11" s="327">
        <v>65618287</v>
      </c>
      <c r="BD11" s="328">
        <v>430995449</v>
      </c>
      <c r="BE11" s="330">
        <v>466679243</v>
      </c>
      <c r="BF11" s="326">
        <v>718083</v>
      </c>
      <c r="BG11" s="327">
        <v>2262149</v>
      </c>
      <c r="BH11" s="331">
        <v>2980232</v>
      </c>
      <c r="BI11" s="332">
        <v>0</v>
      </c>
      <c r="BJ11" s="327">
        <v>7587388</v>
      </c>
      <c r="BK11" s="327">
        <v>8377712</v>
      </c>
      <c r="BL11" s="327">
        <v>3947281</v>
      </c>
      <c r="BM11" s="327">
        <v>4855128</v>
      </c>
      <c r="BN11" s="327">
        <v>3068820</v>
      </c>
      <c r="BO11" s="328">
        <v>27836329</v>
      </c>
      <c r="BP11" s="330">
        <v>30816561</v>
      </c>
      <c r="BQ11" s="326">
        <v>6484422</v>
      </c>
      <c r="BR11" s="327">
        <v>6965401</v>
      </c>
      <c r="BS11" s="328">
        <v>13449823</v>
      </c>
      <c r="BT11" s="326">
        <v>0</v>
      </c>
      <c r="BU11" s="327">
        <v>52077873</v>
      </c>
      <c r="BV11" s="327">
        <v>59550241</v>
      </c>
      <c r="BW11" s="327">
        <v>51028088</v>
      </c>
      <c r="BX11" s="327">
        <v>49686696</v>
      </c>
      <c r="BY11" s="327">
        <v>41027331</v>
      </c>
      <c r="BZ11" s="328">
        <v>253370229</v>
      </c>
      <c r="CA11" s="330">
        <v>266820052</v>
      </c>
      <c r="CB11" s="326">
        <v>2770292</v>
      </c>
      <c r="CC11" s="327">
        <v>9967294</v>
      </c>
      <c r="CD11" s="328">
        <v>12737586</v>
      </c>
      <c r="CE11" s="326">
        <v>0</v>
      </c>
      <c r="CF11" s="327">
        <v>247034509</v>
      </c>
      <c r="CG11" s="327">
        <v>278418404</v>
      </c>
      <c r="CH11" s="327">
        <v>202885390</v>
      </c>
      <c r="CI11" s="327">
        <v>128783998</v>
      </c>
      <c r="CJ11" s="327">
        <v>66814984</v>
      </c>
      <c r="CK11" s="328">
        <v>923937285</v>
      </c>
      <c r="CL11" s="330">
        <v>936674871</v>
      </c>
      <c r="CM11" s="326">
        <v>0</v>
      </c>
      <c r="CN11" s="327">
        <v>0</v>
      </c>
      <c r="CO11" s="328">
        <v>0</v>
      </c>
      <c r="CP11" s="332">
        <v>0</v>
      </c>
      <c r="CQ11" s="327">
        <v>209320155</v>
      </c>
      <c r="CR11" s="327">
        <v>226533918</v>
      </c>
      <c r="CS11" s="327">
        <v>162571498</v>
      </c>
      <c r="CT11" s="327">
        <v>100786057</v>
      </c>
      <c r="CU11" s="327">
        <v>54908935</v>
      </c>
      <c r="CV11" s="328">
        <v>754120563</v>
      </c>
      <c r="CW11" s="330">
        <v>754120563</v>
      </c>
      <c r="CX11" s="326">
        <v>2770292</v>
      </c>
      <c r="CY11" s="327">
        <v>9967294</v>
      </c>
      <c r="CZ11" s="328">
        <v>12737586</v>
      </c>
      <c r="DA11" s="326">
        <v>0</v>
      </c>
      <c r="DB11" s="327">
        <v>37714354</v>
      </c>
      <c r="DC11" s="327">
        <v>51884486</v>
      </c>
      <c r="DD11" s="327">
        <v>40313892</v>
      </c>
      <c r="DE11" s="327">
        <v>27997941</v>
      </c>
      <c r="DF11" s="327">
        <v>11906049</v>
      </c>
      <c r="DG11" s="328">
        <v>169816722</v>
      </c>
      <c r="DH11" s="330">
        <v>182554308</v>
      </c>
      <c r="DI11" s="326">
        <v>163090</v>
      </c>
      <c r="DJ11" s="327">
        <v>1381090</v>
      </c>
      <c r="DK11" s="331">
        <v>1544180</v>
      </c>
      <c r="DL11" s="332">
        <v>0</v>
      </c>
      <c r="DM11" s="327">
        <v>16902139</v>
      </c>
      <c r="DN11" s="327">
        <v>36743648</v>
      </c>
      <c r="DO11" s="327">
        <v>59452581</v>
      </c>
      <c r="DP11" s="327">
        <v>53835666</v>
      </c>
      <c r="DQ11" s="327">
        <v>34228408</v>
      </c>
      <c r="DR11" s="328">
        <v>201162442</v>
      </c>
      <c r="DS11" s="330">
        <v>202706622</v>
      </c>
      <c r="DT11" s="326">
        <v>93211</v>
      </c>
      <c r="DU11" s="327">
        <v>1290275</v>
      </c>
      <c r="DV11" s="328">
        <v>1383486</v>
      </c>
      <c r="DW11" s="326">
        <v>0</v>
      </c>
      <c r="DX11" s="327">
        <v>15109840</v>
      </c>
      <c r="DY11" s="327">
        <v>31592605</v>
      </c>
      <c r="DZ11" s="327">
        <v>52965634</v>
      </c>
      <c r="EA11" s="327">
        <v>46145930</v>
      </c>
      <c r="EB11" s="327">
        <v>28431045</v>
      </c>
      <c r="EC11" s="328">
        <v>174245054</v>
      </c>
      <c r="ED11" s="330">
        <v>175628540</v>
      </c>
      <c r="EE11" s="326">
        <v>69879</v>
      </c>
      <c r="EF11" s="331">
        <v>90815</v>
      </c>
      <c r="EG11" s="328">
        <v>160694</v>
      </c>
      <c r="EH11" s="326">
        <v>0</v>
      </c>
      <c r="EI11" s="327">
        <v>1792299</v>
      </c>
      <c r="EJ11" s="327">
        <v>5151043</v>
      </c>
      <c r="EK11" s="327">
        <v>6486947</v>
      </c>
      <c r="EL11" s="327">
        <v>7689736</v>
      </c>
      <c r="EM11" s="327">
        <v>5797363</v>
      </c>
      <c r="EN11" s="331">
        <v>26917388</v>
      </c>
      <c r="EO11" s="330">
        <v>27078082</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4549032</v>
      </c>
      <c r="FM11" s="327">
        <v>23585007</v>
      </c>
      <c r="FN11" s="328">
        <v>38134039</v>
      </c>
      <c r="FO11" s="326">
        <v>0</v>
      </c>
      <c r="FP11" s="327">
        <v>50229146</v>
      </c>
      <c r="FQ11" s="327">
        <v>93815122</v>
      </c>
      <c r="FR11" s="327">
        <v>67933530</v>
      </c>
      <c r="FS11" s="327">
        <v>63951301</v>
      </c>
      <c r="FT11" s="327">
        <v>49060717</v>
      </c>
      <c r="FU11" s="328">
        <v>324989816</v>
      </c>
      <c r="FV11" s="330">
        <v>363123855</v>
      </c>
      <c r="FW11" s="333">
        <v>8928080</v>
      </c>
      <c r="FX11" s="327">
        <v>19382508</v>
      </c>
      <c r="FY11" s="331">
        <v>28310588</v>
      </c>
      <c r="FZ11" s="332">
        <v>0</v>
      </c>
      <c r="GA11" s="327">
        <v>42378123</v>
      </c>
      <c r="GB11" s="327">
        <v>86455129</v>
      </c>
      <c r="GC11" s="327">
        <v>62254118</v>
      </c>
      <c r="GD11" s="327">
        <v>59210532</v>
      </c>
      <c r="GE11" s="327">
        <v>47200052</v>
      </c>
      <c r="GF11" s="328">
        <v>297497954</v>
      </c>
      <c r="GG11" s="334">
        <v>325808542</v>
      </c>
      <c r="GH11" s="333">
        <v>1062775</v>
      </c>
      <c r="GI11" s="327">
        <v>1185414</v>
      </c>
      <c r="GJ11" s="331">
        <v>2248189</v>
      </c>
      <c r="GK11" s="332">
        <v>0</v>
      </c>
      <c r="GL11" s="327">
        <v>2783484</v>
      </c>
      <c r="GM11" s="327">
        <v>3207623</v>
      </c>
      <c r="GN11" s="327">
        <v>2475594</v>
      </c>
      <c r="GO11" s="327">
        <v>2525455</v>
      </c>
      <c r="GP11" s="327">
        <v>1091965</v>
      </c>
      <c r="GQ11" s="328">
        <v>12084121</v>
      </c>
      <c r="GR11" s="330">
        <v>14332310</v>
      </c>
      <c r="GS11" s="326">
        <v>4558177</v>
      </c>
      <c r="GT11" s="327">
        <v>3017085</v>
      </c>
      <c r="GU11" s="328">
        <v>7575262</v>
      </c>
      <c r="GV11" s="326">
        <v>0</v>
      </c>
      <c r="GW11" s="327">
        <v>5067539</v>
      </c>
      <c r="GX11" s="327">
        <v>4152370</v>
      </c>
      <c r="GY11" s="327">
        <v>3203818</v>
      </c>
      <c r="GZ11" s="327">
        <v>2215314</v>
      </c>
      <c r="HA11" s="327">
        <v>768700</v>
      </c>
      <c r="HB11" s="331">
        <v>15407741</v>
      </c>
      <c r="HC11" s="330">
        <v>22983003</v>
      </c>
      <c r="HD11" s="326">
        <v>14187690</v>
      </c>
      <c r="HE11" s="327">
        <v>16670475</v>
      </c>
      <c r="HF11" s="331">
        <v>30858165</v>
      </c>
      <c r="HG11" s="332">
        <v>0</v>
      </c>
      <c r="HH11" s="327">
        <v>173726001</v>
      </c>
      <c r="HI11" s="327">
        <v>154677156</v>
      </c>
      <c r="HJ11" s="327">
        <v>153888384</v>
      </c>
      <c r="HK11" s="327">
        <v>195666504</v>
      </c>
      <c r="HL11" s="327">
        <v>133554795</v>
      </c>
      <c r="HM11" s="328">
        <v>811512840</v>
      </c>
      <c r="HN11" s="329">
        <v>842371005</v>
      </c>
      <c r="HO11" s="333">
        <v>11248900</v>
      </c>
      <c r="HP11" s="327">
        <v>18864574</v>
      </c>
      <c r="HQ11" s="328">
        <v>30113474</v>
      </c>
      <c r="HR11" s="326">
        <v>0</v>
      </c>
      <c r="HS11" s="327">
        <v>147574263</v>
      </c>
      <c r="HT11" s="327">
        <v>126204118</v>
      </c>
      <c r="HU11" s="327">
        <v>83114470</v>
      </c>
      <c r="HV11" s="327">
        <v>59670413</v>
      </c>
      <c r="HW11" s="327">
        <v>39378500</v>
      </c>
      <c r="HX11" s="331">
        <v>455941764</v>
      </c>
      <c r="HY11" s="330">
        <v>486055238</v>
      </c>
      <c r="HZ11" s="335">
        <v>1268693</v>
      </c>
      <c r="IA11" s="336">
        <v>3922557</v>
      </c>
      <c r="IB11" s="337">
        <v>5191250</v>
      </c>
      <c r="IC11" s="338">
        <v>0</v>
      </c>
      <c r="ID11" s="336">
        <v>287617044</v>
      </c>
      <c r="IE11" s="339">
        <v>365153556</v>
      </c>
      <c r="IF11" s="337">
        <v>384240679</v>
      </c>
      <c r="IG11" s="336">
        <v>311284288</v>
      </c>
      <c r="IH11" s="337">
        <v>239879243</v>
      </c>
      <c r="II11" s="340">
        <v>1588174810</v>
      </c>
      <c r="IJ11" s="341">
        <v>1593366060</v>
      </c>
      <c r="IK11" s="342">
        <v>0</v>
      </c>
      <c r="IL11" s="343">
        <v>0</v>
      </c>
      <c r="IM11" s="344">
        <v>0</v>
      </c>
      <c r="IN11" s="404">
        <v>0</v>
      </c>
      <c r="IO11" s="345">
        <v>4877301</v>
      </c>
      <c r="IP11" s="345">
        <v>8969387</v>
      </c>
      <c r="IQ11" s="345">
        <v>11488130</v>
      </c>
      <c r="IR11" s="345">
        <v>28645769</v>
      </c>
      <c r="IS11" s="345">
        <v>29326428</v>
      </c>
      <c r="IT11" s="346">
        <v>83307015</v>
      </c>
      <c r="IU11" s="347">
        <v>83307015</v>
      </c>
      <c r="IV11" s="348">
        <v>0</v>
      </c>
      <c r="IW11" s="345">
        <v>0</v>
      </c>
      <c r="IX11" s="349">
        <v>0</v>
      </c>
      <c r="IY11" s="413">
        <v>0</v>
      </c>
      <c r="IZ11" s="345">
        <v>1290454</v>
      </c>
      <c r="JA11" s="345">
        <v>2292902</v>
      </c>
      <c r="JB11" s="345">
        <v>2561448</v>
      </c>
      <c r="JC11" s="345">
        <v>2402355</v>
      </c>
      <c r="JD11" s="345">
        <v>2999222</v>
      </c>
      <c r="JE11" s="349">
        <v>11546381</v>
      </c>
      <c r="JF11" s="350">
        <v>11546381</v>
      </c>
      <c r="JG11" s="348">
        <v>0</v>
      </c>
      <c r="JH11" s="345">
        <v>0</v>
      </c>
      <c r="JI11" s="346">
        <v>0</v>
      </c>
      <c r="JJ11" s="351">
        <v>0</v>
      </c>
      <c r="JK11" s="345">
        <v>91760776</v>
      </c>
      <c r="JL11" s="345">
        <v>93696324</v>
      </c>
      <c r="JM11" s="345">
        <v>69772458</v>
      </c>
      <c r="JN11" s="345">
        <v>50447174</v>
      </c>
      <c r="JO11" s="345">
        <v>25361913</v>
      </c>
      <c r="JP11" s="349">
        <v>331038645</v>
      </c>
      <c r="JQ11" s="347">
        <v>331038645</v>
      </c>
      <c r="JR11" s="348">
        <v>40470</v>
      </c>
      <c r="JS11" s="345">
        <v>0</v>
      </c>
      <c r="JT11" s="346">
        <v>40470</v>
      </c>
      <c r="JU11" s="351">
        <v>0</v>
      </c>
      <c r="JV11" s="345">
        <v>14286308</v>
      </c>
      <c r="JW11" s="345">
        <v>25412712</v>
      </c>
      <c r="JX11" s="345">
        <v>37189550</v>
      </c>
      <c r="JY11" s="345">
        <v>20049816</v>
      </c>
      <c r="JZ11" s="345">
        <v>17727900</v>
      </c>
      <c r="KA11" s="349">
        <v>114666286</v>
      </c>
      <c r="KB11" s="347">
        <v>114706756</v>
      </c>
      <c r="KC11" s="352">
        <v>1228223</v>
      </c>
      <c r="KD11" s="353">
        <v>3641669</v>
      </c>
      <c r="KE11" s="349">
        <v>4869892</v>
      </c>
      <c r="KF11" s="351">
        <v>0</v>
      </c>
      <c r="KG11" s="345">
        <v>36453554</v>
      </c>
      <c r="KH11" s="345">
        <v>41503320</v>
      </c>
      <c r="KI11" s="345">
        <v>46161548</v>
      </c>
      <c r="KJ11" s="345">
        <v>36211097</v>
      </c>
      <c r="KK11" s="345">
        <v>28730687</v>
      </c>
      <c r="KL11" s="349">
        <v>189060206</v>
      </c>
      <c r="KM11" s="354">
        <v>193930098</v>
      </c>
      <c r="KN11" s="342">
        <v>0</v>
      </c>
      <c r="KO11" s="343">
        <v>280888</v>
      </c>
      <c r="KP11" s="344">
        <v>280888</v>
      </c>
      <c r="KQ11" s="413">
        <v>0</v>
      </c>
      <c r="KR11" s="345">
        <v>127015819</v>
      </c>
      <c r="KS11" s="345">
        <v>171072204</v>
      </c>
      <c r="KT11" s="345">
        <v>172435908</v>
      </c>
      <c r="KU11" s="345">
        <v>114380180</v>
      </c>
      <c r="KV11" s="345">
        <v>76462047</v>
      </c>
      <c r="KW11" s="349">
        <v>661366158</v>
      </c>
      <c r="KX11" s="347">
        <v>661647046</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258547</v>
      </c>
      <c r="LO11" s="345">
        <v>2993750</v>
      </c>
      <c r="LP11" s="345">
        <v>19882134</v>
      </c>
      <c r="LQ11" s="345">
        <v>29722508</v>
      </c>
      <c r="LR11" s="345">
        <v>23270829</v>
      </c>
      <c r="LS11" s="349">
        <v>76127768</v>
      </c>
      <c r="LT11" s="347">
        <v>76127768</v>
      </c>
      <c r="LU11" s="348">
        <v>0</v>
      </c>
      <c r="LV11" s="345">
        <v>0</v>
      </c>
      <c r="LW11" s="349">
        <v>0</v>
      </c>
      <c r="LX11" s="413">
        <v>0</v>
      </c>
      <c r="LY11" s="345">
        <v>11674285</v>
      </c>
      <c r="LZ11" s="345">
        <v>19212957</v>
      </c>
      <c r="MA11" s="345">
        <v>24749503</v>
      </c>
      <c r="MB11" s="345">
        <v>29425389</v>
      </c>
      <c r="MC11" s="345">
        <v>36000217</v>
      </c>
      <c r="MD11" s="349">
        <v>121062351</v>
      </c>
      <c r="ME11" s="350">
        <v>121062351</v>
      </c>
      <c r="MF11" s="348">
        <v>0</v>
      </c>
      <c r="MG11" s="345">
        <v>0</v>
      </c>
      <c r="MH11" s="349">
        <v>0</v>
      </c>
      <c r="MI11" s="413">
        <v>0</v>
      </c>
      <c r="MJ11" s="345">
        <v>79436131</v>
      </c>
      <c r="MK11" s="345">
        <v>148084224</v>
      </c>
      <c r="ML11" s="345">
        <v>511898926</v>
      </c>
      <c r="MM11" s="345">
        <v>790990529</v>
      </c>
      <c r="MN11" s="345">
        <v>544974514</v>
      </c>
      <c r="MO11" s="349">
        <v>2075384324</v>
      </c>
      <c r="MP11" s="354">
        <v>2075384324</v>
      </c>
      <c r="MQ11" s="348">
        <v>0</v>
      </c>
      <c r="MR11" s="345">
        <v>0</v>
      </c>
      <c r="MS11" s="349">
        <v>0</v>
      </c>
      <c r="MT11" s="413">
        <v>0</v>
      </c>
      <c r="MU11" s="345">
        <v>22272014</v>
      </c>
      <c r="MV11" s="345">
        <v>49044181</v>
      </c>
      <c r="MW11" s="345">
        <v>344677308</v>
      </c>
      <c r="MX11" s="345">
        <v>546431360</v>
      </c>
      <c r="MY11" s="345">
        <v>401187561</v>
      </c>
      <c r="MZ11" s="349">
        <v>1363612424</v>
      </c>
      <c r="NA11" s="354">
        <v>1363612424</v>
      </c>
      <c r="NB11" s="348">
        <v>0</v>
      </c>
      <c r="NC11" s="345">
        <v>0</v>
      </c>
      <c r="ND11" s="349">
        <v>0</v>
      </c>
      <c r="NE11" s="413">
        <v>0</v>
      </c>
      <c r="NF11" s="345">
        <v>57164117</v>
      </c>
      <c r="NG11" s="345">
        <v>98778888</v>
      </c>
      <c r="NH11" s="345">
        <v>166449970</v>
      </c>
      <c r="NI11" s="345">
        <v>227777678</v>
      </c>
      <c r="NJ11" s="345">
        <v>120690139</v>
      </c>
      <c r="NK11" s="349">
        <v>670860792</v>
      </c>
      <c r="NL11" s="347">
        <v>670860792</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261155</v>
      </c>
      <c r="OD11" s="345">
        <v>771648</v>
      </c>
      <c r="OE11" s="345">
        <v>16781491</v>
      </c>
      <c r="OF11" s="345">
        <v>23096814</v>
      </c>
      <c r="OG11" s="349">
        <v>40911108</v>
      </c>
      <c r="OH11" s="350">
        <v>40911108</v>
      </c>
      <c r="OI11" s="348">
        <v>61253212</v>
      </c>
      <c r="OJ11" s="345">
        <v>109504331</v>
      </c>
      <c r="OK11" s="346">
        <v>170757543</v>
      </c>
      <c r="OL11" s="351">
        <v>0</v>
      </c>
      <c r="OM11" s="345">
        <v>1307482157</v>
      </c>
      <c r="ON11" s="345">
        <v>1577318246</v>
      </c>
      <c r="OO11" s="345">
        <v>1778380317</v>
      </c>
      <c r="OP11" s="345">
        <v>1958125830</v>
      </c>
      <c r="OQ11" s="345">
        <v>1479137665</v>
      </c>
      <c r="OR11" s="349">
        <v>8100444215</v>
      </c>
      <c r="OS11" s="354">
        <v>8271201758</v>
      </c>
    </row>
    <row r="12" spans="1:409" s="70" customFormat="1" ht="21" customHeight="1" x14ac:dyDescent="0.2">
      <c r="B12" s="410" t="s">
        <v>14</v>
      </c>
      <c r="C12" s="326">
        <v>27326480</v>
      </c>
      <c r="D12" s="327">
        <v>73452981</v>
      </c>
      <c r="E12" s="328">
        <v>100779461</v>
      </c>
      <c r="F12" s="329">
        <v>0</v>
      </c>
      <c r="G12" s="327">
        <v>359690969</v>
      </c>
      <c r="H12" s="327">
        <v>576367040</v>
      </c>
      <c r="I12" s="327">
        <v>543126483</v>
      </c>
      <c r="J12" s="327">
        <v>464665043</v>
      </c>
      <c r="K12" s="327">
        <v>312008899</v>
      </c>
      <c r="L12" s="331">
        <v>2255858434</v>
      </c>
      <c r="M12" s="330">
        <v>2356637895</v>
      </c>
      <c r="N12" s="326">
        <v>5598617</v>
      </c>
      <c r="O12" s="327">
        <v>18557684</v>
      </c>
      <c r="P12" s="328">
        <v>24156301</v>
      </c>
      <c r="Q12" s="326">
        <v>0</v>
      </c>
      <c r="R12" s="327">
        <v>101412823</v>
      </c>
      <c r="S12" s="327">
        <v>185632952</v>
      </c>
      <c r="T12" s="327">
        <v>189033907</v>
      </c>
      <c r="U12" s="327">
        <v>197422426</v>
      </c>
      <c r="V12" s="327">
        <v>164849878</v>
      </c>
      <c r="W12" s="328">
        <v>838351986</v>
      </c>
      <c r="X12" s="330">
        <v>862508287</v>
      </c>
      <c r="Y12" s="326">
        <v>0</v>
      </c>
      <c r="Z12" s="327">
        <v>0</v>
      </c>
      <c r="AA12" s="328">
        <v>0</v>
      </c>
      <c r="AB12" s="326">
        <v>0</v>
      </c>
      <c r="AC12" s="327">
        <v>50448562</v>
      </c>
      <c r="AD12" s="327">
        <v>94861073</v>
      </c>
      <c r="AE12" s="327">
        <v>110059190</v>
      </c>
      <c r="AF12" s="327">
        <v>122887576</v>
      </c>
      <c r="AG12" s="327">
        <v>99154851</v>
      </c>
      <c r="AH12" s="328">
        <v>477411252</v>
      </c>
      <c r="AI12" s="330">
        <v>477411252</v>
      </c>
      <c r="AJ12" s="326">
        <v>0</v>
      </c>
      <c r="AK12" s="327">
        <v>36214</v>
      </c>
      <c r="AL12" s="328">
        <v>36214</v>
      </c>
      <c r="AM12" s="326">
        <v>0</v>
      </c>
      <c r="AN12" s="327">
        <v>84564</v>
      </c>
      <c r="AO12" s="327">
        <v>1509419</v>
      </c>
      <c r="AP12" s="327">
        <v>2891663</v>
      </c>
      <c r="AQ12" s="327">
        <v>9369364</v>
      </c>
      <c r="AR12" s="327">
        <v>14755195</v>
      </c>
      <c r="AS12" s="328">
        <v>28610205</v>
      </c>
      <c r="AT12" s="330">
        <v>28646419</v>
      </c>
      <c r="AU12" s="326">
        <v>2567098</v>
      </c>
      <c r="AV12" s="327">
        <v>12632418</v>
      </c>
      <c r="AW12" s="328">
        <v>15199516</v>
      </c>
      <c r="AX12" s="326">
        <v>0</v>
      </c>
      <c r="AY12" s="327">
        <v>29509780</v>
      </c>
      <c r="AZ12" s="327">
        <v>57284979</v>
      </c>
      <c r="BA12" s="327">
        <v>43304890</v>
      </c>
      <c r="BB12" s="327">
        <v>36770118</v>
      </c>
      <c r="BC12" s="327">
        <v>31236708</v>
      </c>
      <c r="BD12" s="328">
        <v>198106475</v>
      </c>
      <c r="BE12" s="330">
        <v>213305991</v>
      </c>
      <c r="BF12" s="326">
        <v>191945</v>
      </c>
      <c r="BG12" s="327">
        <v>1299710</v>
      </c>
      <c r="BH12" s="331">
        <v>1491655</v>
      </c>
      <c r="BI12" s="332">
        <v>0</v>
      </c>
      <c r="BJ12" s="327">
        <v>956569</v>
      </c>
      <c r="BK12" s="327">
        <v>2800022</v>
      </c>
      <c r="BL12" s="327">
        <v>1688050</v>
      </c>
      <c r="BM12" s="327">
        <v>1834023</v>
      </c>
      <c r="BN12" s="327">
        <v>1023509</v>
      </c>
      <c r="BO12" s="328">
        <v>8302173</v>
      </c>
      <c r="BP12" s="330">
        <v>9793828</v>
      </c>
      <c r="BQ12" s="326">
        <v>2839574</v>
      </c>
      <c r="BR12" s="327">
        <v>4589342</v>
      </c>
      <c r="BS12" s="328">
        <v>7428916</v>
      </c>
      <c r="BT12" s="326">
        <v>0</v>
      </c>
      <c r="BU12" s="327">
        <v>20413348</v>
      </c>
      <c r="BV12" s="327">
        <v>29177459</v>
      </c>
      <c r="BW12" s="327">
        <v>31090114</v>
      </c>
      <c r="BX12" s="327">
        <v>26561345</v>
      </c>
      <c r="BY12" s="327">
        <v>18679615</v>
      </c>
      <c r="BZ12" s="328">
        <v>125921881</v>
      </c>
      <c r="CA12" s="330">
        <v>133350797</v>
      </c>
      <c r="CB12" s="326">
        <v>2540575</v>
      </c>
      <c r="CC12" s="327">
        <v>7016214</v>
      </c>
      <c r="CD12" s="328">
        <v>9556789</v>
      </c>
      <c r="CE12" s="326">
        <v>0</v>
      </c>
      <c r="CF12" s="327">
        <v>106812268</v>
      </c>
      <c r="CG12" s="327">
        <v>175170455</v>
      </c>
      <c r="CH12" s="327">
        <v>137542990</v>
      </c>
      <c r="CI12" s="327">
        <v>78863728</v>
      </c>
      <c r="CJ12" s="327">
        <v>42839978</v>
      </c>
      <c r="CK12" s="328">
        <v>541229419</v>
      </c>
      <c r="CL12" s="330">
        <v>550786208</v>
      </c>
      <c r="CM12" s="326">
        <v>0</v>
      </c>
      <c r="CN12" s="327">
        <v>0</v>
      </c>
      <c r="CO12" s="328">
        <v>0</v>
      </c>
      <c r="CP12" s="332">
        <v>0</v>
      </c>
      <c r="CQ12" s="327">
        <v>100236782</v>
      </c>
      <c r="CR12" s="327">
        <v>150400291</v>
      </c>
      <c r="CS12" s="327">
        <v>119478329</v>
      </c>
      <c r="CT12" s="327">
        <v>67273807</v>
      </c>
      <c r="CU12" s="327">
        <v>37652988</v>
      </c>
      <c r="CV12" s="328">
        <v>475042197</v>
      </c>
      <c r="CW12" s="330">
        <v>475042197</v>
      </c>
      <c r="CX12" s="326">
        <v>2540575</v>
      </c>
      <c r="CY12" s="327">
        <v>7016214</v>
      </c>
      <c r="CZ12" s="328">
        <v>9556789</v>
      </c>
      <c r="DA12" s="326">
        <v>0</v>
      </c>
      <c r="DB12" s="327">
        <v>6575486</v>
      </c>
      <c r="DC12" s="327">
        <v>24770164</v>
      </c>
      <c r="DD12" s="327">
        <v>18064661</v>
      </c>
      <c r="DE12" s="327">
        <v>11589921</v>
      </c>
      <c r="DF12" s="327">
        <v>5186990</v>
      </c>
      <c r="DG12" s="328">
        <v>66187222</v>
      </c>
      <c r="DH12" s="330">
        <v>75744011</v>
      </c>
      <c r="DI12" s="326">
        <v>117041</v>
      </c>
      <c r="DJ12" s="327">
        <v>408943</v>
      </c>
      <c r="DK12" s="331">
        <v>525984</v>
      </c>
      <c r="DL12" s="332">
        <v>0</v>
      </c>
      <c r="DM12" s="327">
        <v>6535485</v>
      </c>
      <c r="DN12" s="327">
        <v>22131650</v>
      </c>
      <c r="DO12" s="327">
        <v>47625558</v>
      </c>
      <c r="DP12" s="327">
        <v>45168903</v>
      </c>
      <c r="DQ12" s="327">
        <v>19921753</v>
      </c>
      <c r="DR12" s="328">
        <v>141383349</v>
      </c>
      <c r="DS12" s="330">
        <v>141909333</v>
      </c>
      <c r="DT12" s="326">
        <v>117041</v>
      </c>
      <c r="DU12" s="327">
        <v>408943</v>
      </c>
      <c r="DV12" s="328">
        <v>525984</v>
      </c>
      <c r="DW12" s="326">
        <v>0</v>
      </c>
      <c r="DX12" s="327">
        <v>6454579</v>
      </c>
      <c r="DY12" s="327">
        <v>21703362</v>
      </c>
      <c r="DZ12" s="327">
        <v>46791365</v>
      </c>
      <c r="EA12" s="327">
        <v>43821124</v>
      </c>
      <c r="EB12" s="327">
        <v>19222242</v>
      </c>
      <c r="EC12" s="328">
        <v>137992672</v>
      </c>
      <c r="ED12" s="330">
        <v>138518656</v>
      </c>
      <c r="EE12" s="326">
        <v>0</v>
      </c>
      <c r="EF12" s="331">
        <v>0</v>
      </c>
      <c r="EG12" s="328">
        <v>0</v>
      </c>
      <c r="EH12" s="326">
        <v>0</v>
      </c>
      <c r="EI12" s="327">
        <v>80906</v>
      </c>
      <c r="EJ12" s="327">
        <v>428288</v>
      </c>
      <c r="EK12" s="327">
        <v>834193</v>
      </c>
      <c r="EL12" s="327">
        <v>1347779</v>
      </c>
      <c r="EM12" s="327">
        <v>699511</v>
      </c>
      <c r="EN12" s="331">
        <v>3390677</v>
      </c>
      <c r="EO12" s="330">
        <v>339067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7254360</v>
      </c>
      <c r="FM12" s="327">
        <v>22822881</v>
      </c>
      <c r="FN12" s="328">
        <v>30077241</v>
      </c>
      <c r="FO12" s="326">
        <v>0</v>
      </c>
      <c r="FP12" s="327">
        <v>20913189</v>
      </c>
      <c r="FQ12" s="327">
        <v>58457481</v>
      </c>
      <c r="FR12" s="327">
        <v>44768493</v>
      </c>
      <c r="FS12" s="327">
        <v>37200549</v>
      </c>
      <c r="FT12" s="327">
        <v>23505571</v>
      </c>
      <c r="FU12" s="328">
        <v>184845283</v>
      </c>
      <c r="FV12" s="330">
        <v>214922524</v>
      </c>
      <c r="FW12" s="333">
        <v>5046359</v>
      </c>
      <c r="FX12" s="327">
        <v>18017531</v>
      </c>
      <c r="FY12" s="331">
        <v>23063890</v>
      </c>
      <c r="FZ12" s="332">
        <v>0</v>
      </c>
      <c r="GA12" s="327">
        <v>16806338</v>
      </c>
      <c r="GB12" s="327">
        <v>55004504</v>
      </c>
      <c r="GC12" s="327">
        <v>41338672</v>
      </c>
      <c r="GD12" s="327">
        <v>34700209</v>
      </c>
      <c r="GE12" s="327">
        <v>22739666</v>
      </c>
      <c r="GF12" s="328">
        <v>170589389</v>
      </c>
      <c r="GG12" s="334">
        <v>193653279</v>
      </c>
      <c r="GH12" s="333">
        <v>496011</v>
      </c>
      <c r="GI12" s="327">
        <v>896410</v>
      </c>
      <c r="GJ12" s="331">
        <v>1392421</v>
      </c>
      <c r="GK12" s="332">
        <v>0</v>
      </c>
      <c r="GL12" s="327">
        <v>896645</v>
      </c>
      <c r="GM12" s="327">
        <v>1282266</v>
      </c>
      <c r="GN12" s="327">
        <v>847723</v>
      </c>
      <c r="GO12" s="327">
        <v>970636</v>
      </c>
      <c r="GP12" s="327">
        <v>411305</v>
      </c>
      <c r="GQ12" s="328">
        <v>4408575</v>
      </c>
      <c r="GR12" s="330">
        <v>5800996</v>
      </c>
      <c r="GS12" s="326">
        <v>1711990</v>
      </c>
      <c r="GT12" s="327">
        <v>3908940</v>
      </c>
      <c r="GU12" s="328">
        <v>5620930</v>
      </c>
      <c r="GV12" s="326">
        <v>0</v>
      </c>
      <c r="GW12" s="327">
        <v>3210206</v>
      </c>
      <c r="GX12" s="327">
        <v>2170711</v>
      </c>
      <c r="GY12" s="327">
        <v>2582098</v>
      </c>
      <c r="GZ12" s="327">
        <v>1529704</v>
      </c>
      <c r="HA12" s="327">
        <v>354600</v>
      </c>
      <c r="HB12" s="331">
        <v>9847319</v>
      </c>
      <c r="HC12" s="330">
        <v>15468249</v>
      </c>
      <c r="HD12" s="326">
        <v>6726755</v>
      </c>
      <c r="HE12" s="327">
        <v>11353024</v>
      </c>
      <c r="HF12" s="331">
        <v>18079779</v>
      </c>
      <c r="HG12" s="332">
        <v>0</v>
      </c>
      <c r="HH12" s="327">
        <v>61707964</v>
      </c>
      <c r="HI12" s="327">
        <v>55098304</v>
      </c>
      <c r="HJ12" s="327">
        <v>68952733</v>
      </c>
      <c r="HK12" s="327">
        <v>71146025</v>
      </c>
      <c r="HL12" s="327">
        <v>41684815</v>
      </c>
      <c r="HM12" s="328">
        <v>298589841</v>
      </c>
      <c r="HN12" s="329">
        <v>316669620</v>
      </c>
      <c r="HO12" s="333">
        <v>5089132</v>
      </c>
      <c r="HP12" s="327">
        <v>13294235</v>
      </c>
      <c r="HQ12" s="328">
        <v>18383367</v>
      </c>
      <c r="HR12" s="326">
        <v>0</v>
      </c>
      <c r="HS12" s="327">
        <v>62309240</v>
      </c>
      <c r="HT12" s="327">
        <v>79876198</v>
      </c>
      <c r="HU12" s="327">
        <v>55202802</v>
      </c>
      <c r="HV12" s="327">
        <v>34863412</v>
      </c>
      <c r="HW12" s="327">
        <v>19206904</v>
      </c>
      <c r="HX12" s="331">
        <v>251458556</v>
      </c>
      <c r="HY12" s="330">
        <v>269841923</v>
      </c>
      <c r="HZ12" s="335">
        <v>869374</v>
      </c>
      <c r="IA12" s="336">
        <v>2289437</v>
      </c>
      <c r="IB12" s="337">
        <v>3158811</v>
      </c>
      <c r="IC12" s="355">
        <v>0</v>
      </c>
      <c r="ID12" s="356">
        <v>129192821</v>
      </c>
      <c r="IE12" s="357">
        <v>201054515</v>
      </c>
      <c r="IF12" s="358">
        <v>233673872</v>
      </c>
      <c r="IG12" s="356">
        <v>155808295</v>
      </c>
      <c r="IH12" s="358">
        <v>98190228</v>
      </c>
      <c r="II12" s="359">
        <v>817919731</v>
      </c>
      <c r="IJ12" s="341">
        <v>821078542</v>
      </c>
      <c r="IK12" s="342">
        <v>0</v>
      </c>
      <c r="IL12" s="343">
        <v>0</v>
      </c>
      <c r="IM12" s="344">
        <v>0</v>
      </c>
      <c r="IN12" s="404">
        <v>0</v>
      </c>
      <c r="IO12" s="345">
        <v>1836381</v>
      </c>
      <c r="IP12" s="345">
        <v>5086750</v>
      </c>
      <c r="IQ12" s="345">
        <v>6784245</v>
      </c>
      <c r="IR12" s="345">
        <v>7755189</v>
      </c>
      <c r="IS12" s="345">
        <v>10269409</v>
      </c>
      <c r="IT12" s="346">
        <v>31731974</v>
      </c>
      <c r="IU12" s="347">
        <v>31731974</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51021179</v>
      </c>
      <c r="JL12" s="345">
        <v>74199849</v>
      </c>
      <c r="JM12" s="345">
        <v>52337122</v>
      </c>
      <c r="JN12" s="345">
        <v>32920195</v>
      </c>
      <c r="JO12" s="345">
        <v>15019803</v>
      </c>
      <c r="JP12" s="349">
        <v>225498148</v>
      </c>
      <c r="JQ12" s="347">
        <v>225498148</v>
      </c>
      <c r="JR12" s="348">
        <v>0</v>
      </c>
      <c r="JS12" s="345">
        <v>0</v>
      </c>
      <c r="JT12" s="346">
        <v>0</v>
      </c>
      <c r="JU12" s="351">
        <v>0</v>
      </c>
      <c r="JV12" s="345">
        <v>1324686</v>
      </c>
      <c r="JW12" s="345">
        <v>2171416</v>
      </c>
      <c r="JX12" s="345">
        <v>5917663</v>
      </c>
      <c r="JY12" s="345">
        <v>1980453</v>
      </c>
      <c r="JZ12" s="345">
        <v>3287842</v>
      </c>
      <c r="KA12" s="349">
        <v>14682060</v>
      </c>
      <c r="KB12" s="347">
        <v>14682060</v>
      </c>
      <c r="KC12" s="352">
        <v>869374</v>
      </c>
      <c r="KD12" s="353">
        <v>2054204</v>
      </c>
      <c r="KE12" s="349">
        <v>2923578</v>
      </c>
      <c r="KF12" s="351">
        <v>0</v>
      </c>
      <c r="KG12" s="345">
        <v>17045837</v>
      </c>
      <c r="KH12" s="345">
        <v>30443778</v>
      </c>
      <c r="KI12" s="345">
        <v>34627999</v>
      </c>
      <c r="KJ12" s="345">
        <v>27742254</v>
      </c>
      <c r="KK12" s="345">
        <v>12514589</v>
      </c>
      <c r="KL12" s="349">
        <v>122374457</v>
      </c>
      <c r="KM12" s="354">
        <v>125298035</v>
      </c>
      <c r="KN12" s="342">
        <v>0</v>
      </c>
      <c r="KO12" s="343">
        <v>235233</v>
      </c>
      <c r="KP12" s="344">
        <v>235233</v>
      </c>
      <c r="KQ12" s="413">
        <v>0</v>
      </c>
      <c r="KR12" s="345">
        <v>54894397</v>
      </c>
      <c r="KS12" s="345">
        <v>82933058</v>
      </c>
      <c r="KT12" s="345">
        <v>120093478</v>
      </c>
      <c r="KU12" s="345">
        <v>63197887</v>
      </c>
      <c r="KV12" s="345">
        <v>38692021</v>
      </c>
      <c r="KW12" s="349">
        <v>359810841</v>
      </c>
      <c r="KX12" s="347">
        <v>360046074</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2861823</v>
      </c>
      <c r="LQ12" s="345">
        <v>8450055</v>
      </c>
      <c r="LR12" s="345">
        <v>3870743</v>
      </c>
      <c r="LS12" s="349">
        <v>15182621</v>
      </c>
      <c r="LT12" s="347">
        <v>15182621</v>
      </c>
      <c r="LU12" s="348">
        <v>0</v>
      </c>
      <c r="LV12" s="345">
        <v>0</v>
      </c>
      <c r="LW12" s="349">
        <v>0</v>
      </c>
      <c r="LX12" s="413">
        <v>0</v>
      </c>
      <c r="LY12" s="345">
        <v>3070341</v>
      </c>
      <c r="LZ12" s="345">
        <v>6219664</v>
      </c>
      <c r="MA12" s="345">
        <v>11051542</v>
      </c>
      <c r="MB12" s="345">
        <v>13762262</v>
      </c>
      <c r="MC12" s="345">
        <v>14535821</v>
      </c>
      <c r="MD12" s="349">
        <v>48639630</v>
      </c>
      <c r="ME12" s="350">
        <v>48639630</v>
      </c>
      <c r="MF12" s="348">
        <v>0</v>
      </c>
      <c r="MG12" s="345">
        <v>0</v>
      </c>
      <c r="MH12" s="349">
        <v>0</v>
      </c>
      <c r="MI12" s="413">
        <v>0</v>
      </c>
      <c r="MJ12" s="345">
        <v>19327424</v>
      </c>
      <c r="MK12" s="345">
        <v>69788693</v>
      </c>
      <c r="ML12" s="345">
        <v>342848092</v>
      </c>
      <c r="MM12" s="345">
        <v>562359186</v>
      </c>
      <c r="MN12" s="345">
        <v>385481559</v>
      </c>
      <c r="MO12" s="349">
        <v>1379804954</v>
      </c>
      <c r="MP12" s="354">
        <v>1379804954</v>
      </c>
      <c r="MQ12" s="348">
        <v>0</v>
      </c>
      <c r="MR12" s="345">
        <v>0</v>
      </c>
      <c r="MS12" s="349">
        <v>0</v>
      </c>
      <c r="MT12" s="413">
        <v>0</v>
      </c>
      <c r="MU12" s="345">
        <v>1686137</v>
      </c>
      <c r="MV12" s="345">
        <v>10135033</v>
      </c>
      <c r="MW12" s="345">
        <v>231300513</v>
      </c>
      <c r="MX12" s="345">
        <v>386116382</v>
      </c>
      <c r="MY12" s="345">
        <v>266692425</v>
      </c>
      <c r="MZ12" s="349">
        <v>895930490</v>
      </c>
      <c r="NA12" s="354">
        <v>895930490</v>
      </c>
      <c r="NB12" s="348">
        <v>0</v>
      </c>
      <c r="NC12" s="345">
        <v>0</v>
      </c>
      <c r="ND12" s="349">
        <v>0</v>
      </c>
      <c r="NE12" s="413">
        <v>0</v>
      </c>
      <c r="NF12" s="345">
        <v>17641287</v>
      </c>
      <c r="NG12" s="345">
        <v>59653660</v>
      </c>
      <c r="NH12" s="345">
        <v>107139101</v>
      </c>
      <c r="NI12" s="345">
        <v>135941695</v>
      </c>
      <c r="NJ12" s="345">
        <v>76731726</v>
      </c>
      <c r="NK12" s="349">
        <v>397107469</v>
      </c>
      <c r="NL12" s="347">
        <v>397107469</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0</v>
      </c>
      <c r="OC12" s="345">
        <v>0</v>
      </c>
      <c r="OD12" s="345">
        <v>4408478</v>
      </c>
      <c r="OE12" s="345">
        <v>40301109</v>
      </c>
      <c r="OF12" s="345">
        <v>42057408</v>
      </c>
      <c r="OG12" s="349">
        <v>86766995</v>
      </c>
      <c r="OH12" s="350">
        <v>86766995</v>
      </c>
      <c r="OI12" s="348">
        <v>28195854</v>
      </c>
      <c r="OJ12" s="345">
        <v>75742418</v>
      </c>
      <c r="OK12" s="346">
        <v>103938272</v>
      </c>
      <c r="OL12" s="351">
        <v>0</v>
      </c>
      <c r="OM12" s="345">
        <v>508211214</v>
      </c>
      <c r="ON12" s="345">
        <v>847210248</v>
      </c>
      <c r="OO12" s="345">
        <v>1119648447</v>
      </c>
      <c r="OP12" s="345">
        <v>1182832524</v>
      </c>
      <c r="OQ12" s="345">
        <v>795680686</v>
      </c>
      <c r="OR12" s="349">
        <v>4453583119</v>
      </c>
      <c r="OS12" s="354">
        <v>4557521391</v>
      </c>
    </row>
    <row r="13" spans="1:409" s="70" customFormat="1" ht="21" customHeight="1" x14ac:dyDescent="0.2">
      <c r="B13" s="410" t="s">
        <v>7</v>
      </c>
      <c r="C13" s="326">
        <v>17342226</v>
      </c>
      <c r="D13" s="327">
        <v>21066997</v>
      </c>
      <c r="E13" s="328">
        <v>38409223</v>
      </c>
      <c r="F13" s="329">
        <v>0</v>
      </c>
      <c r="G13" s="327">
        <v>392019908</v>
      </c>
      <c r="H13" s="327">
        <v>351490475</v>
      </c>
      <c r="I13" s="327">
        <v>298777472</v>
      </c>
      <c r="J13" s="327">
        <v>321527651</v>
      </c>
      <c r="K13" s="327">
        <v>213779893</v>
      </c>
      <c r="L13" s="329">
        <v>1577595399</v>
      </c>
      <c r="M13" s="330">
        <v>1616004622</v>
      </c>
      <c r="N13" s="326">
        <v>2448421</v>
      </c>
      <c r="O13" s="327">
        <v>2838779</v>
      </c>
      <c r="P13" s="328">
        <v>5287200</v>
      </c>
      <c r="Q13" s="326">
        <v>0</v>
      </c>
      <c r="R13" s="327">
        <v>96257353</v>
      </c>
      <c r="S13" s="327">
        <v>100787758</v>
      </c>
      <c r="T13" s="327">
        <v>98953470</v>
      </c>
      <c r="U13" s="327">
        <v>136818793</v>
      </c>
      <c r="V13" s="327">
        <v>113040575</v>
      </c>
      <c r="W13" s="328">
        <v>545857949</v>
      </c>
      <c r="X13" s="330">
        <v>551145149</v>
      </c>
      <c r="Y13" s="326">
        <v>0</v>
      </c>
      <c r="Z13" s="327">
        <v>0</v>
      </c>
      <c r="AA13" s="328">
        <v>0</v>
      </c>
      <c r="AB13" s="326">
        <v>0</v>
      </c>
      <c r="AC13" s="327">
        <v>51941591</v>
      </c>
      <c r="AD13" s="327">
        <v>54842936</v>
      </c>
      <c r="AE13" s="327">
        <v>63644798</v>
      </c>
      <c r="AF13" s="327">
        <v>90789067</v>
      </c>
      <c r="AG13" s="327">
        <v>67873483</v>
      </c>
      <c r="AH13" s="328">
        <v>329091875</v>
      </c>
      <c r="AI13" s="330">
        <v>329091875</v>
      </c>
      <c r="AJ13" s="326">
        <v>0</v>
      </c>
      <c r="AK13" s="327">
        <v>0</v>
      </c>
      <c r="AL13" s="328">
        <v>0</v>
      </c>
      <c r="AM13" s="326">
        <v>0</v>
      </c>
      <c r="AN13" s="327">
        <v>547233</v>
      </c>
      <c r="AO13" s="327">
        <v>2624439</v>
      </c>
      <c r="AP13" s="327">
        <v>3249454</v>
      </c>
      <c r="AQ13" s="327">
        <v>10075789</v>
      </c>
      <c r="AR13" s="327">
        <v>13293811</v>
      </c>
      <c r="AS13" s="328">
        <v>29790726</v>
      </c>
      <c r="AT13" s="330">
        <v>29790726</v>
      </c>
      <c r="AU13" s="326">
        <v>529693</v>
      </c>
      <c r="AV13" s="327">
        <v>1402274</v>
      </c>
      <c r="AW13" s="328">
        <v>1931967</v>
      </c>
      <c r="AX13" s="326">
        <v>0</v>
      </c>
      <c r="AY13" s="327">
        <v>24458055</v>
      </c>
      <c r="AZ13" s="327">
        <v>25144914</v>
      </c>
      <c r="BA13" s="327">
        <v>16552185</v>
      </c>
      <c r="BB13" s="327">
        <v>18978437</v>
      </c>
      <c r="BC13" s="327">
        <v>20716053</v>
      </c>
      <c r="BD13" s="328">
        <v>105849644</v>
      </c>
      <c r="BE13" s="330">
        <v>107781611</v>
      </c>
      <c r="BF13" s="326">
        <v>131142</v>
      </c>
      <c r="BG13" s="327">
        <v>297446</v>
      </c>
      <c r="BH13" s="331">
        <v>428588</v>
      </c>
      <c r="BI13" s="332">
        <v>0</v>
      </c>
      <c r="BJ13" s="327">
        <v>2716687</v>
      </c>
      <c r="BK13" s="327">
        <v>3188627</v>
      </c>
      <c r="BL13" s="327">
        <v>1619985</v>
      </c>
      <c r="BM13" s="327">
        <v>1852994</v>
      </c>
      <c r="BN13" s="327">
        <v>1117174</v>
      </c>
      <c r="BO13" s="328">
        <v>10495467</v>
      </c>
      <c r="BP13" s="330">
        <v>10924055</v>
      </c>
      <c r="BQ13" s="326">
        <v>1787586</v>
      </c>
      <c r="BR13" s="327">
        <v>1139059</v>
      </c>
      <c r="BS13" s="328">
        <v>2926645</v>
      </c>
      <c r="BT13" s="326">
        <v>0</v>
      </c>
      <c r="BU13" s="327">
        <v>16593787</v>
      </c>
      <c r="BV13" s="327">
        <v>14986842</v>
      </c>
      <c r="BW13" s="327">
        <v>13887048</v>
      </c>
      <c r="BX13" s="327">
        <v>15122506</v>
      </c>
      <c r="BY13" s="327">
        <v>10040054</v>
      </c>
      <c r="BZ13" s="328">
        <v>70630237</v>
      </c>
      <c r="CA13" s="330">
        <v>73556882</v>
      </c>
      <c r="CB13" s="326">
        <v>1157847</v>
      </c>
      <c r="CC13" s="327">
        <v>2948144</v>
      </c>
      <c r="CD13" s="328">
        <v>4105991</v>
      </c>
      <c r="CE13" s="326">
        <v>0</v>
      </c>
      <c r="CF13" s="327">
        <v>107323662</v>
      </c>
      <c r="CG13" s="327">
        <v>87835656</v>
      </c>
      <c r="CH13" s="327">
        <v>59652264</v>
      </c>
      <c r="CI13" s="327">
        <v>35183740</v>
      </c>
      <c r="CJ13" s="327">
        <v>17893404</v>
      </c>
      <c r="CK13" s="328">
        <v>307888726</v>
      </c>
      <c r="CL13" s="330">
        <v>311994717</v>
      </c>
      <c r="CM13" s="326">
        <v>0</v>
      </c>
      <c r="CN13" s="327">
        <v>0</v>
      </c>
      <c r="CO13" s="328">
        <v>0</v>
      </c>
      <c r="CP13" s="332">
        <v>0</v>
      </c>
      <c r="CQ13" s="327">
        <v>90840473</v>
      </c>
      <c r="CR13" s="327">
        <v>71628543</v>
      </c>
      <c r="CS13" s="327">
        <v>49266323</v>
      </c>
      <c r="CT13" s="327">
        <v>28486402</v>
      </c>
      <c r="CU13" s="327">
        <v>15299627</v>
      </c>
      <c r="CV13" s="328">
        <v>255521368</v>
      </c>
      <c r="CW13" s="330">
        <v>255521368</v>
      </c>
      <c r="CX13" s="326">
        <v>1157847</v>
      </c>
      <c r="CY13" s="327">
        <v>2948144</v>
      </c>
      <c r="CZ13" s="328">
        <v>4105991</v>
      </c>
      <c r="DA13" s="326">
        <v>0</v>
      </c>
      <c r="DB13" s="327">
        <v>16483189</v>
      </c>
      <c r="DC13" s="327">
        <v>16207113</v>
      </c>
      <c r="DD13" s="327">
        <v>10385941</v>
      </c>
      <c r="DE13" s="327">
        <v>6697338</v>
      </c>
      <c r="DF13" s="327">
        <v>2593777</v>
      </c>
      <c r="DG13" s="328">
        <v>52367358</v>
      </c>
      <c r="DH13" s="330">
        <v>56473349</v>
      </c>
      <c r="DI13" s="326">
        <v>97529</v>
      </c>
      <c r="DJ13" s="327">
        <v>206020</v>
      </c>
      <c r="DK13" s="331">
        <v>303549</v>
      </c>
      <c r="DL13" s="332">
        <v>0</v>
      </c>
      <c r="DM13" s="327">
        <v>14441844</v>
      </c>
      <c r="DN13" s="327">
        <v>19617743</v>
      </c>
      <c r="DO13" s="327">
        <v>29715081</v>
      </c>
      <c r="DP13" s="327">
        <v>31208018</v>
      </c>
      <c r="DQ13" s="327">
        <v>12470732</v>
      </c>
      <c r="DR13" s="328">
        <v>107453418</v>
      </c>
      <c r="DS13" s="330">
        <v>107756967</v>
      </c>
      <c r="DT13" s="326">
        <v>97529</v>
      </c>
      <c r="DU13" s="327">
        <v>206020</v>
      </c>
      <c r="DV13" s="328">
        <v>303549</v>
      </c>
      <c r="DW13" s="326">
        <v>0</v>
      </c>
      <c r="DX13" s="327">
        <v>13722043</v>
      </c>
      <c r="DY13" s="327">
        <v>17997290</v>
      </c>
      <c r="DZ13" s="327">
        <v>27716151</v>
      </c>
      <c r="EA13" s="327">
        <v>29100068</v>
      </c>
      <c r="EB13" s="327">
        <v>11719465</v>
      </c>
      <c r="EC13" s="328">
        <v>100255017</v>
      </c>
      <c r="ED13" s="330">
        <v>100558566</v>
      </c>
      <c r="EE13" s="326">
        <v>0</v>
      </c>
      <c r="EF13" s="331">
        <v>0</v>
      </c>
      <c r="EG13" s="328">
        <v>0</v>
      </c>
      <c r="EH13" s="326">
        <v>0</v>
      </c>
      <c r="EI13" s="327">
        <v>719801</v>
      </c>
      <c r="EJ13" s="327">
        <v>1620453</v>
      </c>
      <c r="EK13" s="327">
        <v>1998930</v>
      </c>
      <c r="EL13" s="327">
        <v>2107950</v>
      </c>
      <c r="EM13" s="327">
        <v>751267</v>
      </c>
      <c r="EN13" s="331">
        <v>7198401</v>
      </c>
      <c r="EO13" s="330">
        <v>7198401</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5270693</v>
      </c>
      <c r="FM13" s="327">
        <v>6080182</v>
      </c>
      <c r="FN13" s="328">
        <v>11350875</v>
      </c>
      <c r="FO13" s="326">
        <v>0</v>
      </c>
      <c r="FP13" s="327">
        <v>17992855</v>
      </c>
      <c r="FQ13" s="327">
        <v>31756049</v>
      </c>
      <c r="FR13" s="327">
        <v>20517341</v>
      </c>
      <c r="FS13" s="327">
        <v>20086335</v>
      </c>
      <c r="FT13" s="327">
        <v>13705038</v>
      </c>
      <c r="FU13" s="328">
        <v>104057618</v>
      </c>
      <c r="FV13" s="330">
        <v>115408493</v>
      </c>
      <c r="FW13" s="333">
        <v>1910861</v>
      </c>
      <c r="FX13" s="327">
        <v>4048091</v>
      </c>
      <c r="FY13" s="331">
        <v>5958952</v>
      </c>
      <c r="FZ13" s="332">
        <v>0</v>
      </c>
      <c r="GA13" s="327">
        <v>13194724</v>
      </c>
      <c r="GB13" s="327">
        <v>28782366</v>
      </c>
      <c r="GC13" s="327">
        <v>18882570</v>
      </c>
      <c r="GD13" s="327">
        <v>18579908</v>
      </c>
      <c r="GE13" s="327">
        <v>13347203</v>
      </c>
      <c r="GF13" s="328">
        <v>92786771</v>
      </c>
      <c r="GG13" s="334">
        <v>98745723</v>
      </c>
      <c r="GH13" s="333">
        <v>254414</v>
      </c>
      <c r="GI13" s="327">
        <v>422314</v>
      </c>
      <c r="GJ13" s="331">
        <v>676728</v>
      </c>
      <c r="GK13" s="332">
        <v>0</v>
      </c>
      <c r="GL13" s="327">
        <v>763743</v>
      </c>
      <c r="GM13" s="327">
        <v>986447</v>
      </c>
      <c r="GN13" s="327">
        <v>747741</v>
      </c>
      <c r="GO13" s="327">
        <v>555807</v>
      </c>
      <c r="GP13" s="327">
        <v>151915</v>
      </c>
      <c r="GQ13" s="328">
        <v>3205653</v>
      </c>
      <c r="GR13" s="330">
        <v>3882381</v>
      </c>
      <c r="GS13" s="326">
        <v>3105418</v>
      </c>
      <c r="GT13" s="327">
        <v>1609777</v>
      </c>
      <c r="GU13" s="328">
        <v>4715195</v>
      </c>
      <c r="GV13" s="326">
        <v>0</v>
      </c>
      <c r="GW13" s="327">
        <v>4034388</v>
      </c>
      <c r="GX13" s="327">
        <v>1987236</v>
      </c>
      <c r="GY13" s="327">
        <v>887030</v>
      </c>
      <c r="GZ13" s="327">
        <v>950620</v>
      </c>
      <c r="HA13" s="327">
        <v>205920</v>
      </c>
      <c r="HB13" s="331">
        <v>8065194</v>
      </c>
      <c r="HC13" s="330">
        <v>12780389</v>
      </c>
      <c r="HD13" s="326">
        <v>5935100</v>
      </c>
      <c r="HE13" s="327">
        <v>4428081</v>
      </c>
      <c r="HF13" s="331">
        <v>10363181</v>
      </c>
      <c r="HG13" s="332">
        <v>0</v>
      </c>
      <c r="HH13" s="327">
        <v>79421173</v>
      </c>
      <c r="HI13" s="327">
        <v>60393425</v>
      </c>
      <c r="HJ13" s="327">
        <v>58615875</v>
      </c>
      <c r="HK13" s="327">
        <v>74722244</v>
      </c>
      <c r="HL13" s="327">
        <v>42968199</v>
      </c>
      <c r="HM13" s="328">
        <v>316120916</v>
      </c>
      <c r="HN13" s="329">
        <v>326484097</v>
      </c>
      <c r="HO13" s="333">
        <v>2432636</v>
      </c>
      <c r="HP13" s="327">
        <v>4565791</v>
      </c>
      <c r="HQ13" s="328">
        <v>6998427</v>
      </c>
      <c r="HR13" s="326">
        <v>0</v>
      </c>
      <c r="HS13" s="327">
        <v>76583021</v>
      </c>
      <c r="HT13" s="327">
        <v>51099844</v>
      </c>
      <c r="HU13" s="327">
        <v>31323441</v>
      </c>
      <c r="HV13" s="327">
        <v>23508521</v>
      </c>
      <c r="HW13" s="327">
        <v>13701945</v>
      </c>
      <c r="HX13" s="331">
        <v>196216772</v>
      </c>
      <c r="HY13" s="330">
        <v>203215199</v>
      </c>
      <c r="HZ13" s="335">
        <v>111653</v>
      </c>
      <c r="IA13" s="336">
        <v>551170</v>
      </c>
      <c r="IB13" s="337">
        <v>662823</v>
      </c>
      <c r="IC13" s="338">
        <v>0</v>
      </c>
      <c r="ID13" s="336">
        <v>105215687</v>
      </c>
      <c r="IE13" s="339">
        <v>111177604</v>
      </c>
      <c r="IF13" s="337">
        <v>93981275</v>
      </c>
      <c r="IG13" s="336">
        <v>64644094</v>
      </c>
      <c r="IH13" s="337">
        <v>40500570</v>
      </c>
      <c r="II13" s="340">
        <v>415519230</v>
      </c>
      <c r="IJ13" s="341">
        <v>416182053</v>
      </c>
      <c r="IK13" s="342">
        <v>0</v>
      </c>
      <c r="IL13" s="343">
        <v>0</v>
      </c>
      <c r="IM13" s="344">
        <v>0</v>
      </c>
      <c r="IN13" s="404">
        <v>0</v>
      </c>
      <c r="IO13" s="345">
        <v>651399</v>
      </c>
      <c r="IP13" s="345">
        <v>2045024</v>
      </c>
      <c r="IQ13" s="345">
        <v>1343656</v>
      </c>
      <c r="IR13" s="345">
        <v>2785775</v>
      </c>
      <c r="IS13" s="345">
        <v>1755162</v>
      </c>
      <c r="IT13" s="346">
        <v>8581016</v>
      </c>
      <c r="IU13" s="347">
        <v>8581016</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5055472</v>
      </c>
      <c r="JL13" s="345">
        <v>45767883</v>
      </c>
      <c r="JM13" s="345">
        <v>25754479</v>
      </c>
      <c r="JN13" s="345">
        <v>12162077</v>
      </c>
      <c r="JO13" s="345">
        <v>6959011</v>
      </c>
      <c r="JP13" s="349">
        <v>145698922</v>
      </c>
      <c r="JQ13" s="347">
        <v>145698922</v>
      </c>
      <c r="JR13" s="348">
        <v>0</v>
      </c>
      <c r="JS13" s="345">
        <v>124788</v>
      </c>
      <c r="JT13" s="346">
        <v>124788</v>
      </c>
      <c r="JU13" s="351">
        <v>0</v>
      </c>
      <c r="JV13" s="345">
        <v>7983111</v>
      </c>
      <c r="JW13" s="345">
        <v>10029802</v>
      </c>
      <c r="JX13" s="345">
        <v>12208263</v>
      </c>
      <c r="JY13" s="345">
        <v>5827094</v>
      </c>
      <c r="JZ13" s="345">
        <v>4108898</v>
      </c>
      <c r="KA13" s="349">
        <v>40157168</v>
      </c>
      <c r="KB13" s="347">
        <v>40281956</v>
      </c>
      <c r="KC13" s="352">
        <v>111653</v>
      </c>
      <c r="KD13" s="353">
        <v>170897</v>
      </c>
      <c r="KE13" s="349">
        <v>282550</v>
      </c>
      <c r="KF13" s="351">
        <v>0</v>
      </c>
      <c r="KG13" s="345">
        <v>6225296</v>
      </c>
      <c r="KH13" s="345">
        <v>7282429</v>
      </c>
      <c r="KI13" s="345">
        <v>7705775</v>
      </c>
      <c r="KJ13" s="345">
        <v>4843501</v>
      </c>
      <c r="KK13" s="345">
        <v>2777092</v>
      </c>
      <c r="KL13" s="349">
        <v>28834093</v>
      </c>
      <c r="KM13" s="354">
        <v>29116643</v>
      </c>
      <c r="KN13" s="342">
        <v>0</v>
      </c>
      <c r="KO13" s="343">
        <v>255485</v>
      </c>
      <c r="KP13" s="344">
        <v>255485</v>
      </c>
      <c r="KQ13" s="413">
        <v>0</v>
      </c>
      <c r="KR13" s="345">
        <v>33114301</v>
      </c>
      <c r="KS13" s="345">
        <v>43560011</v>
      </c>
      <c r="KT13" s="345">
        <v>42264870</v>
      </c>
      <c r="KU13" s="345">
        <v>36463584</v>
      </c>
      <c r="KV13" s="345">
        <v>19045861</v>
      </c>
      <c r="KW13" s="349">
        <v>174448627</v>
      </c>
      <c r="KX13" s="347">
        <v>174704112</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2186108</v>
      </c>
      <c r="LZ13" s="345">
        <v>2492455</v>
      </c>
      <c r="MA13" s="345">
        <v>4704232</v>
      </c>
      <c r="MB13" s="345">
        <v>2562063</v>
      </c>
      <c r="MC13" s="345">
        <v>5854546</v>
      </c>
      <c r="MD13" s="349">
        <v>17799404</v>
      </c>
      <c r="ME13" s="350">
        <v>17799404</v>
      </c>
      <c r="MF13" s="348">
        <v>0</v>
      </c>
      <c r="MG13" s="345">
        <v>0</v>
      </c>
      <c r="MH13" s="349">
        <v>0</v>
      </c>
      <c r="MI13" s="413">
        <v>0</v>
      </c>
      <c r="MJ13" s="345">
        <v>48819841</v>
      </c>
      <c r="MK13" s="345">
        <v>69046774</v>
      </c>
      <c r="ML13" s="345">
        <v>260891481</v>
      </c>
      <c r="MM13" s="345">
        <v>398368553</v>
      </c>
      <c r="MN13" s="345">
        <v>223330977</v>
      </c>
      <c r="MO13" s="349">
        <v>1000457626</v>
      </c>
      <c r="MP13" s="354">
        <v>1000457626</v>
      </c>
      <c r="MQ13" s="348">
        <v>0</v>
      </c>
      <c r="MR13" s="345">
        <v>0</v>
      </c>
      <c r="MS13" s="349">
        <v>0</v>
      </c>
      <c r="MT13" s="413">
        <v>0</v>
      </c>
      <c r="MU13" s="345">
        <v>6255659</v>
      </c>
      <c r="MV13" s="345">
        <v>10480788</v>
      </c>
      <c r="MW13" s="345">
        <v>173812626</v>
      </c>
      <c r="MX13" s="345">
        <v>291951623</v>
      </c>
      <c r="MY13" s="345">
        <v>183383006</v>
      </c>
      <c r="MZ13" s="349">
        <v>665883702</v>
      </c>
      <c r="NA13" s="354">
        <v>665883702</v>
      </c>
      <c r="NB13" s="348">
        <v>0</v>
      </c>
      <c r="NC13" s="345">
        <v>0</v>
      </c>
      <c r="ND13" s="349">
        <v>0</v>
      </c>
      <c r="NE13" s="413">
        <v>0</v>
      </c>
      <c r="NF13" s="345">
        <v>42564182</v>
      </c>
      <c r="NG13" s="345">
        <v>58565986</v>
      </c>
      <c r="NH13" s="345">
        <v>86379704</v>
      </c>
      <c r="NI13" s="345">
        <v>105636511</v>
      </c>
      <c r="NJ13" s="345">
        <v>38787871</v>
      </c>
      <c r="NK13" s="349">
        <v>331934254</v>
      </c>
      <c r="NL13" s="347">
        <v>331934254</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699151</v>
      </c>
      <c r="OE13" s="345">
        <v>780419</v>
      </c>
      <c r="OF13" s="345">
        <v>1160100</v>
      </c>
      <c r="OG13" s="349">
        <v>2639670</v>
      </c>
      <c r="OH13" s="350">
        <v>2639670</v>
      </c>
      <c r="OI13" s="348">
        <v>17453879</v>
      </c>
      <c r="OJ13" s="345">
        <v>21618167</v>
      </c>
      <c r="OK13" s="346">
        <v>39072046</v>
      </c>
      <c r="OL13" s="351">
        <v>0</v>
      </c>
      <c r="OM13" s="345">
        <v>546055436</v>
      </c>
      <c r="ON13" s="345">
        <v>531714853</v>
      </c>
      <c r="OO13" s="345">
        <v>653650228</v>
      </c>
      <c r="OP13" s="345">
        <v>784540298</v>
      </c>
      <c r="OQ13" s="345">
        <v>477611440</v>
      </c>
      <c r="OR13" s="349">
        <v>2993572255</v>
      </c>
      <c r="OS13" s="354">
        <v>3032644301</v>
      </c>
    </row>
    <row r="14" spans="1:409" s="70" customFormat="1" ht="21" customHeight="1" x14ac:dyDescent="0.2">
      <c r="B14" s="410" t="s">
        <v>8</v>
      </c>
      <c r="C14" s="326">
        <v>14346154</v>
      </c>
      <c r="D14" s="327">
        <v>17859847</v>
      </c>
      <c r="E14" s="328">
        <v>32206001</v>
      </c>
      <c r="F14" s="329">
        <v>0</v>
      </c>
      <c r="G14" s="327">
        <v>164478788</v>
      </c>
      <c r="H14" s="327">
        <v>217404525</v>
      </c>
      <c r="I14" s="327">
        <v>193909655</v>
      </c>
      <c r="J14" s="327">
        <v>183694513</v>
      </c>
      <c r="K14" s="327">
        <v>132544332</v>
      </c>
      <c r="L14" s="329">
        <v>892031813</v>
      </c>
      <c r="M14" s="330">
        <v>924237814</v>
      </c>
      <c r="N14" s="326">
        <v>2434130</v>
      </c>
      <c r="O14" s="327">
        <v>4305496</v>
      </c>
      <c r="P14" s="328">
        <v>6739626</v>
      </c>
      <c r="Q14" s="326">
        <v>0</v>
      </c>
      <c r="R14" s="327">
        <v>43125806</v>
      </c>
      <c r="S14" s="327">
        <v>67540570</v>
      </c>
      <c r="T14" s="327">
        <v>65108959</v>
      </c>
      <c r="U14" s="327">
        <v>74039079</v>
      </c>
      <c r="V14" s="327">
        <v>74636568</v>
      </c>
      <c r="W14" s="328">
        <v>324450982</v>
      </c>
      <c r="X14" s="330">
        <v>331190608</v>
      </c>
      <c r="Y14" s="326">
        <v>0</v>
      </c>
      <c r="Z14" s="327">
        <v>0</v>
      </c>
      <c r="AA14" s="328">
        <v>0</v>
      </c>
      <c r="AB14" s="326">
        <v>0</v>
      </c>
      <c r="AC14" s="327">
        <v>21318612</v>
      </c>
      <c r="AD14" s="327">
        <v>38058580</v>
      </c>
      <c r="AE14" s="327">
        <v>41354809</v>
      </c>
      <c r="AF14" s="327">
        <v>48851076</v>
      </c>
      <c r="AG14" s="327">
        <v>49341019</v>
      </c>
      <c r="AH14" s="328">
        <v>198924096</v>
      </c>
      <c r="AI14" s="330">
        <v>198924096</v>
      </c>
      <c r="AJ14" s="326">
        <v>0</v>
      </c>
      <c r="AK14" s="327">
        <v>0</v>
      </c>
      <c r="AL14" s="328">
        <v>0</v>
      </c>
      <c r="AM14" s="326">
        <v>0</v>
      </c>
      <c r="AN14" s="327">
        <v>461559</v>
      </c>
      <c r="AO14" s="327">
        <v>1001806</v>
      </c>
      <c r="AP14" s="327">
        <v>1472951</v>
      </c>
      <c r="AQ14" s="327">
        <v>3514071</v>
      </c>
      <c r="AR14" s="327">
        <v>6732911</v>
      </c>
      <c r="AS14" s="328">
        <v>13183298</v>
      </c>
      <c r="AT14" s="330">
        <v>13183298</v>
      </c>
      <c r="AU14" s="326">
        <v>1194798</v>
      </c>
      <c r="AV14" s="327">
        <v>2867516</v>
      </c>
      <c r="AW14" s="328">
        <v>4062314</v>
      </c>
      <c r="AX14" s="326">
        <v>0</v>
      </c>
      <c r="AY14" s="327">
        <v>11832705</v>
      </c>
      <c r="AZ14" s="327">
        <v>17591315</v>
      </c>
      <c r="BA14" s="327">
        <v>12588100</v>
      </c>
      <c r="BB14" s="327">
        <v>12369422</v>
      </c>
      <c r="BC14" s="327">
        <v>11470624</v>
      </c>
      <c r="BD14" s="328">
        <v>65852166</v>
      </c>
      <c r="BE14" s="330">
        <v>69914480</v>
      </c>
      <c r="BF14" s="326">
        <v>357535</v>
      </c>
      <c r="BG14" s="327">
        <v>832469</v>
      </c>
      <c r="BH14" s="331">
        <v>1190004</v>
      </c>
      <c r="BI14" s="332">
        <v>0</v>
      </c>
      <c r="BJ14" s="327">
        <v>3150152</v>
      </c>
      <c r="BK14" s="327">
        <v>3658057</v>
      </c>
      <c r="BL14" s="327">
        <v>2101512</v>
      </c>
      <c r="BM14" s="327">
        <v>1934026</v>
      </c>
      <c r="BN14" s="327">
        <v>1119752</v>
      </c>
      <c r="BO14" s="328">
        <v>11963499</v>
      </c>
      <c r="BP14" s="330">
        <v>13153503</v>
      </c>
      <c r="BQ14" s="326">
        <v>881797</v>
      </c>
      <c r="BR14" s="327">
        <v>605511</v>
      </c>
      <c r="BS14" s="328">
        <v>1487308</v>
      </c>
      <c r="BT14" s="326">
        <v>0</v>
      </c>
      <c r="BU14" s="327">
        <v>6362778</v>
      </c>
      <c r="BV14" s="327">
        <v>7230812</v>
      </c>
      <c r="BW14" s="327">
        <v>7591587</v>
      </c>
      <c r="BX14" s="327">
        <v>7370484</v>
      </c>
      <c r="BY14" s="327">
        <v>5972262</v>
      </c>
      <c r="BZ14" s="328">
        <v>34527923</v>
      </c>
      <c r="CA14" s="330">
        <v>36015231</v>
      </c>
      <c r="CB14" s="326">
        <v>1544115</v>
      </c>
      <c r="CC14" s="327">
        <v>2834087</v>
      </c>
      <c r="CD14" s="328">
        <v>4378202</v>
      </c>
      <c r="CE14" s="326">
        <v>0</v>
      </c>
      <c r="CF14" s="327">
        <v>46628240</v>
      </c>
      <c r="CG14" s="327">
        <v>60893584</v>
      </c>
      <c r="CH14" s="327">
        <v>45372089</v>
      </c>
      <c r="CI14" s="327">
        <v>32807741</v>
      </c>
      <c r="CJ14" s="327">
        <v>14736115</v>
      </c>
      <c r="CK14" s="328">
        <v>200437769</v>
      </c>
      <c r="CL14" s="330">
        <v>204815971</v>
      </c>
      <c r="CM14" s="326">
        <v>0</v>
      </c>
      <c r="CN14" s="327">
        <v>0</v>
      </c>
      <c r="CO14" s="328">
        <v>0</v>
      </c>
      <c r="CP14" s="332">
        <v>0</v>
      </c>
      <c r="CQ14" s="327">
        <v>38480871</v>
      </c>
      <c r="CR14" s="327">
        <v>50954333</v>
      </c>
      <c r="CS14" s="327">
        <v>36655517</v>
      </c>
      <c r="CT14" s="327">
        <v>26727097</v>
      </c>
      <c r="CU14" s="327">
        <v>13134452</v>
      </c>
      <c r="CV14" s="328">
        <v>165952270</v>
      </c>
      <c r="CW14" s="330">
        <v>165952270</v>
      </c>
      <c r="CX14" s="326">
        <v>1544115</v>
      </c>
      <c r="CY14" s="327">
        <v>2834087</v>
      </c>
      <c r="CZ14" s="328">
        <v>4378202</v>
      </c>
      <c r="DA14" s="326">
        <v>0</v>
      </c>
      <c r="DB14" s="327">
        <v>8147369</v>
      </c>
      <c r="DC14" s="327">
        <v>9939251</v>
      </c>
      <c r="DD14" s="327">
        <v>8716572</v>
      </c>
      <c r="DE14" s="327">
        <v>6080644</v>
      </c>
      <c r="DF14" s="327">
        <v>1601663</v>
      </c>
      <c r="DG14" s="328">
        <v>34485499</v>
      </c>
      <c r="DH14" s="330">
        <v>38863701</v>
      </c>
      <c r="DI14" s="326">
        <v>93307</v>
      </c>
      <c r="DJ14" s="327">
        <v>609226</v>
      </c>
      <c r="DK14" s="331">
        <v>702533</v>
      </c>
      <c r="DL14" s="332">
        <v>0</v>
      </c>
      <c r="DM14" s="327">
        <v>5649601</v>
      </c>
      <c r="DN14" s="327">
        <v>10897103</v>
      </c>
      <c r="DO14" s="327">
        <v>24299562</v>
      </c>
      <c r="DP14" s="327">
        <v>19374145</v>
      </c>
      <c r="DQ14" s="327">
        <v>7347317</v>
      </c>
      <c r="DR14" s="328">
        <v>67567728</v>
      </c>
      <c r="DS14" s="330">
        <v>68270261</v>
      </c>
      <c r="DT14" s="326">
        <v>93307</v>
      </c>
      <c r="DU14" s="327">
        <v>609226</v>
      </c>
      <c r="DV14" s="328">
        <v>702533</v>
      </c>
      <c r="DW14" s="326">
        <v>0</v>
      </c>
      <c r="DX14" s="327">
        <v>5533595</v>
      </c>
      <c r="DY14" s="327">
        <v>9839343</v>
      </c>
      <c r="DZ14" s="327">
        <v>23651108</v>
      </c>
      <c r="EA14" s="327">
        <v>19036750</v>
      </c>
      <c r="EB14" s="327">
        <v>7061682</v>
      </c>
      <c r="EC14" s="328">
        <v>65122478</v>
      </c>
      <c r="ED14" s="330">
        <v>65825011</v>
      </c>
      <c r="EE14" s="326">
        <v>0</v>
      </c>
      <c r="EF14" s="331">
        <v>0</v>
      </c>
      <c r="EG14" s="328">
        <v>0</v>
      </c>
      <c r="EH14" s="326">
        <v>0</v>
      </c>
      <c r="EI14" s="327">
        <v>116006</v>
      </c>
      <c r="EJ14" s="327">
        <v>1057760</v>
      </c>
      <c r="EK14" s="327">
        <v>648454</v>
      </c>
      <c r="EL14" s="327">
        <v>337395</v>
      </c>
      <c r="EM14" s="327">
        <v>285635</v>
      </c>
      <c r="EN14" s="331">
        <v>2445250</v>
      </c>
      <c r="EO14" s="330">
        <v>2445250</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4253040</v>
      </c>
      <c r="FM14" s="327">
        <v>4868294</v>
      </c>
      <c r="FN14" s="328">
        <v>9121334</v>
      </c>
      <c r="FO14" s="326">
        <v>0</v>
      </c>
      <c r="FP14" s="327">
        <v>10573755</v>
      </c>
      <c r="FQ14" s="327">
        <v>22559844</v>
      </c>
      <c r="FR14" s="327">
        <v>15328472</v>
      </c>
      <c r="FS14" s="327">
        <v>13117412</v>
      </c>
      <c r="FT14" s="327">
        <v>9567407</v>
      </c>
      <c r="FU14" s="328">
        <v>71146890</v>
      </c>
      <c r="FV14" s="330">
        <v>80268224</v>
      </c>
      <c r="FW14" s="333">
        <v>2626939</v>
      </c>
      <c r="FX14" s="327">
        <v>4003898</v>
      </c>
      <c r="FY14" s="331">
        <v>6630837</v>
      </c>
      <c r="FZ14" s="332">
        <v>0</v>
      </c>
      <c r="GA14" s="327">
        <v>7891586</v>
      </c>
      <c r="GB14" s="327">
        <v>20826735</v>
      </c>
      <c r="GC14" s="327">
        <v>14206016</v>
      </c>
      <c r="GD14" s="327">
        <v>12091086</v>
      </c>
      <c r="GE14" s="327">
        <v>9237779</v>
      </c>
      <c r="GF14" s="328">
        <v>64253202</v>
      </c>
      <c r="GG14" s="334">
        <v>70884039</v>
      </c>
      <c r="GH14" s="333">
        <v>143166</v>
      </c>
      <c r="GI14" s="327">
        <v>186846</v>
      </c>
      <c r="GJ14" s="331">
        <v>330012</v>
      </c>
      <c r="GK14" s="332">
        <v>0</v>
      </c>
      <c r="GL14" s="327">
        <v>550964</v>
      </c>
      <c r="GM14" s="327">
        <v>511668</v>
      </c>
      <c r="GN14" s="327">
        <v>598333</v>
      </c>
      <c r="GO14" s="327">
        <v>458626</v>
      </c>
      <c r="GP14" s="327">
        <v>119493</v>
      </c>
      <c r="GQ14" s="328">
        <v>2239084</v>
      </c>
      <c r="GR14" s="330">
        <v>2569096</v>
      </c>
      <c r="GS14" s="326">
        <v>1482935</v>
      </c>
      <c r="GT14" s="327">
        <v>677550</v>
      </c>
      <c r="GU14" s="328">
        <v>2160485</v>
      </c>
      <c r="GV14" s="326">
        <v>0</v>
      </c>
      <c r="GW14" s="327">
        <v>2131205</v>
      </c>
      <c r="GX14" s="327">
        <v>1221441</v>
      </c>
      <c r="GY14" s="327">
        <v>524123</v>
      </c>
      <c r="GZ14" s="327">
        <v>567700</v>
      </c>
      <c r="HA14" s="327">
        <v>210135</v>
      </c>
      <c r="HB14" s="331">
        <v>4654604</v>
      </c>
      <c r="HC14" s="330">
        <v>6815089</v>
      </c>
      <c r="HD14" s="326">
        <v>3180775</v>
      </c>
      <c r="HE14" s="327">
        <v>1805175</v>
      </c>
      <c r="HF14" s="331">
        <v>4985950</v>
      </c>
      <c r="HG14" s="332">
        <v>0</v>
      </c>
      <c r="HH14" s="327">
        <v>27146086</v>
      </c>
      <c r="HI14" s="327">
        <v>23601889</v>
      </c>
      <c r="HJ14" s="327">
        <v>23310089</v>
      </c>
      <c r="HK14" s="327">
        <v>30479005</v>
      </c>
      <c r="HL14" s="327">
        <v>18099310</v>
      </c>
      <c r="HM14" s="328">
        <v>122636379</v>
      </c>
      <c r="HN14" s="329">
        <v>127622329</v>
      </c>
      <c r="HO14" s="333">
        <v>2840787</v>
      </c>
      <c r="HP14" s="327">
        <v>3437569</v>
      </c>
      <c r="HQ14" s="328">
        <v>6278356</v>
      </c>
      <c r="HR14" s="326">
        <v>0</v>
      </c>
      <c r="HS14" s="327">
        <v>31355300</v>
      </c>
      <c r="HT14" s="327">
        <v>31911535</v>
      </c>
      <c r="HU14" s="327">
        <v>20490484</v>
      </c>
      <c r="HV14" s="327">
        <v>13877131</v>
      </c>
      <c r="HW14" s="327">
        <v>8157615</v>
      </c>
      <c r="HX14" s="331">
        <v>105792065</v>
      </c>
      <c r="HY14" s="330">
        <v>112070421</v>
      </c>
      <c r="HZ14" s="335">
        <v>677473</v>
      </c>
      <c r="IA14" s="336">
        <v>957389</v>
      </c>
      <c r="IB14" s="337">
        <v>1634862</v>
      </c>
      <c r="IC14" s="355">
        <v>0</v>
      </c>
      <c r="ID14" s="356">
        <v>62789781</v>
      </c>
      <c r="IE14" s="357">
        <v>77221337</v>
      </c>
      <c r="IF14" s="358">
        <v>77258826</v>
      </c>
      <c r="IG14" s="356">
        <v>54064626</v>
      </c>
      <c r="IH14" s="358">
        <v>34595872</v>
      </c>
      <c r="II14" s="359">
        <v>305930442</v>
      </c>
      <c r="IJ14" s="341">
        <v>307565304</v>
      </c>
      <c r="IK14" s="342">
        <v>0</v>
      </c>
      <c r="IL14" s="343">
        <v>0</v>
      </c>
      <c r="IM14" s="344">
        <v>0</v>
      </c>
      <c r="IN14" s="404">
        <v>0</v>
      </c>
      <c r="IO14" s="345">
        <v>497637</v>
      </c>
      <c r="IP14" s="345">
        <v>576895</v>
      </c>
      <c r="IQ14" s="345">
        <v>864368</v>
      </c>
      <c r="IR14" s="345">
        <v>949290</v>
      </c>
      <c r="IS14" s="345">
        <v>766217</v>
      </c>
      <c r="IT14" s="346">
        <v>3654407</v>
      </c>
      <c r="IU14" s="347">
        <v>3654407</v>
      </c>
      <c r="IV14" s="348">
        <v>0</v>
      </c>
      <c r="IW14" s="345">
        <v>0</v>
      </c>
      <c r="IX14" s="349">
        <v>0</v>
      </c>
      <c r="IY14" s="413">
        <v>0</v>
      </c>
      <c r="IZ14" s="345">
        <v>37690</v>
      </c>
      <c r="JA14" s="345">
        <v>44643</v>
      </c>
      <c r="JB14" s="345">
        <v>0</v>
      </c>
      <c r="JC14" s="345">
        <v>37690</v>
      </c>
      <c r="JD14" s="345">
        <v>0</v>
      </c>
      <c r="JE14" s="349">
        <v>120023</v>
      </c>
      <c r="JF14" s="350">
        <v>120023</v>
      </c>
      <c r="JG14" s="348">
        <v>0</v>
      </c>
      <c r="JH14" s="345">
        <v>0</v>
      </c>
      <c r="JI14" s="346">
        <v>0</v>
      </c>
      <c r="JJ14" s="351">
        <v>0</v>
      </c>
      <c r="JK14" s="345">
        <v>33999303</v>
      </c>
      <c r="JL14" s="345">
        <v>42834278</v>
      </c>
      <c r="JM14" s="345">
        <v>23993566</v>
      </c>
      <c r="JN14" s="345">
        <v>15127861</v>
      </c>
      <c r="JO14" s="345">
        <v>10142942</v>
      </c>
      <c r="JP14" s="349">
        <v>126097950</v>
      </c>
      <c r="JQ14" s="347">
        <v>126097950</v>
      </c>
      <c r="JR14" s="348">
        <v>0</v>
      </c>
      <c r="JS14" s="345">
        <v>0</v>
      </c>
      <c r="JT14" s="346">
        <v>0</v>
      </c>
      <c r="JU14" s="351">
        <v>0</v>
      </c>
      <c r="JV14" s="345">
        <v>468402</v>
      </c>
      <c r="JW14" s="345">
        <v>679292</v>
      </c>
      <c r="JX14" s="345">
        <v>798619</v>
      </c>
      <c r="JY14" s="345">
        <v>1617413</v>
      </c>
      <c r="JZ14" s="345">
        <v>1139993</v>
      </c>
      <c r="KA14" s="349">
        <v>4703719</v>
      </c>
      <c r="KB14" s="347">
        <v>4703719</v>
      </c>
      <c r="KC14" s="352">
        <v>677473</v>
      </c>
      <c r="KD14" s="353">
        <v>957389</v>
      </c>
      <c r="KE14" s="349">
        <v>1634862</v>
      </c>
      <c r="KF14" s="351">
        <v>0</v>
      </c>
      <c r="KG14" s="345">
        <v>7625697</v>
      </c>
      <c r="KH14" s="345">
        <v>10104046</v>
      </c>
      <c r="KI14" s="345">
        <v>12973031</v>
      </c>
      <c r="KJ14" s="345">
        <v>5482276</v>
      </c>
      <c r="KK14" s="345">
        <v>4236601</v>
      </c>
      <c r="KL14" s="349">
        <v>40421651</v>
      </c>
      <c r="KM14" s="354">
        <v>42056513</v>
      </c>
      <c r="KN14" s="342">
        <v>0</v>
      </c>
      <c r="KO14" s="343">
        <v>0</v>
      </c>
      <c r="KP14" s="344">
        <v>0</v>
      </c>
      <c r="KQ14" s="413">
        <v>0</v>
      </c>
      <c r="KR14" s="345">
        <v>17499178</v>
      </c>
      <c r="KS14" s="345">
        <v>17448920</v>
      </c>
      <c r="KT14" s="345">
        <v>26961214</v>
      </c>
      <c r="KU14" s="345">
        <v>16930354</v>
      </c>
      <c r="KV14" s="345">
        <v>10040388</v>
      </c>
      <c r="KW14" s="349">
        <v>88880054</v>
      </c>
      <c r="KX14" s="347">
        <v>88880054</v>
      </c>
      <c r="KY14" s="348">
        <v>0</v>
      </c>
      <c r="KZ14" s="345">
        <v>0</v>
      </c>
      <c r="LA14" s="349">
        <v>0</v>
      </c>
      <c r="LB14" s="413">
        <v>0</v>
      </c>
      <c r="LC14" s="345">
        <v>480856</v>
      </c>
      <c r="LD14" s="345">
        <v>1274107</v>
      </c>
      <c r="LE14" s="345">
        <v>2979331</v>
      </c>
      <c r="LF14" s="345">
        <v>2390414</v>
      </c>
      <c r="LG14" s="345">
        <v>3671779</v>
      </c>
      <c r="LH14" s="349">
        <v>10796487</v>
      </c>
      <c r="LI14" s="350">
        <v>10796487</v>
      </c>
      <c r="LJ14" s="348">
        <v>0</v>
      </c>
      <c r="LK14" s="345">
        <v>0</v>
      </c>
      <c r="LL14" s="349">
        <v>0</v>
      </c>
      <c r="LM14" s="413">
        <v>0</v>
      </c>
      <c r="LN14" s="345">
        <v>0</v>
      </c>
      <c r="LO14" s="345">
        <v>469730</v>
      </c>
      <c r="LP14" s="345">
        <v>3654590</v>
      </c>
      <c r="LQ14" s="345">
        <v>8601030</v>
      </c>
      <c r="LR14" s="345">
        <v>2259582</v>
      </c>
      <c r="LS14" s="349">
        <v>14984932</v>
      </c>
      <c r="LT14" s="347">
        <v>14984932</v>
      </c>
      <c r="LU14" s="348">
        <v>0</v>
      </c>
      <c r="LV14" s="345">
        <v>0</v>
      </c>
      <c r="LW14" s="349">
        <v>0</v>
      </c>
      <c r="LX14" s="413">
        <v>0</v>
      </c>
      <c r="LY14" s="345">
        <v>2181018</v>
      </c>
      <c r="LZ14" s="345">
        <v>3789426</v>
      </c>
      <c r="MA14" s="345">
        <v>5034107</v>
      </c>
      <c r="MB14" s="345">
        <v>2928298</v>
      </c>
      <c r="MC14" s="345">
        <v>2338370</v>
      </c>
      <c r="MD14" s="349">
        <v>16271219</v>
      </c>
      <c r="ME14" s="350">
        <v>16271219</v>
      </c>
      <c r="MF14" s="348">
        <v>0</v>
      </c>
      <c r="MG14" s="345">
        <v>0</v>
      </c>
      <c r="MH14" s="349">
        <v>0</v>
      </c>
      <c r="MI14" s="413">
        <v>0</v>
      </c>
      <c r="MJ14" s="345">
        <v>15199381</v>
      </c>
      <c r="MK14" s="345">
        <v>40453327</v>
      </c>
      <c r="ML14" s="345">
        <v>155472782</v>
      </c>
      <c r="MM14" s="345">
        <v>177685809</v>
      </c>
      <c r="MN14" s="345">
        <v>109403578</v>
      </c>
      <c r="MO14" s="349">
        <v>498214877</v>
      </c>
      <c r="MP14" s="354">
        <v>498214877</v>
      </c>
      <c r="MQ14" s="348">
        <v>0</v>
      </c>
      <c r="MR14" s="345">
        <v>0</v>
      </c>
      <c r="MS14" s="349">
        <v>0</v>
      </c>
      <c r="MT14" s="413">
        <v>0</v>
      </c>
      <c r="MU14" s="345">
        <v>3111173</v>
      </c>
      <c r="MV14" s="345">
        <v>15836406</v>
      </c>
      <c r="MW14" s="345">
        <v>109726455</v>
      </c>
      <c r="MX14" s="345">
        <v>124846713</v>
      </c>
      <c r="MY14" s="345">
        <v>76564162</v>
      </c>
      <c r="MZ14" s="349">
        <v>330084909</v>
      </c>
      <c r="NA14" s="354">
        <v>330084909</v>
      </c>
      <c r="NB14" s="348">
        <v>0</v>
      </c>
      <c r="NC14" s="345">
        <v>0</v>
      </c>
      <c r="ND14" s="349">
        <v>0</v>
      </c>
      <c r="NE14" s="413">
        <v>0</v>
      </c>
      <c r="NF14" s="345">
        <v>11801426</v>
      </c>
      <c r="NG14" s="345">
        <v>24616921</v>
      </c>
      <c r="NH14" s="345">
        <v>44927256</v>
      </c>
      <c r="NI14" s="345">
        <v>49238197</v>
      </c>
      <c r="NJ14" s="345">
        <v>29298560</v>
      </c>
      <c r="NK14" s="349">
        <v>159882360</v>
      </c>
      <c r="NL14" s="347">
        <v>159882360</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286782</v>
      </c>
      <c r="OC14" s="345">
        <v>0</v>
      </c>
      <c r="OD14" s="345">
        <v>819071</v>
      </c>
      <c r="OE14" s="345">
        <v>3600899</v>
      </c>
      <c r="OF14" s="345">
        <v>3540856</v>
      </c>
      <c r="OG14" s="349">
        <v>8247608</v>
      </c>
      <c r="OH14" s="350">
        <v>8247608</v>
      </c>
      <c r="OI14" s="348">
        <v>15023627</v>
      </c>
      <c r="OJ14" s="345">
        <v>18817236</v>
      </c>
      <c r="OK14" s="346">
        <v>33840863</v>
      </c>
      <c r="OL14" s="351">
        <v>0</v>
      </c>
      <c r="OM14" s="345">
        <v>242467950</v>
      </c>
      <c r="ON14" s="345">
        <v>335079189</v>
      </c>
      <c r="OO14" s="345">
        <v>426641263</v>
      </c>
      <c r="OP14" s="345">
        <v>415444948</v>
      </c>
      <c r="OQ14" s="345">
        <v>276543782</v>
      </c>
      <c r="OR14" s="349">
        <v>1696177132</v>
      </c>
      <c r="OS14" s="354">
        <v>1730017995</v>
      </c>
    </row>
    <row r="15" spans="1:409" s="70" customFormat="1" ht="21" customHeight="1" x14ac:dyDescent="0.2">
      <c r="B15" s="410" t="s">
        <v>9</v>
      </c>
      <c r="C15" s="326">
        <v>13676200</v>
      </c>
      <c r="D15" s="327">
        <v>17483915</v>
      </c>
      <c r="E15" s="328">
        <v>31160115</v>
      </c>
      <c r="F15" s="332">
        <v>0</v>
      </c>
      <c r="G15" s="327">
        <v>165947621</v>
      </c>
      <c r="H15" s="327">
        <v>167895686</v>
      </c>
      <c r="I15" s="327">
        <v>169532694</v>
      </c>
      <c r="J15" s="327">
        <v>180347505</v>
      </c>
      <c r="K15" s="327">
        <v>141097230</v>
      </c>
      <c r="L15" s="329">
        <v>824820736</v>
      </c>
      <c r="M15" s="330">
        <v>855980851</v>
      </c>
      <c r="N15" s="326">
        <v>2756674</v>
      </c>
      <c r="O15" s="327">
        <v>3878367</v>
      </c>
      <c r="P15" s="328">
        <v>6635041</v>
      </c>
      <c r="Q15" s="326">
        <v>0</v>
      </c>
      <c r="R15" s="327">
        <v>47230058</v>
      </c>
      <c r="S15" s="327">
        <v>53667076</v>
      </c>
      <c r="T15" s="327">
        <v>57572655</v>
      </c>
      <c r="U15" s="327">
        <v>73417670</v>
      </c>
      <c r="V15" s="327">
        <v>75175323</v>
      </c>
      <c r="W15" s="328">
        <v>307062782</v>
      </c>
      <c r="X15" s="330">
        <v>313697823</v>
      </c>
      <c r="Y15" s="326">
        <v>0</v>
      </c>
      <c r="Z15" s="327">
        <v>0</v>
      </c>
      <c r="AA15" s="328">
        <v>0</v>
      </c>
      <c r="AB15" s="326">
        <v>0</v>
      </c>
      <c r="AC15" s="327">
        <v>22393387</v>
      </c>
      <c r="AD15" s="327">
        <v>26605709</v>
      </c>
      <c r="AE15" s="327">
        <v>32808517</v>
      </c>
      <c r="AF15" s="327">
        <v>45648787</v>
      </c>
      <c r="AG15" s="327">
        <v>46690022</v>
      </c>
      <c r="AH15" s="328">
        <v>174146422</v>
      </c>
      <c r="AI15" s="330">
        <v>174146422</v>
      </c>
      <c r="AJ15" s="326">
        <v>0</v>
      </c>
      <c r="AK15" s="327">
        <v>0</v>
      </c>
      <c r="AL15" s="328">
        <v>0</v>
      </c>
      <c r="AM15" s="326">
        <v>0</v>
      </c>
      <c r="AN15" s="327">
        <v>130633</v>
      </c>
      <c r="AO15" s="327">
        <v>617624</v>
      </c>
      <c r="AP15" s="327">
        <v>1439926</v>
      </c>
      <c r="AQ15" s="327">
        <v>3263287</v>
      </c>
      <c r="AR15" s="327">
        <v>6676499</v>
      </c>
      <c r="AS15" s="328">
        <v>12127969</v>
      </c>
      <c r="AT15" s="330">
        <v>12127969</v>
      </c>
      <c r="AU15" s="326">
        <v>1509988</v>
      </c>
      <c r="AV15" s="327">
        <v>2797216</v>
      </c>
      <c r="AW15" s="328">
        <v>4307204</v>
      </c>
      <c r="AX15" s="326">
        <v>0</v>
      </c>
      <c r="AY15" s="327">
        <v>14977389</v>
      </c>
      <c r="AZ15" s="327">
        <v>15973966</v>
      </c>
      <c r="BA15" s="327">
        <v>13165537</v>
      </c>
      <c r="BB15" s="327">
        <v>13208339</v>
      </c>
      <c r="BC15" s="327">
        <v>13040840</v>
      </c>
      <c r="BD15" s="328">
        <v>70366071</v>
      </c>
      <c r="BE15" s="330">
        <v>74673275</v>
      </c>
      <c r="BF15" s="326">
        <v>177717</v>
      </c>
      <c r="BG15" s="327">
        <v>375470</v>
      </c>
      <c r="BH15" s="331">
        <v>553187</v>
      </c>
      <c r="BI15" s="332">
        <v>0</v>
      </c>
      <c r="BJ15" s="327">
        <v>1717822</v>
      </c>
      <c r="BK15" s="327">
        <v>1919665</v>
      </c>
      <c r="BL15" s="327">
        <v>1469104</v>
      </c>
      <c r="BM15" s="327">
        <v>1989991</v>
      </c>
      <c r="BN15" s="327">
        <v>1705852</v>
      </c>
      <c r="BO15" s="328">
        <v>8802434</v>
      </c>
      <c r="BP15" s="330">
        <v>9355621</v>
      </c>
      <c r="BQ15" s="326">
        <v>1068969</v>
      </c>
      <c r="BR15" s="327">
        <v>705681</v>
      </c>
      <c r="BS15" s="328">
        <v>1774650</v>
      </c>
      <c r="BT15" s="326">
        <v>0</v>
      </c>
      <c r="BU15" s="327">
        <v>8010827</v>
      </c>
      <c r="BV15" s="327">
        <v>8550112</v>
      </c>
      <c r="BW15" s="327">
        <v>8689571</v>
      </c>
      <c r="BX15" s="327">
        <v>9307266</v>
      </c>
      <c r="BY15" s="327">
        <v>7062110</v>
      </c>
      <c r="BZ15" s="328">
        <v>41619886</v>
      </c>
      <c r="CA15" s="330">
        <v>43394536</v>
      </c>
      <c r="CB15" s="326">
        <v>1521217</v>
      </c>
      <c r="CC15" s="327">
        <v>4261391</v>
      </c>
      <c r="CD15" s="328">
        <v>5782608</v>
      </c>
      <c r="CE15" s="326">
        <v>0</v>
      </c>
      <c r="CF15" s="327">
        <v>37069402</v>
      </c>
      <c r="CG15" s="327">
        <v>36187119</v>
      </c>
      <c r="CH15" s="327">
        <v>32269516</v>
      </c>
      <c r="CI15" s="327">
        <v>24386910</v>
      </c>
      <c r="CJ15" s="327">
        <v>8411476</v>
      </c>
      <c r="CK15" s="328">
        <v>138324423</v>
      </c>
      <c r="CL15" s="330">
        <v>144107031</v>
      </c>
      <c r="CM15" s="326">
        <v>0</v>
      </c>
      <c r="CN15" s="327">
        <v>0</v>
      </c>
      <c r="CO15" s="328">
        <v>0</v>
      </c>
      <c r="CP15" s="332">
        <v>0</v>
      </c>
      <c r="CQ15" s="327">
        <v>30035841</v>
      </c>
      <c r="CR15" s="327">
        <v>27599091</v>
      </c>
      <c r="CS15" s="327">
        <v>25893549</v>
      </c>
      <c r="CT15" s="327">
        <v>17304837</v>
      </c>
      <c r="CU15" s="327">
        <v>6621559</v>
      </c>
      <c r="CV15" s="328">
        <v>107454877</v>
      </c>
      <c r="CW15" s="330">
        <v>107454877</v>
      </c>
      <c r="CX15" s="326">
        <v>1521217</v>
      </c>
      <c r="CY15" s="327">
        <v>4261391</v>
      </c>
      <c r="CZ15" s="328">
        <v>5782608</v>
      </c>
      <c r="DA15" s="326">
        <v>0</v>
      </c>
      <c r="DB15" s="327">
        <v>7033561</v>
      </c>
      <c r="DC15" s="327">
        <v>8588028</v>
      </c>
      <c r="DD15" s="327">
        <v>6375967</v>
      </c>
      <c r="DE15" s="327">
        <v>7082073</v>
      </c>
      <c r="DF15" s="327">
        <v>1789917</v>
      </c>
      <c r="DG15" s="328">
        <v>30869546</v>
      </c>
      <c r="DH15" s="330">
        <v>36652154</v>
      </c>
      <c r="DI15" s="326">
        <v>22583</v>
      </c>
      <c r="DJ15" s="327">
        <v>144024</v>
      </c>
      <c r="DK15" s="331">
        <v>166607</v>
      </c>
      <c r="DL15" s="332">
        <v>0</v>
      </c>
      <c r="DM15" s="327">
        <v>5597257</v>
      </c>
      <c r="DN15" s="327">
        <v>10211778</v>
      </c>
      <c r="DO15" s="327">
        <v>16982545</v>
      </c>
      <c r="DP15" s="327">
        <v>13792726</v>
      </c>
      <c r="DQ15" s="327">
        <v>9861528</v>
      </c>
      <c r="DR15" s="328">
        <v>56445834</v>
      </c>
      <c r="DS15" s="330">
        <v>56612441</v>
      </c>
      <c r="DT15" s="326">
        <v>22583</v>
      </c>
      <c r="DU15" s="327">
        <v>69871</v>
      </c>
      <c r="DV15" s="328">
        <v>92454</v>
      </c>
      <c r="DW15" s="326">
        <v>0</v>
      </c>
      <c r="DX15" s="327">
        <v>4842305</v>
      </c>
      <c r="DY15" s="327">
        <v>8991836</v>
      </c>
      <c r="DZ15" s="327">
        <v>14799012</v>
      </c>
      <c r="EA15" s="327">
        <v>11637779</v>
      </c>
      <c r="EB15" s="327">
        <v>7976071</v>
      </c>
      <c r="EC15" s="328">
        <v>48247003</v>
      </c>
      <c r="ED15" s="330">
        <v>48339457</v>
      </c>
      <c r="EE15" s="326">
        <v>0</v>
      </c>
      <c r="EF15" s="331">
        <v>74153</v>
      </c>
      <c r="EG15" s="328">
        <v>74153</v>
      </c>
      <c r="EH15" s="326">
        <v>0</v>
      </c>
      <c r="EI15" s="327">
        <v>754952</v>
      </c>
      <c r="EJ15" s="327">
        <v>1219942</v>
      </c>
      <c r="EK15" s="327">
        <v>2183533</v>
      </c>
      <c r="EL15" s="327">
        <v>2154947</v>
      </c>
      <c r="EM15" s="327">
        <v>1885457</v>
      </c>
      <c r="EN15" s="331">
        <v>8198831</v>
      </c>
      <c r="EO15" s="330">
        <v>8272984</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3283476</v>
      </c>
      <c r="FM15" s="327">
        <v>4280774</v>
      </c>
      <c r="FN15" s="328">
        <v>7564250</v>
      </c>
      <c r="FO15" s="326">
        <v>0</v>
      </c>
      <c r="FP15" s="327">
        <v>9436701</v>
      </c>
      <c r="FQ15" s="327">
        <v>13506029</v>
      </c>
      <c r="FR15" s="327">
        <v>11985079</v>
      </c>
      <c r="FS15" s="327">
        <v>12659679</v>
      </c>
      <c r="FT15" s="327">
        <v>9453733</v>
      </c>
      <c r="FU15" s="328">
        <v>57041221</v>
      </c>
      <c r="FV15" s="330">
        <v>64605471</v>
      </c>
      <c r="FW15" s="333">
        <v>1951320</v>
      </c>
      <c r="FX15" s="327">
        <v>2710156</v>
      </c>
      <c r="FY15" s="331">
        <v>4661476</v>
      </c>
      <c r="FZ15" s="332">
        <v>0</v>
      </c>
      <c r="GA15" s="327">
        <v>8084828</v>
      </c>
      <c r="GB15" s="327">
        <v>12529974</v>
      </c>
      <c r="GC15" s="327">
        <v>11068537</v>
      </c>
      <c r="GD15" s="327">
        <v>11766683</v>
      </c>
      <c r="GE15" s="327">
        <v>9180716</v>
      </c>
      <c r="GF15" s="328">
        <v>52630738</v>
      </c>
      <c r="GG15" s="334">
        <v>57292214</v>
      </c>
      <c r="GH15" s="333">
        <v>301733</v>
      </c>
      <c r="GI15" s="327">
        <v>199908</v>
      </c>
      <c r="GJ15" s="331">
        <v>501641</v>
      </c>
      <c r="GK15" s="332">
        <v>0</v>
      </c>
      <c r="GL15" s="327">
        <v>511063</v>
      </c>
      <c r="GM15" s="327">
        <v>265655</v>
      </c>
      <c r="GN15" s="327">
        <v>416318</v>
      </c>
      <c r="GO15" s="327">
        <v>510596</v>
      </c>
      <c r="GP15" s="327">
        <v>204617</v>
      </c>
      <c r="GQ15" s="328">
        <v>1908249</v>
      </c>
      <c r="GR15" s="330">
        <v>2409890</v>
      </c>
      <c r="GS15" s="326">
        <v>1030423</v>
      </c>
      <c r="GT15" s="327">
        <v>1370710</v>
      </c>
      <c r="GU15" s="328">
        <v>2401133</v>
      </c>
      <c r="GV15" s="326">
        <v>0</v>
      </c>
      <c r="GW15" s="327">
        <v>840810</v>
      </c>
      <c r="GX15" s="327">
        <v>710400</v>
      </c>
      <c r="GY15" s="327">
        <v>500224</v>
      </c>
      <c r="GZ15" s="327">
        <v>382400</v>
      </c>
      <c r="HA15" s="327">
        <v>68400</v>
      </c>
      <c r="HB15" s="331">
        <v>2502234</v>
      </c>
      <c r="HC15" s="330">
        <v>4903367</v>
      </c>
      <c r="HD15" s="326">
        <v>3805330</v>
      </c>
      <c r="HE15" s="327">
        <v>2065805</v>
      </c>
      <c r="HF15" s="331">
        <v>5871135</v>
      </c>
      <c r="HG15" s="332">
        <v>0</v>
      </c>
      <c r="HH15" s="327">
        <v>38440944</v>
      </c>
      <c r="HI15" s="327">
        <v>33855427</v>
      </c>
      <c r="HJ15" s="327">
        <v>35049688</v>
      </c>
      <c r="HK15" s="327">
        <v>43716014</v>
      </c>
      <c r="HL15" s="327">
        <v>30314891</v>
      </c>
      <c r="HM15" s="328">
        <v>181376964</v>
      </c>
      <c r="HN15" s="329">
        <v>187248099</v>
      </c>
      <c r="HO15" s="333">
        <v>2286920</v>
      </c>
      <c r="HP15" s="327">
        <v>2853554</v>
      </c>
      <c r="HQ15" s="328">
        <v>5140474</v>
      </c>
      <c r="HR15" s="326">
        <v>0</v>
      </c>
      <c r="HS15" s="327">
        <v>28173259</v>
      </c>
      <c r="HT15" s="327">
        <v>20468257</v>
      </c>
      <c r="HU15" s="327">
        <v>15673211</v>
      </c>
      <c r="HV15" s="327">
        <v>12374506</v>
      </c>
      <c r="HW15" s="327">
        <v>7880279</v>
      </c>
      <c r="HX15" s="331">
        <v>84569512</v>
      </c>
      <c r="HY15" s="330">
        <v>89709986</v>
      </c>
      <c r="HZ15" s="360">
        <v>392451</v>
      </c>
      <c r="IA15" s="361">
        <v>635655</v>
      </c>
      <c r="IB15" s="362">
        <v>1028106</v>
      </c>
      <c r="IC15" s="338">
        <v>0</v>
      </c>
      <c r="ID15" s="336">
        <v>39216379</v>
      </c>
      <c r="IE15" s="339">
        <v>50266468</v>
      </c>
      <c r="IF15" s="337">
        <v>53354776</v>
      </c>
      <c r="IG15" s="336">
        <v>51998280</v>
      </c>
      <c r="IH15" s="337">
        <v>31682455</v>
      </c>
      <c r="II15" s="340">
        <v>226518358</v>
      </c>
      <c r="IJ15" s="363">
        <v>227546464</v>
      </c>
      <c r="IK15" s="342">
        <v>0</v>
      </c>
      <c r="IL15" s="343">
        <v>0</v>
      </c>
      <c r="IM15" s="344">
        <v>0</v>
      </c>
      <c r="IN15" s="404">
        <v>0</v>
      </c>
      <c r="IO15" s="345">
        <v>0</v>
      </c>
      <c r="IP15" s="345">
        <v>382749</v>
      </c>
      <c r="IQ15" s="345">
        <v>787981</v>
      </c>
      <c r="IR15" s="345">
        <v>1999394</v>
      </c>
      <c r="IS15" s="345">
        <v>1220120</v>
      </c>
      <c r="IT15" s="346">
        <v>4390244</v>
      </c>
      <c r="IU15" s="347">
        <v>4390244</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20948607</v>
      </c>
      <c r="JL15" s="345">
        <v>17500091</v>
      </c>
      <c r="JM15" s="345">
        <v>14574235</v>
      </c>
      <c r="JN15" s="345">
        <v>13338225</v>
      </c>
      <c r="JO15" s="345">
        <v>5840663</v>
      </c>
      <c r="JP15" s="349">
        <v>72201821</v>
      </c>
      <c r="JQ15" s="347">
        <v>72201821</v>
      </c>
      <c r="JR15" s="348">
        <v>0</v>
      </c>
      <c r="JS15" s="345">
        <v>0</v>
      </c>
      <c r="JT15" s="346">
        <v>0</v>
      </c>
      <c r="JU15" s="351">
        <v>0</v>
      </c>
      <c r="JV15" s="345">
        <v>564366</v>
      </c>
      <c r="JW15" s="345">
        <v>856620</v>
      </c>
      <c r="JX15" s="345">
        <v>1209603</v>
      </c>
      <c r="JY15" s="345">
        <v>0</v>
      </c>
      <c r="JZ15" s="345">
        <v>922332</v>
      </c>
      <c r="KA15" s="349">
        <v>3552921</v>
      </c>
      <c r="KB15" s="347">
        <v>3552921</v>
      </c>
      <c r="KC15" s="352">
        <v>392451</v>
      </c>
      <c r="KD15" s="353">
        <v>635655</v>
      </c>
      <c r="KE15" s="349">
        <v>1028106</v>
      </c>
      <c r="KF15" s="351">
        <v>0</v>
      </c>
      <c r="KG15" s="345">
        <v>7613988</v>
      </c>
      <c r="KH15" s="345">
        <v>9458744</v>
      </c>
      <c r="KI15" s="345">
        <v>8036080</v>
      </c>
      <c r="KJ15" s="345">
        <v>10265498</v>
      </c>
      <c r="KK15" s="345">
        <v>6763765</v>
      </c>
      <c r="KL15" s="349">
        <v>42138075</v>
      </c>
      <c r="KM15" s="354">
        <v>43166181</v>
      </c>
      <c r="KN15" s="342">
        <v>0</v>
      </c>
      <c r="KO15" s="343">
        <v>0</v>
      </c>
      <c r="KP15" s="344">
        <v>0</v>
      </c>
      <c r="KQ15" s="413">
        <v>0</v>
      </c>
      <c r="KR15" s="345">
        <v>8720129</v>
      </c>
      <c r="KS15" s="345">
        <v>19451808</v>
      </c>
      <c r="KT15" s="345">
        <v>23045295</v>
      </c>
      <c r="KU15" s="345">
        <v>20354479</v>
      </c>
      <c r="KV15" s="345">
        <v>9666164</v>
      </c>
      <c r="KW15" s="349">
        <v>81237875</v>
      </c>
      <c r="KX15" s="347">
        <v>81237875</v>
      </c>
      <c r="KY15" s="348">
        <v>0</v>
      </c>
      <c r="KZ15" s="345">
        <v>0</v>
      </c>
      <c r="LA15" s="349">
        <v>0</v>
      </c>
      <c r="LB15" s="413">
        <v>0</v>
      </c>
      <c r="LC15" s="345">
        <v>723894</v>
      </c>
      <c r="LD15" s="345">
        <v>1343159</v>
      </c>
      <c r="LE15" s="345">
        <v>2613398</v>
      </c>
      <c r="LF15" s="345">
        <v>3348883</v>
      </c>
      <c r="LG15" s="345">
        <v>2040400</v>
      </c>
      <c r="LH15" s="349">
        <v>10069734</v>
      </c>
      <c r="LI15" s="350">
        <v>10069734</v>
      </c>
      <c r="LJ15" s="348">
        <v>0</v>
      </c>
      <c r="LK15" s="345">
        <v>0</v>
      </c>
      <c r="LL15" s="349">
        <v>0</v>
      </c>
      <c r="LM15" s="413">
        <v>0</v>
      </c>
      <c r="LN15" s="345">
        <v>0</v>
      </c>
      <c r="LO15" s="345">
        <v>0</v>
      </c>
      <c r="LP15" s="345">
        <v>0</v>
      </c>
      <c r="LQ15" s="345">
        <v>0</v>
      </c>
      <c r="LR15" s="345">
        <v>366399</v>
      </c>
      <c r="LS15" s="349">
        <v>366399</v>
      </c>
      <c r="LT15" s="347">
        <v>366399</v>
      </c>
      <c r="LU15" s="348">
        <v>0</v>
      </c>
      <c r="LV15" s="345">
        <v>0</v>
      </c>
      <c r="LW15" s="349">
        <v>0</v>
      </c>
      <c r="LX15" s="413">
        <v>0</v>
      </c>
      <c r="LY15" s="345">
        <v>645395</v>
      </c>
      <c r="LZ15" s="345">
        <v>1273297</v>
      </c>
      <c r="MA15" s="345">
        <v>3088184</v>
      </c>
      <c r="MB15" s="345">
        <v>2691801</v>
      </c>
      <c r="MC15" s="345">
        <v>4862612</v>
      </c>
      <c r="MD15" s="349">
        <v>12561289</v>
      </c>
      <c r="ME15" s="350">
        <v>12561289</v>
      </c>
      <c r="MF15" s="348">
        <v>0</v>
      </c>
      <c r="MG15" s="345">
        <v>0</v>
      </c>
      <c r="MH15" s="349">
        <v>0</v>
      </c>
      <c r="MI15" s="413">
        <v>0</v>
      </c>
      <c r="MJ15" s="345">
        <v>10000990</v>
      </c>
      <c r="MK15" s="345">
        <v>17332512</v>
      </c>
      <c r="ML15" s="345">
        <v>93723297</v>
      </c>
      <c r="MM15" s="345">
        <v>139547903</v>
      </c>
      <c r="MN15" s="345">
        <v>120302053</v>
      </c>
      <c r="MO15" s="349">
        <v>380906755</v>
      </c>
      <c r="MP15" s="354">
        <v>380906755</v>
      </c>
      <c r="MQ15" s="348">
        <v>0</v>
      </c>
      <c r="MR15" s="345">
        <v>0</v>
      </c>
      <c r="MS15" s="349">
        <v>0</v>
      </c>
      <c r="MT15" s="413">
        <v>0</v>
      </c>
      <c r="MU15" s="345">
        <v>451941</v>
      </c>
      <c r="MV15" s="345">
        <v>1262742</v>
      </c>
      <c r="MW15" s="345">
        <v>57986997</v>
      </c>
      <c r="MX15" s="345">
        <v>102790653</v>
      </c>
      <c r="MY15" s="345">
        <v>88949519</v>
      </c>
      <c r="MZ15" s="349">
        <v>251441852</v>
      </c>
      <c r="NA15" s="354">
        <v>251441852</v>
      </c>
      <c r="NB15" s="348">
        <v>0</v>
      </c>
      <c r="NC15" s="345">
        <v>0</v>
      </c>
      <c r="ND15" s="349">
        <v>0</v>
      </c>
      <c r="NE15" s="413">
        <v>0</v>
      </c>
      <c r="NF15" s="345">
        <v>9549049</v>
      </c>
      <c r="NG15" s="345">
        <v>16069770</v>
      </c>
      <c r="NH15" s="345">
        <v>35736300</v>
      </c>
      <c r="NI15" s="345">
        <v>34722311</v>
      </c>
      <c r="NJ15" s="345">
        <v>27733806</v>
      </c>
      <c r="NK15" s="349">
        <v>123811236</v>
      </c>
      <c r="NL15" s="347">
        <v>123811236</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0</v>
      </c>
      <c r="OE15" s="345">
        <v>2034939</v>
      </c>
      <c r="OF15" s="345">
        <v>3618728</v>
      </c>
      <c r="OG15" s="349">
        <v>5653667</v>
      </c>
      <c r="OH15" s="350">
        <v>5653667</v>
      </c>
      <c r="OI15" s="348">
        <v>14068651</v>
      </c>
      <c r="OJ15" s="345">
        <v>18119570</v>
      </c>
      <c r="OK15" s="346">
        <v>32188221</v>
      </c>
      <c r="OL15" s="351">
        <v>0</v>
      </c>
      <c r="OM15" s="345">
        <v>215164990</v>
      </c>
      <c r="ON15" s="345">
        <v>235494666</v>
      </c>
      <c r="OO15" s="345">
        <v>316610767</v>
      </c>
      <c r="OP15" s="345">
        <v>371893688</v>
      </c>
      <c r="OQ15" s="345">
        <v>293081738</v>
      </c>
      <c r="OR15" s="349">
        <v>1432245849</v>
      </c>
      <c r="OS15" s="354">
        <v>1464434070</v>
      </c>
    </row>
    <row r="16" spans="1:409" s="70" customFormat="1" ht="21" customHeight="1" x14ac:dyDescent="0.2">
      <c r="B16" s="410" t="s">
        <v>10</v>
      </c>
      <c r="C16" s="326">
        <v>26427412</v>
      </c>
      <c r="D16" s="327">
        <v>44026655</v>
      </c>
      <c r="E16" s="328">
        <v>70454067</v>
      </c>
      <c r="F16" s="364">
        <v>0</v>
      </c>
      <c r="G16" s="327">
        <v>362594827</v>
      </c>
      <c r="H16" s="327">
        <v>305878550</v>
      </c>
      <c r="I16" s="327">
        <v>279120985</v>
      </c>
      <c r="J16" s="327">
        <v>267794993</v>
      </c>
      <c r="K16" s="327">
        <v>214574615</v>
      </c>
      <c r="L16" s="329">
        <v>1429963970</v>
      </c>
      <c r="M16" s="330">
        <v>1500418037</v>
      </c>
      <c r="N16" s="326">
        <v>6973560</v>
      </c>
      <c r="O16" s="327">
        <v>14278047</v>
      </c>
      <c r="P16" s="328">
        <v>21251607</v>
      </c>
      <c r="Q16" s="326">
        <v>0</v>
      </c>
      <c r="R16" s="327">
        <v>114278311</v>
      </c>
      <c r="S16" s="327">
        <v>103359693</v>
      </c>
      <c r="T16" s="327">
        <v>104086759</v>
      </c>
      <c r="U16" s="327">
        <v>118399753</v>
      </c>
      <c r="V16" s="327">
        <v>117962173</v>
      </c>
      <c r="W16" s="328">
        <v>558086689</v>
      </c>
      <c r="X16" s="330">
        <v>579338296</v>
      </c>
      <c r="Y16" s="326">
        <v>0</v>
      </c>
      <c r="Z16" s="327">
        <v>0</v>
      </c>
      <c r="AA16" s="328">
        <v>0</v>
      </c>
      <c r="AB16" s="326">
        <v>0</v>
      </c>
      <c r="AC16" s="327">
        <v>56464918</v>
      </c>
      <c r="AD16" s="327">
        <v>54113382</v>
      </c>
      <c r="AE16" s="327">
        <v>66809020</v>
      </c>
      <c r="AF16" s="327">
        <v>77900029</v>
      </c>
      <c r="AG16" s="327">
        <v>71978022</v>
      </c>
      <c r="AH16" s="328">
        <v>327265371</v>
      </c>
      <c r="AI16" s="330">
        <v>327265371</v>
      </c>
      <c r="AJ16" s="326">
        <v>0</v>
      </c>
      <c r="AK16" s="327">
        <v>36214</v>
      </c>
      <c r="AL16" s="328">
        <v>36214</v>
      </c>
      <c r="AM16" s="326">
        <v>0</v>
      </c>
      <c r="AN16" s="327">
        <v>362437</v>
      </c>
      <c r="AO16" s="327">
        <v>1783274</v>
      </c>
      <c r="AP16" s="327">
        <v>2629454</v>
      </c>
      <c r="AQ16" s="327">
        <v>5506264</v>
      </c>
      <c r="AR16" s="327">
        <v>12180527</v>
      </c>
      <c r="AS16" s="328">
        <v>22461956</v>
      </c>
      <c r="AT16" s="330">
        <v>22498170</v>
      </c>
      <c r="AU16" s="326">
        <v>4057712</v>
      </c>
      <c r="AV16" s="327">
        <v>9242777</v>
      </c>
      <c r="AW16" s="328">
        <v>13300489</v>
      </c>
      <c r="AX16" s="326">
        <v>0</v>
      </c>
      <c r="AY16" s="327">
        <v>34644755</v>
      </c>
      <c r="AZ16" s="327">
        <v>26904890</v>
      </c>
      <c r="BA16" s="327">
        <v>17177062</v>
      </c>
      <c r="BB16" s="327">
        <v>17581961</v>
      </c>
      <c r="BC16" s="327">
        <v>18978245</v>
      </c>
      <c r="BD16" s="328">
        <v>115286913</v>
      </c>
      <c r="BE16" s="330">
        <v>128587402</v>
      </c>
      <c r="BF16" s="326">
        <v>705433</v>
      </c>
      <c r="BG16" s="327">
        <v>1780777</v>
      </c>
      <c r="BH16" s="331">
        <v>2486210</v>
      </c>
      <c r="BI16" s="332">
        <v>0</v>
      </c>
      <c r="BJ16" s="327">
        <v>4421971</v>
      </c>
      <c r="BK16" s="327">
        <v>4395935</v>
      </c>
      <c r="BL16" s="327">
        <v>2577011</v>
      </c>
      <c r="BM16" s="327">
        <v>1624352</v>
      </c>
      <c r="BN16" s="327">
        <v>2023812</v>
      </c>
      <c r="BO16" s="328">
        <v>15043081</v>
      </c>
      <c r="BP16" s="330">
        <v>17529291</v>
      </c>
      <c r="BQ16" s="326">
        <v>2210415</v>
      </c>
      <c r="BR16" s="327">
        <v>3218279</v>
      </c>
      <c r="BS16" s="328">
        <v>5428694</v>
      </c>
      <c r="BT16" s="326">
        <v>0</v>
      </c>
      <c r="BU16" s="327">
        <v>18384230</v>
      </c>
      <c r="BV16" s="327">
        <v>16162212</v>
      </c>
      <c r="BW16" s="327">
        <v>14894212</v>
      </c>
      <c r="BX16" s="327">
        <v>15787147</v>
      </c>
      <c r="BY16" s="327">
        <v>12801567</v>
      </c>
      <c r="BZ16" s="328">
        <v>78029368</v>
      </c>
      <c r="CA16" s="330">
        <v>83458062</v>
      </c>
      <c r="CB16" s="326">
        <v>1239068</v>
      </c>
      <c r="CC16" s="327">
        <v>3688501</v>
      </c>
      <c r="CD16" s="328">
        <v>4927569</v>
      </c>
      <c r="CE16" s="326">
        <v>0</v>
      </c>
      <c r="CF16" s="327">
        <v>105560281</v>
      </c>
      <c r="CG16" s="327">
        <v>77292519</v>
      </c>
      <c r="CH16" s="327">
        <v>56960883</v>
      </c>
      <c r="CI16" s="327">
        <v>36522805</v>
      </c>
      <c r="CJ16" s="327">
        <v>19481541</v>
      </c>
      <c r="CK16" s="328">
        <v>295818029</v>
      </c>
      <c r="CL16" s="330">
        <v>300745598</v>
      </c>
      <c r="CM16" s="326">
        <v>0</v>
      </c>
      <c r="CN16" s="327">
        <v>0</v>
      </c>
      <c r="CO16" s="328">
        <v>0</v>
      </c>
      <c r="CP16" s="332">
        <v>0</v>
      </c>
      <c r="CQ16" s="327">
        <v>91103896</v>
      </c>
      <c r="CR16" s="327">
        <v>63439745</v>
      </c>
      <c r="CS16" s="327">
        <v>47504853</v>
      </c>
      <c r="CT16" s="327">
        <v>30796932</v>
      </c>
      <c r="CU16" s="327">
        <v>15753648</v>
      </c>
      <c r="CV16" s="328">
        <v>248599074</v>
      </c>
      <c r="CW16" s="330">
        <v>248599074</v>
      </c>
      <c r="CX16" s="326">
        <v>1239068</v>
      </c>
      <c r="CY16" s="327">
        <v>3688501</v>
      </c>
      <c r="CZ16" s="328">
        <v>4927569</v>
      </c>
      <c r="DA16" s="326">
        <v>0</v>
      </c>
      <c r="DB16" s="327">
        <v>14456385</v>
      </c>
      <c r="DC16" s="327">
        <v>13852774</v>
      </c>
      <c r="DD16" s="327">
        <v>9456030</v>
      </c>
      <c r="DE16" s="327">
        <v>5725873</v>
      </c>
      <c r="DF16" s="327">
        <v>3727893</v>
      </c>
      <c r="DG16" s="328">
        <v>47218955</v>
      </c>
      <c r="DH16" s="330">
        <v>52146524</v>
      </c>
      <c r="DI16" s="326">
        <v>160926</v>
      </c>
      <c r="DJ16" s="327">
        <v>726458</v>
      </c>
      <c r="DK16" s="331">
        <v>887384</v>
      </c>
      <c r="DL16" s="332">
        <v>0</v>
      </c>
      <c r="DM16" s="327">
        <v>10514549</v>
      </c>
      <c r="DN16" s="327">
        <v>14829852</v>
      </c>
      <c r="DO16" s="327">
        <v>24067212</v>
      </c>
      <c r="DP16" s="327">
        <v>20470600</v>
      </c>
      <c r="DQ16" s="327">
        <v>10974929</v>
      </c>
      <c r="DR16" s="328">
        <v>80857142</v>
      </c>
      <c r="DS16" s="330">
        <v>81744526</v>
      </c>
      <c r="DT16" s="326">
        <v>132251</v>
      </c>
      <c r="DU16" s="327">
        <v>726458</v>
      </c>
      <c r="DV16" s="328">
        <v>858709</v>
      </c>
      <c r="DW16" s="326">
        <v>0</v>
      </c>
      <c r="DX16" s="327">
        <v>9901093</v>
      </c>
      <c r="DY16" s="327">
        <v>14026916</v>
      </c>
      <c r="DZ16" s="327">
        <v>22631744</v>
      </c>
      <c r="EA16" s="327">
        <v>18756392</v>
      </c>
      <c r="EB16" s="327">
        <v>10179453</v>
      </c>
      <c r="EC16" s="328">
        <v>75495598</v>
      </c>
      <c r="ED16" s="330">
        <v>76354307</v>
      </c>
      <c r="EE16" s="326">
        <v>28675</v>
      </c>
      <c r="EF16" s="331">
        <v>0</v>
      </c>
      <c r="EG16" s="328">
        <v>28675</v>
      </c>
      <c r="EH16" s="326">
        <v>0</v>
      </c>
      <c r="EI16" s="327">
        <v>613456</v>
      </c>
      <c r="EJ16" s="327">
        <v>802936</v>
      </c>
      <c r="EK16" s="327">
        <v>1435468</v>
      </c>
      <c r="EL16" s="327">
        <v>1714208</v>
      </c>
      <c r="EM16" s="327">
        <v>795476</v>
      </c>
      <c r="EN16" s="331">
        <v>5361544</v>
      </c>
      <c r="EO16" s="330">
        <v>5390219</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7699147</v>
      </c>
      <c r="FM16" s="327">
        <v>11006612</v>
      </c>
      <c r="FN16" s="328">
        <v>18705759</v>
      </c>
      <c r="FO16" s="326">
        <v>0</v>
      </c>
      <c r="FP16" s="327">
        <v>20636408</v>
      </c>
      <c r="FQ16" s="327">
        <v>26685997</v>
      </c>
      <c r="FR16" s="327">
        <v>19192728</v>
      </c>
      <c r="FS16" s="327">
        <v>17463364</v>
      </c>
      <c r="FT16" s="327">
        <v>15371739</v>
      </c>
      <c r="FU16" s="328">
        <v>99350236</v>
      </c>
      <c r="FV16" s="330">
        <v>118055995</v>
      </c>
      <c r="FW16" s="333">
        <v>4960309</v>
      </c>
      <c r="FX16" s="327">
        <v>8593004</v>
      </c>
      <c r="FY16" s="331">
        <v>13553313</v>
      </c>
      <c r="FZ16" s="332">
        <v>0</v>
      </c>
      <c r="GA16" s="327">
        <v>17028169</v>
      </c>
      <c r="GB16" s="327">
        <v>24598092</v>
      </c>
      <c r="GC16" s="327">
        <v>18003980</v>
      </c>
      <c r="GD16" s="327">
        <v>16285358</v>
      </c>
      <c r="GE16" s="327">
        <v>14598123</v>
      </c>
      <c r="GF16" s="328">
        <v>90513722</v>
      </c>
      <c r="GG16" s="334">
        <v>104067035</v>
      </c>
      <c r="GH16" s="333">
        <v>536998</v>
      </c>
      <c r="GI16" s="327">
        <v>598075</v>
      </c>
      <c r="GJ16" s="331">
        <v>1135073</v>
      </c>
      <c r="GK16" s="332">
        <v>0</v>
      </c>
      <c r="GL16" s="327">
        <v>1148067</v>
      </c>
      <c r="GM16" s="327">
        <v>855309</v>
      </c>
      <c r="GN16" s="327">
        <v>428328</v>
      </c>
      <c r="GO16" s="327">
        <v>539606</v>
      </c>
      <c r="GP16" s="327">
        <v>88956</v>
      </c>
      <c r="GQ16" s="328">
        <v>3060266</v>
      </c>
      <c r="GR16" s="330">
        <v>4195339</v>
      </c>
      <c r="GS16" s="326">
        <v>2201840</v>
      </c>
      <c r="GT16" s="327">
        <v>1815533</v>
      </c>
      <c r="GU16" s="328">
        <v>4017373</v>
      </c>
      <c r="GV16" s="326">
        <v>0</v>
      </c>
      <c r="GW16" s="327">
        <v>2460172</v>
      </c>
      <c r="GX16" s="327">
        <v>1232596</v>
      </c>
      <c r="GY16" s="327">
        <v>760420</v>
      </c>
      <c r="GZ16" s="327">
        <v>638400</v>
      </c>
      <c r="HA16" s="327">
        <v>684660</v>
      </c>
      <c r="HB16" s="331">
        <v>5776248</v>
      </c>
      <c r="HC16" s="330">
        <v>9793621</v>
      </c>
      <c r="HD16" s="326">
        <v>4586138</v>
      </c>
      <c r="HE16" s="327">
        <v>6702808</v>
      </c>
      <c r="HF16" s="331">
        <v>11288946</v>
      </c>
      <c r="HG16" s="332">
        <v>0</v>
      </c>
      <c r="HH16" s="327">
        <v>51872769</v>
      </c>
      <c r="HI16" s="327">
        <v>50600058</v>
      </c>
      <c r="HJ16" s="327">
        <v>51574477</v>
      </c>
      <c r="HK16" s="327">
        <v>57235637</v>
      </c>
      <c r="HL16" s="327">
        <v>38897773</v>
      </c>
      <c r="HM16" s="328">
        <v>250180714</v>
      </c>
      <c r="HN16" s="329">
        <v>261469660</v>
      </c>
      <c r="HO16" s="333">
        <v>5768573</v>
      </c>
      <c r="HP16" s="327">
        <v>7624229</v>
      </c>
      <c r="HQ16" s="328">
        <v>13392802</v>
      </c>
      <c r="HR16" s="326">
        <v>0</v>
      </c>
      <c r="HS16" s="327">
        <v>59732509</v>
      </c>
      <c r="HT16" s="327">
        <v>33110431</v>
      </c>
      <c r="HU16" s="327">
        <v>23238926</v>
      </c>
      <c r="HV16" s="327">
        <v>17702834</v>
      </c>
      <c r="HW16" s="327">
        <v>11886460</v>
      </c>
      <c r="HX16" s="331">
        <v>145671160</v>
      </c>
      <c r="HY16" s="330">
        <v>159063962</v>
      </c>
      <c r="HZ16" s="358">
        <v>886586</v>
      </c>
      <c r="IA16" s="356">
        <v>2349167</v>
      </c>
      <c r="IB16" s="358">
        <v>3235753</v>
      </c>
      <c r="IC16" s="355">
        <v>0</v>
      </c>
      <c r="ID16" s="356">
        <v>87975558</v>
      </c>
      <c r="IE16" s="357">
        <v>78824794</v>
      </c>
      <c r="IF16" s="358">
        <v>92804085</v>
      </c>
      <c r="IG16" s="356">
        <v>90057483</v>
      </c>
      <c r="IH16" s="358">
        <v>68348809</v>
      </c>
      <c r="II16" s="359">
        <v>418010729</v>
      </c>
      <c r="IJ16" s="358">
        <v>421246482</v>
      </c>
      <c r="IK16" s="342">
        <v>0</v>
      </c>
      <c r="IL16" s="343">
        <v>0</v>
      </c>
      <c r="IM16" s="344">
        <v>0</v>
      </c>
      <c r="IN16" s="404">
        <v>0</v>
      </c>
      <c r="IO16" s="345">
        <v>1310824</v>
      </c>
      <c r="IP16" s="345">
        <v>1965724</v>
      </c>
      <c r="IQ16" s="345">
        <v>2649390</v>
      </c>
      <c r="IR16" s="345">
        <v>3819316</v>
      </c>
      <c r="IS16" s="345">
        <v>3556578</v>
      </c>
      <c r="IT16" s="346">
        <v>13301832</v>
      </c>
      <c r="IU16" s="347">
        <v>13301832</v>
      </c>
      <c r="IV16" s="348">
        <v>0</v>
      </c>
      <c r="IW16" s="345">
        <v>0</v>
      </c>
      <c r="IX16" s="349">
        <v>0</v>
      </c>
      <c r="IY16" s="413">
        <v>0</v>
      </c>
      <c r="IZ16" s="345">
        <v>126409</v>
      </c>
      <c r="JA16" s="345">
        <v>53555</v>
      </c>
      <c r="JB16" s="345">
        <v>68364</v>
      </c>
      <c r="JC16" s="345">
        <v>256592</v>
      </c>
      <c r="JD16" s="345">
        <v>201818</v>
      </c>
      <c r="JE16" s="349">
        <v>706738</v>
      </c>
      <c r="JF16" s="350">
        <v>706738</v>
      </c>
      <c r="JG16" s="348">
        <v>0</v>
      </c>
      <c r="JH16" s="345">
        <v>0</v>
      </c>
      <c r="JI16" s="346">
        <v>0</v>
      </c>
      <c r="JJ16" s="351">
        <v>0</v>
      </c>
      <c r="JK16" s="345">
        <v>28249285</v>
      </c>
      <c r="JL16" s="345">
        <v>17398748</v>
      </c>
      <c r="JM16" s="345">
        <v>12654580</v>
      </c>
      <c r="JN16" s="345">
        <v>8023656</v>
      </c>
      <c r="JO16" s="345">
        <v>2168844</v>
      </c>
      <c r="JP16" s="349">
        <v>68495113</v>
      </c>
      <c r="JQ16" s="347">
        <v>68495113</v>
      </c>
      <c r="JR16" s="348">
        <v>0</v>
      </c>
      <c r="JS16" s="345">
        <v>57918</v>
      </c>
      <c r="JT16" s="346">
        <v>57918</v>
      </c>
      <c r="JU16" s="351">
        <v>0</v>
      </c>
      <c r="JV16" s="345">
        <v>911248</v>
      </c>
      <c r="JW16" s="345">
        <v>1031508</v>
      </c>
      <c r="JX16" s="345">
        <v>3380963</v>
      </c>
      <c r="JY16" s="345">
        <v>1612021</v>
      </c>
      <c r="JZ16" s="345">
        <v>1854637</v>
      </c>
      <c r="KA16" s="349">
        <v>8790377</v>
      </c>
      <c r="KB16" s="347">
        <v>8848295</v>
      </c>
      <c r="KC16" s="352">
        <v>886586</v>
      </c>
      <c r="KD16" s="353">
        <v>1582354</v>
      </c>
      <c r="KE16" s="349">
        <v>2468940</v>
      </c>
      <c r="KF16" s="351">
        <v>0</v>
      </c>
      <c r="KG16" s="345">
        <v>15508901</v>
      </c>
      <c r="KH16" s="345">
        <v>14389366</v>
      </c>
      <c r="KI16" s="345">
        <v>20906989</v>
      </c>
      <c r="KJ16" s="345">
        <v>15168377</v>
      </c>
      <c r="KK16" s="345">
        <v>14122015</v>
      </c>
      <c r="KL16" s="349">
        <v>80095648</v>
      </c>
      <c r="KM16" s="354">
        <v>82564588</v>
      </c>
      <c r="KN16" s="342">
        <v>0</v>
      </c>
      <c r="KO16" s="343">
        <v>708895</v>
      </c>
      <c r="KP16" s="344">
        <v>708895</v>
      </c>
      <c r="KQ16" s="413">
        <v>0</v>
      </c>
      <c r="KR16" s="345">
        <v>30497081</v>
      </c>
      <c r="KS16" s="345">
        <v>31197066</v>
      </c>
      <c r="KT16" s="345">
        <v>37503561</v>
      </c>
      <c r="KU16" s="345">
        <v>28402994</v>
      </c>
      <c r="KV16" s="345">
        <v>24138581</v>
      </c>
      <c r="KW16" s="349">
        <v>151739283</v>
      </c>
      <c r="KX16" s="347">
        <v>152448178</v>
      </c>
      <c r="KY16" s="348">
        <v>0</v>
      </c>
      <c r="KZ16" s="345">
        <v>0</v>
      </c>
      <c r="LA16" s="349">
        <v>0</v>
      </c>
      <c r="LB16" s="413">
        <v>0</v>
      </c>
      <c r="LC16" s="345">
        <v>6179281</v>
      </c>
      <c r="LD16" s="345">
        <v>5075657</v>
      </c>
      <c r="LE16" s="345">
        <v>6145375</v>
      </c>
      <c r="LF16" s="345">
        <v>8394799</v>
      </c>
      <c r="LG16" s="345">
        <v>6868342</v>
      </c>
      <c r="LH16" s="349">
        <v>32663454</v>
      </c>
      <c r="LI16" s="350">
        <v>32663454</v>
      </c>
      <c r="LJ16" s="348">
        <v>0</v>
      </c>
      <c r="LK16" s="345">
        <v>0</v>
      </c>
      <c r="LL16" s="349">
        <v>0</v>
      </c>
      <c r="LM16" s="413">
        <v>0</v>
      </c>
      <c r="LN16" s="345">
        <v>0</v>
      </c>
      <c r="LO16" s="345">
        <v>218961</v>
      </c>
      <c r="LP16" s="345">
        <v>1084548</v>
      </c>
      <c r="LQ16" s="345">
        <v>6260330</v>
      </c>
      <c r="LR16" s="345">
        <v>4775180</v>
      </c>
      <c r="LS16" s="349">
        <v>12339019</v>
      </c>
      <c r="LT16" s="347">
        <v>12339019</v>
      </c>
      <c r="LU16" s="348">
        <v>0</v>
      </c>
      <c r="LV16" s="345">
        <v>0</v>
      </c>
      <c r="LW16" s="349">
        <v>0</v>
      </c>
      <c r="LX16" s="413">
        <v>0</v>
      </c>
      <c r="LY16" s="345">
        <v>5192529</v>
      </c>
      <c r="LZ16" s="345">
        <v>7494209</v>
      </c>
      <c r="MA16" s="345">
        <v>8410315</v>
      </c>
      <c r="MB16" s="345">
        <v>18119398</v>
      </c>
      <c r="MC16" s="345">
        <v>10662814</v>
      </c>
      <c r="MD16" s="349">
        <v>49879265</v>
      </c>
      <c r="ME16" s="350">
        <v>49879265</v>
      </c>
      <c r="MF16" s="348">
        <v>0</v>
      </c>
      <c r="MG16" s="345">
        <v>0</v>
      </c>
      <c r="MH16" s="349">
        <v>0</v>
      </c>
      <c r="MI16" s="413">
        <v>0</v>
      </c>
      <c r="MJ16" s="345">
        <v>26665592</v>
      </c>
      <c r="MK16" s="345">
        <v>46530045</v>
      </c>
      <c r="ML16" s="345">
        <v>132266546</v>
      </c>
      <c r="MM16" s="345">
        <v>235554061</v>
      </c>
      <c r="MN16" s="345">
        <v>181812878</v>
      </c>
      <c r="MO16" s="349">
        <v>622829122</v>
      </c>
      <c r="MP16" s="354">
        <v>622829122</v>
      </c>
      <c r="MQ16" s="348">
        <v>0</v>
      </c>
      <c r="MR16" s="345">
        <v>0</v>
      </c>
      <c r="MS16" s="349">
        <v>0</v>
      </c>
      <c r="MT16" s="413">
        <v>0</v>
      </c>
      <c r="MU16" s="345">
        <v>3450802</v>
      </c>
      <c r="MV16" s="345">
        <v>12742026</v>
      </c>
      <c r="MW16" s="345">
        <v>87529863</v>
      </c>
      <c r="MX16" s="345">
        <v>174184724</v>
      </c>
      <c r="MY16" s="345">
        <v>135425086</v>
      </c>
      <c r="MZ16" s="349">
        <v>413332501</v>
      </c>
      <c r="NA16" s="354">
        <v>413332501</v>
      </c>
      <c r="NB16" s="348">
        <v>0</v>
      </c>
      <c r="NC16" s="345">
        <v>0</v>
      </c>
      <c r="ND16" s="349">
        <v>0</v>
      </c>
      <c r="NE16" s="413">
        <v>0</v>
      </c>
      <c r="NF16" s="345">
        <v>23214790</v>
      </c>
      <c r="NG16" s="345">
        <v>33788019</v>
      </c>
      <c r="NH16" s="345">
        <v>44329073</v>
      </c>
      <c r="NI16" s="345">
        <v>59811896</v>
      </c>
      <c r="NJ16" s="345">
        <v>35256303</v>
      </c>
      <c r="NK16" s="349">
        <v>196400081</v>
      </c>
      <c r="NL16" s="347">
        <v>196400081</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0</v>
      </c>
      <c r="OC16" s="345">
        <v>0</v>
      </c>
      <c r="OD16" s="345">
        <v>407610</v>
      </c>
      <c r="OE16" s="345">
        <v>1557441</v>
      </c>
      <c r="OF16" s="345">
        <v>11131489</v>
      </c>
      <c r="OG16" s="349">
        <v>13096540</v>
      </c>
      <c r="OH16" s="350">
        <v>13096540</v>
      </c>
      <c r="OI16" s="348">
        <v>27313998</v>
      </c>
      <c r="OJ16" s="345">
        <v>46375822</v>
      </c>
      <c r="OK16" s="346">
        <v>73689820</v>
      </c>
      <c r="OL16" s="351">
        <v>0</v>
      </c>
      <c r="OM16" s="345">
        <v>477235977</v>
      </c>
      <c r="ON16" s="345">
        <v>431233389</v>
      </c>
      <c r="OO16" s="345">
        <v>504191616</v>
      </c>
      <c r="OP16" s="345">
        <v>593406537</v>
      </c>
      <c r="OQ16" s="345">
        <v>464736302</v>
      </c>
      <c r="OR16" s="349">
        <v>2470803821</v>
      </c>
      <c r="OS16" s="354">
        <v>2544493641</v>
      </c>
    </row>
    <row r="17" spans="2:409" s="70" customFormat="1" ht="21" customHeight="1" x14ac:dyDescent="0.2">
      <c r="B17" s="410" t="s">
        <v>11</v>
      </c>
      <c r="C17" s="326">
        <v>12285051</v>
      </c>
      <c r="D17" s="327">
        <v>17360620</v>
      </c>
      <c r="E17" s="365">
        <v>29645671</v>
      </c>
      <c r="F17" s="332">
        <v>0</v>
      </c>
      <c r="G17" s="327">
        <v>169781104</v>
      </c>
      <c r="H17" s="327">
        <v>149981497</v>
      </c>
      <c r="I17" s="327">
        <v>142235806</v>
      </c>
      <c r="J17" s="327">
        <v>150226774</v>
      </c>
      <c r="K17" s="327">
        <v>101052687</v>
      </c>
      <c r="L17" s="329">
        <v>713277868</v>
      </c>
      <c r="M17" s="330">
        <v>742923539</v>
      </c>
      <c r="N17" s="326">
        <v>1656767</v>
      </c>
      <c r="O17" s="327">
        <v>3615554</v>
      </c>
      <c r="P17" s="328">
        <v>5272321</v>
      </c>
      <c r="Q17" s="326">
        <v>0</v>
      </c>
      <c r="R17" s="327">
        <v>41013762</v>
      </c>
      <c r="S17" s="327">
        <v>43013305</v>
      </c>
      <c r="T17" s="327">
        <v>45832542</v>
      </c>
      <c r="U17" s="327">
        <v>53407786</v>
      </c>
      <c r="V17" s="327">
        <v>50424279</v>
      </c>
      <c r="W17" s="328">
        <v>233691674</v>
      </c>
      <c r="X17" s="330">
        <v>238963995</v>
      </c>
      <c r="Y17" s="326">
        <v>0</v>
      </c>
      <c r="Z17" s="327">
        <v>0</v>
      </c>
      <c r="AA17" s="328">
        <v>0</v>
      </c>
      <c r="AB17" s="326">
        <v>0</v>
      </c>
      <c r="AC17" s="327">
        <v>19547641</v>
      </c>
      <c r="AD17" s="327">
        <v>22839824</v>
      </c>
      <c r="AE17" s="327">
        <v>27378296</v>
      </c>
      <c r="AF17" s="327">
        <v>29092220</v>
      </c>
      <c r="AG17" s="327">
        <v>30753983</v>
      </c>
      <c r="AH17" s="328">
        <v>129611964</v>
      </c>
      <c r="AI17" s="330">
        <v>129611964</v>
      </c>
      <c r="AJ17" s="326">
        <v>0</v>
      </c>
      <c r="AK17" s="327">
        <v>0</v>
      </c>
      <c r="AL17" s="328">
        <v>0</v>
      </c>
      <c r="AM17" s="326">
        <v>0</v>
      </c>
      <c r="AN17" s="327">
        <v>172693</v>
      </c>
      <c r="AO17" s="327">
        <v>660928</v>
      </c>
      <c r="AP17" s="327">
        <v>1258015</v>
      </c>
      <c r="AQ17" s="327">
        <v>4021898</v>
      </c>
      <c r="AR17" s="327">
        <v>4822634</v>
      </c>
      <c r="AS17" s="328">
        <v>10936168</v>
      </c>
      <c r="AT17" s="330">
        <v>10936168</v>
      </c>
      <c r="AU17" s="326">
        <v>969512</v>
      </c>
      <c r="AV17" s="327">
        <v>2879170</v>
      </c>
      <c r="AW17" s="328">
        <v>3848682</v>
      </c>
      <c r="AX17" s="326">
        <v>0</v>
      </c>
      <c r="AY17" s="327">
        <v>14574497</v>
      </c>
      <c r="AZ17" s="327">
        <v>12116903</v>
      </c>
      <c r="BA17" s="327">
        <v>10279337</v>
      </c>
      <c r="BB17" s="327">
        <v>12772325</v>
      </c>
      <c r="BC17" s="327">
        <v>10345735</v>
      </c>
      <c r="BD17" s="328">
        <v>60088797</v>
      </c>
      <c r="BE17" s="330">
        <v>63937479</v>
      </c>
      <c r="BF17" s="326">
        <v>118014</v>
      </c>
      <c r="BG17" s="327">
        <v>256641</v>
      </c>
      <c r="BH17" s="331">
        <v>374655</v>
      </c>
      <c r="BI17" s="332">
        <v>0</v>
      </c>
      <c r="BJ17" s="327">
        <v>1040152</v>
      </c>
      <c r="BK17" s="327">
        <v>903018</v>
      </c>
      <c r="BL17" s="327">
        <v>1029983</v>
      </c>
      <c r="BM17" s="327">
        <v>992590</v>
      </c>
      <c r="BN17" s="327">
        <v>200798</v>
      </c>
      <c r="BO17" s="328">
        <v>4166541</v>
      </c>
      <c r="BP17" s="330">
        <v>4541196</v>
      </c>
      <c r="BQ17" s="326">
        <v>569241</v>
      </c>
      <c r="BR17" s="327">
        <v>479743</v>
      </c>
      <c r="BS17" s="328">
        <v>1048984</v>
      </c>
      <c r="BT17" s="326">
        <v>0</v>
      </c>
      <c r="BU17" s="327">
        <v>5678779</v>
      </c>
      <c r="BV17" s="327">
        <v>6492632</v>
      </c>
      <c r="BW17" s="327">
        <v>5886911</v>
      </c>
      <c r="BX17" s="327">
        <v>6528753</v>
      </c>
      <c r="BY17" s="327">
        <v>4301129</v>
      </c>
      <c r="BZ17" s="328">
        <v>28888204</v>
      </c>
      <c r="CA17" s="330">
        <v>29937188</v>
      </c>
      <c r="CB17" s="326">
        <v>2650015</v>
      </c>
      <c r="CC17" s="327">
        <v>3441326</v>
      </c>
      <c r="CD17" s="328">
        <v>6091341</v>
      </c>
      <c r="CE17" s="326">
        <v>0</v>
      </c>
      <c r="CF17" s="327">
        <v>51352357</v>
      </c>
      <c r="CG17" s="327">
        <v>41071041</v>
      </c>
      <c r="CH17" s="327">
        <v>34624741</v>
      </c>
      <c r="CI17" s="327">
        <v>27432798</v>
      </c>
      <c r="CJ17" s="327">
        <v>11700005</v>
      </c>
      <c r="CK17" s="328">
        <v>166180942</v>
      </c>
      <c r="CL17" s="330">
        <v>172272283</v>
      </c>
      <c r="CM17" s="326">
        <v>0</v>
      </c>
      <c r="CN17" s="327">
        <v>0</v>
      </c>
      <c r="CO17" s="328">
        <v>0</v>
      </c>
      <c r="CP17" s="332">
        <v>0</v>
      </c>
      <c r="CQ17" s="327">
        <v>40783726</v>
      </c>
      <c r="CR17" s="327">
        <v>32069994</v>
      </c>
      <c r="CS17" s="327">
        <v>28017028</v>
      </c>
      <c r="CT17" s="327">
        <v>21031772</v>
      </c>
      <c r="CU17" s="327">
        <v>8827124</v>
      </c>
      <c r="CV17" s="328">
        <v>130729644</v>
      </c>
      <c r="CW17" s="330">
        <v>130729644</v>
      </c>
      <c r="CX17" s="326">
        <v>2650015</v>
      </c>
      <c r="CY17" s="327">
        <v>3441326</v>
      </c>
      <c r="CZ17" s="328">
        <v>6091341</v>
      </c>
      <c r="DA17" s="326">
        <v>0</v>
      </c>
      <c r="DB17" s="327">
        <v>10568631</v>
      </c>
      <c r="DC17" s="327">
        <v>9001047</v>
      </c>
      <c r="DD17" s="327">
        <v>6607713</v>
      </c>
      <c r="DE17" s="327">
        <v>6401026</v>
      </c>
      <c r="DF17" s="327">
        <v>2872881</v>
      </c>
      <c r="DG17" s="328">
        <v>35451298</v>
      </c>
      <c r="DH17" s="330">
        <v>41542639</v>
      </c>
      <c r="DI17" s="326">
        <v>150899</v>
      </c>
      <c r="DJ17" s="327">
        <v>389100</v>
      </c>
      <c r="DK17" s="331">
        <v>539999</v>
      </c>
      <c r="DL17" s="332">
        <v>0</v>
      </c>
      <c r="DM17" s="327">
        <v>4962158</v>
      </c>
      <c r="DN17" s="327">
        <v>6513069</v>
      </c>
      <c r="DO17" s="327">
        <v>10806023</v>
      </c>
      <c r="DP17" s="327">
        <v>11241654</v>
      </c>
      <c r="DQ17" s="327">
        <v>6250125</v>
      </c>
      <c r="DR17" s="328">
        <v>39773029</v>
      </c>
      <c r="DS17" s="330">
        <v>40313028</v>
      </c>
      <c r="DT17" s="326">
        <v>150899</v>
      </c>
      <c r="DU17" s="327">
        <v>298004</v>
      </c>
      <c r="DV17" s="328">
        <v>448903</v>
      </c>
      <c r="DW17" s="326">
        <v>0</v>
      </c>
      <c r="DX17" s="327">
        <v>4679817</v>
      </c>
      <c r="DY17" s="327">
        <v>6233513</v>
      </c>
      <c r="DZ17" s="327">
        <v>10354170</v>
      </c>
      <c r="EA17" s="327">
        <v>10698786</v>
      </c>
      <c r="EB17" s="327">
        <v>5261733</v>
      </c>
      <c r="EC17" s="328">
        <v>37228019</v>
      </c>
      <c r="ED17" s="330">
        <v>37676922</v>
      </c>
      <c r="EE17" s="326">
        <v>0</v>
      </c>
      <c r="EF17" s="331">
        <v>91096</v>
      </c>
      <c r="EG17" s="328">
        <v>91096</v>
      </c>
      <c r="EH17" s="326">
        <v>0</v>
      </c>
      <c r="EI17" s="327">
        <v>282341</v>
      </c>
      <c r="EJ17" s="327">
        <v>279556</v>
      </c>
      <c r="EK17" s="327">
        <v>451853</v>
      </c>
      <c r="EL17" s="327">
        <v>542868</v>
      </c>
      <c r="EM17" s="327">
        <v>988392</v>
      </c>
      <c r="EN17" s="331">
        <v>2545010</v>
      </c>
      <c r="EO17" s="330">
        <v>2636106</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2941605</v>
      </c>
      <c r="FM17" s="327">
        <v>4170745</v>
      </c>
      <c r="FN17" s="328">
        <v>7112350</v>
      </c>
      <c r="FO17" s="326">
        <v>0</v>
      </c>
      <c r="FP17" s="327">
        <v>8089354</v>
      </c>
      <c r="FQ17" s="327">
        <v>12260091</v>
      </c>
      <c r="FR17" s="327">
        <v>10948854</v>
      </c>
      <c r="FS17" s="327">
        <v>10765638</v>
      </c>
      <c r="FT17" s="327">
        <v>6656523</v>
      </c>
      <c r="FU17" s="328">
        <v>48720460</v>
      </c>
      <c r="FV17" s="330">
        <v>55832810</v>
      </c>
      <c r="FW17" s="333">
        <v>2079167</v>
      </c>
      <c r="FX17" s="327">
        <v>3145965</v>
      </c>
      <c r="FY17" s="331">
        <v>5225132</v>
      </c>
      <c r="FZ17" s="332">
        <v>0</v>
      </c>
      <c r="GA17" s="327">
        <v>6965191</v>
      </c>
      <c r="GB17" s="327">
        <v>11489288</v>
      </c>
      <c r="GC17" s="327">
        <v>9979992</v>
      </c>
      <c r="GD17" s="327">
        <v>10354608</v>
      </c>
      <c r="GE17" s="327">
        <v>6541566</v>
      </c>
      <c r="GF17" s="328">
        <v>45330645</v>
      </c>
      <c r="GG17" s="334">
        <v>50555777</v>
      </c>
      <c r="GH17" s="333">
        <v>175054</v>
      </c>
      <c r="GI17" s="327">
        <v>170260</v>
      </c>
      <c r="GJ17" s="331">
        <v>345314</v>
      </c>
      <c r="GK17" s="332">
        <v>0</v>
      </c>
      <c r="GL17" s="327">
        <v>450223</v>
      </c>
      <c r="GM17" s="327">
        <v>359529</v>
      </c>
      <c r="GN17" s="327">
        <v>394889</v>
      </c>
      <c r="GO17" s="327">
        <v>99000</v>
      </c>
      <c r="GP17" s="327">
        <v>114957</v>
      </c>
      <c r="GQ17" s="328">
        <v>1418598</v>
      </c>
      <c r="GR17" s="330">
        <v>1763912</v>
      </c>
      <c r="GS17" s="326">
        <v>687384</v>
      </c>
      <c r="GT17" s="327">
        <v>854520</v>
      </c>
      <c r="GU17" s="328">
        <v>1541904</v>
      </c>
      <c r="GV17" s="326">
        <v>0</v>
      </c>
      <c r="GW17" s="327">
        <v>673940</v>
      </c>
      <c r="GX17" s="327">
        <v>411274</v>
      </c>
      <c r="GY17" s="327">
        <v>573973</v>
      </c>
      <c r="GZ17" s="327">
        <v>312030</v>
      </c>
      <c r="HA17" s="327">
        <v>0</v>
      </c>
      <c r="HB17" s="331">
        <v>1971217</v>
      </c>
      <c r="HC17" s="330">
        <v>3513121</v>
      </c>
      <c r="HD17" s="326">
        <v>2372097</v>
      </c>
      <c r="HE17" s="327">
        <v>2830759</v>
      </c>
      <c r="HF17" s="331">
        <v>5202856</v>
      </c>
      <c r="HG17" s="332">
        <v>0</v>
      </c>
      <c r="HH17" s="327">
        <v>33462224</v>
      </c>
      <c r="HI17" s="327">
        <v>28172134</v>
      </c>
      <c r="HJ17" s="327">
        <v>25348692</v>
      </c>
      <c r="HK17" s="327">
        <v>35726895</v>
      </c>
      <c r="HL17" s="327">
        <v>19628664</v>
      </c>
      <c r="HM17" s="328">
        <v>142338609</v>
      </c>
      <c r="HN17" s="329">
        <v>147541465</v>
      </c>
      <c r="HO17" s="333">
        <v>2513668</v>
      </c>
      <c r="HP17" s="327">
        <v>2913136</v>
      </c>
      <c r="HQ17" s="328">
        <v>5426804</v>
      </c>
      <c r="HR17" s="326">
        <v>0</v>
      </c>
      <c r="HS17" s="327">
        <v>30901249</v>
      </c>
      <c r="HT17" s="327">
        <v>18951857</v>
      </c>
      <c r="HU17" s="327">
        <v>14674954</v>
      </c>
      <c r="HV17" s="327">
        <v>11652003</v>
      </c>
      <c r="HW17" s="327">
        <v>6393091</v>
      </c>
      <c r="HX17" s="331">
        <v>82573154</v>
      </c>
      <c r="HY17" s="330">
        <v>87999958</v>
      </c>
      <c r="HZ17" s="335">
        <v>100522</v>
      </c>
      <c r="IA17" s="336">
        <v>750363</v>
      </c>
      <c r="IB17" s="337">
        <v>850885</v>
      </c>
      <c r="IC17" s="338">
        <v>0</v>
      </c>
      <c r="ID17" s="336">
        <v>56654980</v>
      </c>
      <c r="IE17" s="339">
        <v>56073650</v>
      </c>
      <c r="IF17" s="337">
        <v>60757882</v>
      </c>
      <c r="IG17" s="336">
        <v>42383731</v>
      </c>
      <c r="IH17" s="337">
        <v>20625122</v>
      </c>
      <c r="II17" s="340">
        <v>236495365</v>
      </c>
      <c r="IJ17" s="341">
        <v>237346250</v>
      </c>
      <c r="IK17" s="342">
        <v>0</v>
      </c>
      <c r="IL17" s="343">
        <v>0</v>
      </c>
      <c r="IM17" s="344">
        <v>0</v>
      </c>
      <c r="IN17" s="404">
        <v>0</v>
      </c>
      <c r="IO17" s="345">
        <v>539489</v>
      </c>
      <c r="IP17" s="345">
        <v>734664</v>
      </c>
      <c r="IQ17" s="345">
        <v>543652</v>
      </c>
      <c r="IR17" s="345">
        <v>1216246</v>
      </c>
      <c r="IS17" s="345">
        <v>1294841</v>
      </c>
      <c r="IT17" s="346">
        <v>4328892</v>
      </c>
      <c r="IU17" s="347">
        <v>4328892</v>
      </c>
      <c r="IV17" s="348">
        <v>0</v>
      </c>
      <c r="IW17" s="345">
        <v>0</v>
      </c>
      <c r="IX17" s="349">
        <v>0</v>
      </c>
      <c r="IY17" s="413">
        <v>0</v>
      </c>
      <c r="IZ17" s="345">
        <v>255265</v>
      </c>
      <c r="JA17" s="345">
        <v>238454</v>
      </c>
      <c r="JB17" s="345">
        <v>240956</v>
      </c>
      <c r="JC17" s="345">
        <v>441632</v>
      </c>
      <c r="JD17" s="345">
        <v>325586</v>
      </c>
      <c r="JE17" s="349">
        <v>1501893</v>
      </c>
      <c r="JF17" s="350">
        <v>1501893</v>
      </c>
      <c r="JG17" s="348">
        <v>0</v>
      </c>
      <c r="JH17" s="345">
        <v>0</v>
      </c>
      <c r="JI17" s="346">
        <v>0</v>
      </c>
      <c r="JJ17" s="351">
        <v>0</v>
      </c>
      <c r="JK17" s="345">
        <v>28783205</v>
      </c>
      <c r="JL17" s="345">
        <v>20089676</v>
      </c>
      <c r="JM17" s="345">
        <v>16190112</v>
      </c>
      <c r="JN17" s="345">
        <v>10162012</v>
      </c>
      <c r="JO17" s="345">
        <v>4899345</v>
      </c>
      <c r="JP17" s="349">
        <v>80124350</v>
      </c>
      <c r="JQ17" s="347">
        <v>80124350</v>
      </c>
      <c r="JR17" s="348">
        <v>0</v>
      </c>
      <c r="JS17" s="345">
        <v>0</v>
      </c>
      <c r="JT17" s="346">
        <v>0</v>
      </c>
      <c r="JU17" s="351">
        <v>0</v>
      </c>
      <c r="JV17" s="345">
        <v>1722139</v>
      </c>
      <c r="JW17" s="345">
        <v>1508890</v>
      </c>
      <c r="JX17" s="345">
        <v>1502703</v>
      </c>
      <c r="JY17" s="345">
        <v>505319</v>
      </c>
      <c r="JZ17" s="345">
        <v>169960</v>
      </c>
      <c r="KA17" s="349">
        <v>5409011</v>
      </c>
      <c r="KB17" s="347">
        <v>5409011</v>
      </c>
      <c r="KC17" s="352">
        <v>100522</v>
      </c>
      <c r="KD17" s="353">
        <v>236904</v>
      </c>
      <c r="KE17" s="349">
        <v>337426</v>
      </c>
      <c r="KF17" s="351">
        <v>0</v>
      </c>
      <c r="KG17" s="345">
        <v>4341715</v>
      </c>
      <c r="KH17" s="345">
        <v>7045746</v>
      </c>
      <c r="KI17" s="345">
        <v>10528713</v>
      </c>
      <c r="KJ17" s="345">
        <v>5844980</v>
      </c>
      <c r="KK17" s="345">
        <v>2904775</v>
      </c>
      <c r="KL17" s="349">
        <v>30665929</v>
      </c>
      <c r="KM17" s="354">
        <v>31003355</v>
      </c>
      <c r="KN17" s="342">
        <v>0</v>
      </c>
      <c r="KO17" s="343">
        <v>513459</v>
      </c>
      <c r="KP17" s="344">
        <v>513459</v>
      </c>
      <c r="KQ17" s="413">
        <v>0</v>
      </c>
      <c r="KR17" s="345">
        <v>19426797</v>
      </c>
      <c r="KS17" s="345">
        <v>25547309</v>
      </c>
      <c r="KT17" s="345">
        <v>29891587</v>
      </c>
      <c r="KU17" s="345">
        <v>21097047</v>
      </c>
      <c r="KV17" s="345">
        <v>10197191</v>
      </c>
      <c r="KW17" s="349">
        <v>106159931</v>
      </c>
      <c r="KX17" s="347">
        <v>106673390</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256545</v>
      </c>
      <c r="LP17" s="345">
        <v>0</v>
      </c>
      <c r="LQ17" s="345">
        <v>303030</v>
      </c>
      <c r="LR17" s="345">
        <v>0</v>
      </c>
      <c r="LS17" s="349">
        <v>559575</v>
      </c>
      <c r="LT17" s="347">
        <v>559575</v>
      </c>
      <c r="LU17" s="348">
        <v>0</v>
      </c>
      <c r="LV17" s="345">
        <v>0</v>
      </c>
      <c r="LW17" s="349">
        <v>0</v>
      </c>
      <c r="LX17" s="413">
        <v>0</v>
      </c>
      <c r="LY17" s="345">
        <v>1586370</v>
      </c>
      <c r="LZ17" s="345">
        <v>652366</v>
      </c>
      <c r="MA17" s="345">
        <v>1860159</v>
      </c>
      <c r="MB17" s="345">
        <v>2813465</v>
      </c>
      <c r="MC17" s="345">
        <v>833424</v>
      </c>
      <c r="MD17" s="349">
        <v>7745784</v>
      </c>
      <c r="ME17" s="350">
        <v>7745784</v>
      </c>
      <c r="MF17" s="348">
        <v>0</v>
      </c>
      <c r="MG17" s="345">
        <v>0</v>
      </c>
      <c r="MH17" s="349">
        <v>0</v>
      </c>
      <c r="MI17" s="413">
        <v>0</v>
      </c>
      <c r="MJ17" s="345">
        <v>15301985</v>
      </c>
      <c r="MK17" s="345">
        <v>32414253</v>
      </c>
      <c r="ML17" s="345">
        <v>97852623</v>
      </c>
      <c r="MM17" s="345">
        <v>174723824</v>
      </c>
      <c r="MN17" s="345">
        <v>117277506</v>
      </c>
      <c r="MO17" s="349">
        <v>437570191</v>
      </c>
      <c r="MP17" s="354">
        <v>437570191</v>
      </c>
      <c r="MQ17" s="348">
        <v>0</v>
      </c>
      <c r="MR17" s="345">
        <v>0</v>
      </c>
      <c r="MS17" s="349">
        <v>0</v>
      </c>
      <c r="MT17" s="413">
        <v>0</v>
      </c>
      <c r="MU17" s="345">
        <v>538728</v>
      </c>
      <c r="MV17" s="345">
        <v>1768845</v>
      </c>
      <c r="MW17" s="345">
        <v>53430598</v>
      </c>
      <c r="MX17" s="345">
        <v>119854005</v>
      </c>
      <c r="MY17" s="345">
        <v>73205155</v>
      </c>
      <c r="MZ17" s="349">
        <v>248797331</v>
      </c>
      <c r="NA17" s="354">
        <v>248797331</v>
      </c>
      <c r="NB17" s="348">
        <v>0</v>
      </c>
      <c r="NC17" s="345">
        <v>0</v>
      </c>
      <c r="ND17" s="349">
        <v>0</v>
      </c>
      <c r="NE17" s="413">
        <v>0</v>
      </c>
      <c r="NF17" s="345">
        <v>13722343</v>
      </c>
      <c r="NG17" s="345">
        <v>29221569</v>
      </c>
      <c r="NH17" s="345">
        <v>41405592</v>
      </c>
      <c r="NI17" s="345">
        <v>50475729</v>
      </c>
      <c r="NJ17" s="345">
        <v>29712804</v>
      </c>
      <c r="NK17" s="349">
        <v>164538037</v>
      </c>
      <c r="NL17" s="347">
        <v>164538037</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1040914</v>
      </c>
      <c r="OC17" s="345">
        <v>1423839</v>
      </c>
      <c r="OD17" s="345">
        <v>3016433</v>
      </c>
      <c r="OE17" s="345">
        <v>4394090</v>
      </c>
      <c r="OF17" s="345">
        <v>14359547</v>
      </c>
      <c r="OG17" s="349">
        <v>24234823</v>
      </c>
      <c r="OH17" s="350">
        <v>24234823</v>
      </c>
      <c r="OI17" s="348">
        <v>12385573</v>
      </c>
      <c r="OJ17" s="345">
        <v>18110983</v>
      </c>
      <c r="OK17" s="346">
        <v>30496556</v>
      </c>
      <c r="OL17" s="351">
        <v>0</v>
      </c>
      <c r="OM17" s="345">
        <v>241738069</v>
      </c>
      <c r="ON17" s="345">
        <v>238469400</v>
      </c>
      <c r="OO17" s="345">
        <v>300846311</v>
      </c>
      <c r="OP17" s="345">
        <v>367334329</v>
      </c>
      <c r="OQ17" s="345">
        <v>238955315</v>
      </c>
      <c r="OR17" s="349">
        <v>1387343424</v>
      </c>
      <c r="OS17" s="354">
        <v>1417839980</v>
      </c>
    </row>
    <row r="18" spans="2:409" s="70" customFormat="1" ht="21" customHeight="1" x14ac:dyDescent="0.2">
      <c r="B18" s="410" t="s">
        <v>12</v>
      </c>
      <c r="C18" s="326">
        <v>15152433</v>
      </c>
      <c r="D18" s="327">
        <v>36029256</v>
      </c>
      <c r="E18" s="328">
        <v>51181689</v>
      </c>
      <c r="F18" s="329">
        <v>0</v>
      </c>
      <c r="G18" s="327">
        <v>144044379</v>
      </c>
      <c r="H18" s="366">
        <v>166593490</v>
      </c>
      <c r="I18" s="366">
        <v>148462327</v>
      </c>
      <c r="J18" s="366">
        <v>166338454</v>
      </c>
      <c r="K18" s="366">
        <v>119300649</v>
      </c>
      <c r="L18" s="331">
        <v>744739299</v>
      </c>
      <c r="M18" s="330">
        <v>795920988</v>
      </c>
      <c r="N18" s="326">
        <v>3702737</v>
      </c>
      <c r="O18" s="327">
        <v>11746356</v>
      </c>
      <c r="P18" s="328">
        <v>15449093</v>
      </c>
      <c r="Q18" s="326">
        <v>0</v>
      </c>
      <c r="R18" s="327">
        <v>40537277</v>
      </c>
      <c r="S18" s="327">
        <v>54161033</v>
      </c>
      <c r="T18" s="327">
        <v>47488731</v>
      </c>
      <c r="U18" s="327">
        <v>68567441</v>
      </c>
      <c r="V18" s="327">
        <v>62375819</v>
      </c>
      <c r="W18" s="328">
        <v>273130301</v>
      </c>
      <c r="X18" s="330">
        <v>288579394</v>
      </c>
      <c r="Y18" s="326">
        <v>0</v>
      </c>
      <c r="Z18" s="327">
        <v>0</v>
      </c>
      <c r="AA18" s="328">
        <v>0</v>
      </c>
      <c r="AB18" s="326">
        <v>0</v>
      </c>
      <c r="AC18" s="327">
        <v>22588304</v>
      </c>
      <c r="AD18" s="327">
        <v>28907494</v>
      </c>
      <c r="AE18" s="327">
        <v>30033603</v>
      </c>
      <c r="AF18" s="327">
        <v>45310995</v>
      </c>
      <c r="AG18" s="327">
        <v>41538432</v>
      </c>
      <c r="AH18" s="328">
        <v>168378828</v>
      </c>
      <c r="AI18" s="330">
        <v>168378828</v>
      </c>
      <c r="AJ18" s="326">
        <v>0</v>
      </c>
      <c r="AK18" s="327">
        <v>135569</v>
      </c>
      <c r="AL18" s="328">
        <v>135569</v>
      </c>
      <c r="AM18" s="326">
        <v>0</v>
      </c>
      <c r="AN18" s="327">
        <v>185019</v>
      </c>
      <c r="AO18" s="327">
        <v>947501</v>
      </c>
      <c r="AP18" s="327">
        <v>1093138</v>
      </c>
      <c r="AQ18" s="327">
        <v>4214803</v>
      </c>
      <c r="AR18" s="327">
        <v>4942035</v>
      </c>
      <c r="AS18" s="328">
        <v>11382496</v>
      </c>
      <c r="AT18" s="330">
        <v>11518065</v>
      </c>
      <c r="AU18" s="326">
        <v>2701532</v>
      </c>
      <c r="AV18" s="327">
        <v>9399231</v>
      </c>
      <c r="AW18" s="328">
        <v>12100763</v>
      </c>
      <c r="AX18" s="326">
        <v>0</v>
      </c>
      <c r="AY18" s="327">
        <v>12482872</v>
      </c>
      <c r="AZ18" s="327">
        <v>17153120</v>
      </c>
      <c r="BA18" s="327">
        <v>10316560</v>
      </c>
      <c r="BB18" s="327">
        <v>11499978</v>
      </c>
      <c r="BC18" s="327">
        <v>10605302</v>
      </c>
      <c r="BD18" s="328">
        <v>62057832</v>
      </c>
      <c r="BE18" s="330">
        <v>74158595</v>
      </c>
      <c r="BF18" s="326">
        <v>129296</v>
      </c>
      <c r="BG18" s="327">
        <v>879958</v>
      </c>
      <c r="BH18" s="331">
        <v>1009254</v>
      </c>
      <c r="BI18" s="332">
        <v>0</v>
      </c>
      <c r="BJ18" s="327">
        <v>641155</v>
      </c>
      <c r="BK18" s="327">
        <v>1695073</v>
      </c>
      <c r="BL18" s="327">
        <v>828561</v>
      </c>
      <c r="BM18" s="327">
        <v>782618</v>
      </c>
      <c r="BN18" s="327">
        <v>517028</v>
      </c>
      <c r="BO18" s="328">
        <v>4464435</v>
      </c>
      <c r="BP18" s="330">
        <v>5473689</v>
      </c>
      <c r="BQ18" s="326">
        <v>871909</v>
      </c>
      <c r="BR18" s="327">
        <v>1331598</v>
      </c>
      <c r="BS18" s="328">
        <v>2203507</v>
      </c>
      <c r="BT18" s="326">
        <v>0</v>
      </c>
      <c r="BU18" s="327">
        <v>4639927</v>
      </c>
      <c r="BV18" s="327">
        <v>5457845</v>
      </c>
      <c r="BW18" s="327">
        <v>5216869</v>
      </c>
      <c r="BX18" s="327">
        <v>6759047</v>
      </c>
      <c r="BY18" s="327">
        <v>4773022</v>
      </c>
      <c r="BZ18" s="328">
        <v>26846710</v>
      </c>
      <c r="CA18" s="330">
        <v>29050217</v>
      </c>
      <c r="CB18" s="326">
        <v>2242681</v>
      </c>
      <c r="CC18" s="327">
        <v>5887790</v>
      </c>
      <c r="CD18" s="328">
        <v>8130471</v>
      </c>
      <c r="CE18" s="326">
        <v>0</v>
      </c>
      <c r="CF18" s="327">
        <v>47456885</v>
      </c>
      <c r="CG18" s="327">
        <v>46949353</v>
      </c>
      <c r="CH18" s="327">
        <v>36393631</v>
      </c>
      <c r="CI18" s="327">
        <v>28690142</v>
      </c>
      <c r="CJ18" s="327">
        <v>15198704</v>
      </c>
      <c r="CK18" s="328">
        <v>174688715</v>
      </c>
      <c r="CL18" s="330">
        <v>182819186</v>
      </c>
      <c r="CM18" s="326">
        <v>0</v>
      </c>
      <c r="CN18" s="327">
        <v>0</v>
      </c>
      <c r="CO18" s="328">
        <v>0</v>
      </c>
      <c r="CP18" s="332">
        <v>0</v>
      </c>
      <c r="CQ18" s="327">
        <v>40849841</v>
      </c>
      <c r="CR18" s="327">
        <v>34304565</v>
      </c>
      <c r="CS18" s="327">
        <v>27084090</v>
      </c>
      <c r="CT18" s="327">
        <v>22684967</v>
      </c>
      <c r="CU18" s="327">
        <v>12542151</v>
      </c>
      <c r="CV18" s="328">
        <v>137465614</v>
      </c>
      <c r="CW18" s="330">
        <v>137465614</v>
      </c>
      <c r="CX18" s="326">
        <v>2242681</v>
      </c>
      <c r="CY18" s="327">
        <v>5887790</v>
      </c>
      <c r="CZ18" s="328">
        <v>8130471</v>
      </c>
      <c r="DA18" s="326">
        <v>0</v>
      </c>
      <c r="DB18" s="327">
        <v>6607044</v>
      </c>
      <c r="DC18" s="327">
        <v>12644788</v>
      </c>
      <c r="DD18" s="327">
        <v>9309541</v>
      </c>
      <c r="DE18" s="327">
        <v>6005175</v>
      </c>
      <c r="DF18" s="327">
        <v>2656553</v>
      </c>
      <c r="DG18" s="328">
        <v>37223101</v>
      </c>
      <c r="DH18" s="330">
        <v>45353572</v>
      </c>
      <c r="DI18" s="326">
        <v>121590</v>
      </c>
      <c r="DJ18" s="327">
        <v>562825</v>
      </c>
      <c r="DK18" s="331">
        <v>684415</v>
      </c>
      <c r="DL18" s="332">
        <v>0</v>
      </c>
      <c r="DM18" s="327">
        <v>5053371</v>
      </c>
      <c r="DN18" s="327">
        <v>7169577</v>
      </c>
      <c r="DO18" s="327">
        <v>12938821</v>
      </c>
      <c r="DP18" s="327">
        <v>12895984</v>
      </c>
      <c r="DQ18" s="327">
        <v>7280918</v>
      </c>
      <c r="DR18" s="328">
        <v>45338671</v>
      </c>
      <c r="DS18" s="330">
        <v>46023086</v>
      </c>
      <c r="DT18" s="326">
        <v>121590</v>
      </c>
      <c r="DU18" s="327">
        <v>497734</v>
      </c>
      <c r="DV18" s="328">
        <v>619324</v>
      </c>
      <c r="DW18" s="326">
        <v>0</v>
      </c>
      <c r="DX18" s="327">
        <v>4768127</v>
      </c>
      <c r="DY18" s="327">
        <v>6911178</v>
      </c>
      <c r="DZ18" s="327">
        <v>12650612</v>
      </c>
      <c r="EA18" s="327">
        <v>12610343</v>
      </c>
      <c r="EB18" s="327">
        <v>6718353</v>
      </c>
      <c r="EC18" s="328">
        <v>43658613</v>
      </c>
      <c r="ED18" s="330">
        <v>44277937</v>
      </c>
      <c r="EE18" s="326">
        <v>0</v>
      </c>
      <c r="EF18" s="331">
        <v>65091</v>
      </c>
      <c r="EG18" s="328">
        <v>65091</v>
      </c>
      <c r="EH18" s="326">
        <v>0</v>
      </c>
      <c r="EI18" s="327">
        <v>285244</v>
      </c>
      <c r="EJ18" s="327">
        <v>258399</v>
      </c>
      <c r="EK18" s="327">
        <v>288209</v>
      </c>
      <c r="EL18" s="327">
        <v>285641</v>
      </c>
      <c r="EM18" s="327">
        <v>562565</v>
      </c>
      <c r="EN18" s="331">
        <v>1680058</v>
      </c>
      <c r="EO18" s="330">
        <v>1745149</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480554</v>
      </c>
      <c r="FM18" s="327">
        <v>7753669</v>
      </c>
      <c r="FN18" s="328">
        <v>11234223</v>
      </c>
      <c r="FO18" s="326">
        <v>0</v>
      </c>
      <c r="FP18" s="327">
        <v>4914850</v>
      </c>
      <c r="FQ18" s="327">
        <v>15608555</v>
      </c>
      <c r="FR18" s="327">
        <v>12016238</v>
      </c>
      <c r="FS18" s="327">
        <v>13173947</v>
      </c>
      <c r="FT18" s="327">
        <v>8797414</v>
      </c>
      <c r="FU18" s="328">
        <v>54511004</v>
      </c>
      <c r="FV18" s="330">
        <v>65745227</v>
      </c>
      <c r="FW18" s="333">
        <v>2495900</v>
      </c>
      <c r="FX18" s="327">
        <v>6158036</v>
      </c>
      <c r="FY18" s="331">
        <v>8653936</v>
      </c>
      <c r="FZ18" s="332">
        <v>0</v>
      </c>
      <c r="GA18" s="327">
        <v>3995789</v>
      </c>
      <c r="GB18" s="327">
        <v>14407619</v>
      </c>
      <c r="GC18" s="327">
        <v>11191046</v>
      </c>
      <c r="GD18" s="327">
        <v>12314995</v>
      </c>
      <c r="GE18" s="327">
        <v>8471794</v>
      </c>
      <c r="GF18" s="328">
        <v>50381243</v>
      </c>
      <c r="GG18" s="334">
        <v>59035179</v>
      </c>
      <c r="GH18" s="333">
        <v>122742</v>
      </c>
      <c r="GI18" s="327">
        <v>285453</v>
      </c>
      <c r="GJ18" s="331">
        <v>408195</v>
      </c>
      <c r="GK18" s="332">
        <v>0</v>
      </c>
      <c r="GL18" s="327">
        <v>166491</v>
      </c>
      <c r="GM18" s="327">
        <v>334768</v>
      </c>
      <c r="GN18" s="327">
        <v>284282</v>
      </c>
      <c r="GO18" s="327">
        <v>280870</v>
      </c>
      <c r="GP18" s="327">
        <v>160020</v>
      </c>
      <c r="GQ18" s="328">
        <v>1226431</v>
      </c>
      <c r="GR18" s="330">
        <v>1634626</v>
      </c>
      <c r="GS18" s="326">
        <v>861912</v>
      </c>
      <c r="GT18" s="327">
        <v>1310180</v>
      </c>
      <c r="GU18" s="328">
        <v>2172092</v>
      </c>
      <c r="GV18" s="326">
        <v>0</v>
      </c>
      <c r="GW18" s="327">
        <v>752570</v>
      </c>
      <c r="GX18" s="327">
        <v>866168</v>
      </c>
      <c r="GY18" s="327">
        <v>540910</v>
      </c>
      <c r="GZ18" s="327">
        <v>578082</v>
      </c>
      <c r="HA18" s="327">
        <v>165600</v>
      </c>
      <c r="HB18" s="331">
        <v>2903330</v>
      </c>
      <c r="HC18" s="330">
        <v>5075422</v>
      </c>
      <c r="HD18" s="326">
        <v>2409484</v>
      </c>
      <c r="HE18" s="327">
        <v>4407353</v>
      </c>
      <c r="HF18" s="331">
        <v>6816837</v>
      </c>
      <c r="HG18" s="332">
        <v>0</v>
      </c>
      <c r="HH18" s="327">
        <v>22598436</v>
      </c>
      <c r="HI18" s="327">
        <v>22696238</v>
      </c>
      <c r="HJ18" s="327">
        <v>25261179</v>
      </c>
      <c r="HK18" s="327">
        <v>31270250</v>
      </c>
      <c r="HL18" s="327">
        <v>18752925</v>
      </c>
      <c r="HM18" s="328">
        <v>120579028</v>
      </c>
      <c r="HN18" s="329">
        <v>127395865</v>
      </c>
      <c r="HO18" s="333">
        <v>3195387</v>
      </c>
      <c r="HP18" s="327">
        <v>5671263</v>
      </c>
      <c r="HQ18" s="328">
        <v>8866650</v>
      </c>
      <c r="HR18" s="326">
        <v>0</v>
      </c>
      <c r="HS18" s="327">
        <v>23483560</v>
      </c>
      <c r="HT18" s="327">
        <v>20008734</v>
      </c>
      <c r="HU18" s="327">
        <v>14363727</v>
      </c>
      <c r="HV18" s="327">
        <v>11740690</v>
      </c>
      <c r="HW18" s="327">
        <v>6894869</v>
      </c>
      <c r="HX18" s="331">
        <v>76491580</v>
      </c>
      <c r="HY18" s="330">
        <v>85358230</v>
      </c>
      <c r="HZ18" s="358">
        <v>0</v>
      </c>
      <c r="IA18" s="356">
        <v>91512</v>
      </c>
      <c r="IB18" s="358">
        <v>91512</v>
      </c>
      <c r="IC18" s="355">
        <v>0</v>
      </c>
      <c r="ID18" s="356">
        <v>41811346</v>
      </c>
      <c r="IE18" s="357">
        <v>47127468</v>
      </c>
      <c r="IF18" s="358">
        <v>57867476</v>
      </c>
      <c r="IG18" s="356">
        <v>44132564</v>
      </c>
      <c r="IH18" s="358">
        <v>36678418</v>
      </c>
      <c r="II18" s="359">
        <v>227617272</v>
      </c>
      <c r="IJ18" s="358">
        <v>227708784</v>
      </c>
      <c r="IK18" s="342">
        <v>0</v>
      </c>
      <c r="IL18" s="343">
        <v>0</v>
      </c>
      <c r="IM18" s="344">
        <v>0</v>
      </c>
      <c r="IN18" s="404">
        <v>0</v>
      </c>
      <c r="IO18" s="345">
        <v>720870</v>
      </c>
      <c r="IP18" s="345">
        <v>490808</v>
      </c>
      <c r="IQ18" s="345">
        <v>597906</v>
      </c>
      <c r="IR18" s="345">
        <v>498244</v>
      </c>
      <c r="IS18" s="345">
        <v>1903222</v>
      </c>
      <c r="IT18" s="346">
        <v>4211050</v>
      </c>
      <c r="IU18" s="347">
        <v>4211050</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23365658</v>
      </c>
      <c r="JL18" s="345">
        <v>18568211</v>
      </c>
      <c r="JM18" s="345">
        <v>17032953</v>
      </c>
      <c r="JN18" s="345">
        <v>7940377</v>
      </c>
      <c r="JO18" s="345">
        <v>4202254</v>
      </c>
      <c r="JP18" s="349">
        <v>71109453</v>
      </c>
      <c r="JQ18" s="347">
        <v>71109453</v>
      </c>
      <c r="JR18" s="348">
        <v>0</v>
      </c>
      <c r="JS18" s="345">
        <v>0</v>
      </c>
      <c r="JT18" s="346">
        <v>0</v>
      </c>
      <c r="JU18" s="351">
        <v>0</v>
      </c>
      <c r="JV18" s="345">
        <v>706223</v>
      </c>
      <c r="JW18" s="345">
        <v>311054</v>
      </c>
      <c r="JX18" s="345">
        <v>51993</v>
      </c>
      <c r="JY18" s="345">
        <v>56979</v>
      </c>
      <c r="JZ18" s="345">
        <v>218810</v>
      </c>
      <c r="KA18" s="349">
        <v>1345059</v>
      </c>
      <c r="KB18" s="347">
        <v>1345059</v>
      </c>
      <c r="KC18" s="352">
        <v>0</v>
      </c>
      <c r="KD18" s="353">
        <v>91512</v>
      </c>
      <c r="KE18" s="349">
        <v>91512</v>
      </c>
      <c r="KF18" s="351">
        <v>0</v>
      </c>
      <c r="KG18" s="345">
        <v>4349463</v>
      </c>
      <c r="KH18" s="345">
        <v>7769177</v>
      </c>
      <c r="KI18" s="345">
        <v>11834494</v>
      </c>
      <c r="KJ18" s="345">
        <v>10923933</v>
      </c>
      <c r="KK18" s="345">
        <v>9908255</v>
      </c>
      <c r="KL18" s="349">
        <v>44785322</v>
      </c>
      <c r="KM18" s="354">
        <v>44876834</v>
      </c>
      <c r="KN18" s="342">
        <v>0</v>
      </c>
      <c r="KO18" s="343">
        <v>0</v>
      </c>
      <c r="KP18" s="344">
        <v>0</v>
      </c>
      <c r="KQ18" s="413">
        <v>0</v>
      </c>
      <c r="KR18" s="345">
        <v>11614377</v>
      </c>
      <c r="KS18" s="345">
        <v>15448603</v>
      </c>
      <c r="KT18" s="345">
        <v>15784678</v>
      </c>
      <c r="KU18" s="345">
        <v>10953464</v>
      </c>
      <c r="KV18" s="345">
        <v>11807242</v>
      </c>
      <c r="KW18" s="349">
        <v>65608364</v>
      </c>
      <c r="KX18" s="347">
        <v>65608364</v>
      </c>
      <c r="KY18" s="348">
        <v>0</v>
      </c>
      <c r="KZ18" s="345">
        <v>0</v>
      </c>
      <c r="LA18" s="349">
        <v>0</v>
      </c>
      <c r="LB18" s="413">
        <v>0</v>
      </c>
      <c r="LC18" s="345">
        <v>0</v>
      </c>
      <c r="LD18" s="345">
        <v>1161986</v>
      </c>
      <c r="LE18" s="345">
        <v>1865777</v>
      </c>
      <c r="LF18" s="345">
        <v>2461978</v>
      </c>
      <c r="LG18" s="345">
        <v>1197601</v>
      </c>
      <c r="LH18" s="349">
        <v>6687342</v>
      </c>
      <c r="LI18" s="350">
        <v>6687342</v>
      </c>
      <c r="LJ18" s="348">
        <v>0</v>
      </c>
      <c r="LK18" s="345">
        <v>0</v>
      </c>
      <c r="LL18" s="349">
        <v>0</v>
      </c>
      <c r="LM18" s="413">
        <v>0</v>
      </c>
      <c r="LN18" s="345">
        <v>0</v>
      </c>
      <c r="LO18" s="345">
        <v>0</v>
      </c>
      <c r="LP18" s="345">
        <v>3662873</v>
      </c>
      <c r="LQ18" s="345">
        <v>4245035</v>
      </c>
      <c r="LR18" s="345">
        <v>1341860</v>
      </c>
      <c r="LS18" s="349">
        <v>9249768</v>
      </c>
      <c r="LT18" s="347">
        <v>9249768</v>
      </c>
      <c r="LU18" s="348">
        <v>0</v>
      </c>
      <c r="LV18" s="345">
        <v>0</v>
      </c>
      <c r="LW18" s="349">
        <v>0</v>
      </c>
      <c r="LX18" s="413">
        <v>0</v>
      </c>
      <c r="LY18" s="345">
        <v>1054755</v>
      </c>
      <c r="LZ18" s="345">
        <v>3377629</v>
      </c>
      <c r="MA18" s="345">
        <v>7036802</v>
      </c>
      <c r="MB18" s="345">
        <v>7052554</v>
      </c>
      <c r="MC18" s="345">
        <v>6099174</v>
      </c>
      <c r="MD18" s="349">
        <v>24620914</v>
      </c>
      <c r="ME18" s="350">
        <v>24620914</v>
      </c>
      <c r="MF18" s="348">
        <v>0</v>
      </c>
      <c r="MG18" s="345">
        <v>0</v>
      </c>
      <c r="MH18" s="349">
        <v>0</v>
      </c>
      <c r="MI18" s="413">
        <v>0</v>
      </c>
      <c r="MJ18" s="345">
        <v>9648932</v>
      </c>
      <c r="MK18" s="345">
        <v>27739388</v>
      </c>
      <c r="ML18" s="345">
        <v>100067024</v>
      </c>
      <c r="MM18" s="345">
        <v>158324331</v>
      </c>
      <c r="MN18" s="345">
        <v>93264119</v>
      </c>
      <c r="MO18" s="349">
        <v>389043794</v>
      </c>
      <c r="MP18" s="354">
        <v>389043794</v>
      </c>
      <c r="MQ18" s="348">
        <v>0</v>
      </c>
      <c r="MR18" s="345">
        <v>0</v>
      </c>
      <c r="MS18" s="349">
        <v>0</v>
      </c>
      <c r="MT18" s="413">
        <v>0</v>
      </c>
      <c r="MU18" s="345">
        <v>498986</v>
      </c>
      <c r="MV18" s="345">
        <v>4835017</v>
      </c>
      <c r="MW18" s="345">
        <v>50399745</v>
      </c>
      <c r="MX18" s="345">
        <v>96418848</v>
      </c>
      <c r="MY18" s="345">
        <v>61346474</v>
      </c>
      <c r="MZ18" s="349">
        <v>213499070</v>
      </c>
      <c r="NA18" s="354">
        <v>213499070</v>
      </c>
      <c r="NB18" s="348">
        <v>0</v>
      </c>
      <c r="NC18" s="345">
        <v>0</v>
      </c>
      <c r="ND18" s="349">
        <v>0</v>
      </c>
      <c r="NE18" s="413">
        <v>0</v>
      </c>
      <c r="NF18" s="345">
        <v>9149946</v>
      </c>
      <c r="NG18" s="345">
        <v>22618603</v>
      </c>
      <c r="NH18" s="345">
        <v>48528254</v>
      </c>
      <c r="NI18" s="345">
        <v>55109047</v>
      </c>
      <c r="NJ18" s="345">
        <v>27045132</v>
      </c>
      <c r="NK18" s="349">
        <v>162450982</v>
      </c>
      <c r="NL18" s="347">
        <v>162450982</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285768</v>
      </c>
      <c r="OD18" s="345">
        <v>1139025</v>
      </c>
      <c r="OE18" s="345">
        <v>6796436</v>
      </c>
      <c r="OF18" s="345">
        <v>4872513</v>
      </c>
      <c r="OG18" s="349">
        <v>13093742</v>
      </c>
      <c r="OH18" s="350">
        <v>13093742</v>
      </c>
      <c r="OI18" s="348">
        <v>15152433</v>
      </c>
      <c r="OJ18" s="345">
        <v>36120768</v>
      </c>
      <c r="OK18" s="346">
        <v>51273201</v>
      </c>
      <c r="OL18" s="351">
        <v>0</v>
      </c>
      <c r="OM18" s="345">
        <v>195504657</v>
      </c>
      <c r="ON18" s="345">
        <v>241460346</v>
      </c>
      <c r="OO18" s="345">
        <v>306396827</v>
      </c>
      <c r="OP18" s="345">
        <v>368795349</v>
      </c>
      <c r="OQ18" s="345">
        <v>249243186</v>
      </c>
      <c r="OR18" s="349">
        <v>1361400365</v>
      </c>
      <c r="OS18" s="354">
        <v>1412673566</v>
      </c>
    </row>
    <row r="19" spans="2:409" s="70" customFormat="1" ht="21" customHeight="1" x14ac:dyDescent="0.2">
      <c r="B19" s="410" t="s">
        <v>13</v>
      </c>
      <c r="C19" s="326">
        <v>3149176</v>
      </c>
      <c r="D19" s="327">
        <v>5542986</v>
      </c>
      <c r="E19" s="328">
        <v>8692162</v>
      </c>
      <c r="F19" s="326">
        <v>0</v>
      </c>
      <c r="G19" s="366">
        <v>53714402</v>
      </c>
      <c r="H19" s="327">
        <v>70591442</v>
      </c>
      <c r="I19" s="327">
        <v>62093944</v>
      </c>
      <c r="J19" s="327">
        <v>59803366</v>
      </c>
      <c r="K19" s="327">
        <v>54947411</v>
      </c>
      <c r="L19" s="331">
        <v>301150565</v>
      </c>
      <c r="M19" s="330">
        <v>309842727</v>
      </c>
      <c r="N19" s="326">
        <v>807966</v>
      </c>
      <c r="O19" s="327">
        <v>1297387</v>
      </c>
      <c r="P19" s="328">
        <v>2105353</v>
      </c>
      <c r="Q19" s="326">
        <v>0</v>
      </c>
      <c r="R19" s="327">
        <v>15329423</v>
      </c>
      <c r="S19" s="327">
        <v>24007161</v>
      </c>
      <c r="T19" s="327">
        <v>19382759</v>
      </c>
      <c r="U19" s="327">
        <v>23381065</v>
      </c>
      <c r="V19" s="327">
        <v>26992741</v>
      </c>
      <c r="W19" s="328">
        <v>109093149</v>
      </c>
      <c r="X19" s="330">
        <v>111198502</v>
      </c>
      <c r="Y19" s="326">
        <v>0</v>
      </c>
      <c r="Z19" s="327">
        <v>0</v>
      </c>
      <c r="AA19" s="328">
        <v>0</v>
      </c>
      <c r="AB19" s="326">
        <v>0</v>
      </c>
      <c r="AC19" s="327">
        <v>6985445</v>
      </c>
      <c r="AD19" s="327">
        <v>10932650</v>
      </c>
      <c r="AE19" s="327">
        <v>10652287</v>
      </c>
      <c r="AF19" s="327">
        <v>14250929</v>
      </c>
      <c r="AG19" s="327">
        <v>17327335</v>
      </c>
      <c r="AH19" s="328">
        <v>60148646</v>
      </c>
      <c r="AI19" s="330">
        <v>60148646</v>
      </c>
      <c r="AJ19" s="326">
        <v>0</v>
      </c>
      <c r="AK19" s="327">
        <v>0</v>
      </c>
      <c r="AL19" s="328">
        <v>0</v>
      </c>
      <c r="AM19" s="326">
        <v>0</v>
      </c>
      <c r="AN19" s="327">
        <v>66018</v>
      </c>
      <c r="AO19" s="327">
        <v>199105</v>
      </c>
      <c r="AP19" s="327">
        <v>152823</v>
      </c>
      <c r="AQ19" s="327">
        <v>1263958</v>
      </c>
      <c r="AR19" s="327">
        <v>2735815</v>
      </c>
      <c r="AS19" s="328">
        <v>4417719</v>
      </c>
      <c r="AT19" s="330">
        <v>4417719</v>
      </c>
      <c r="AU19" s="326">
        <v>399412</v>
      </c>
      <c r="AV19" s="327">
        <v>831996</v>
      </c>
      <c r="AW19" s="328">
        <v>1231408</v>
      </c>
      <c r="AX19" s="326">
        <v>0</v>
      </c>
      <c r="AY19" s="327">
        <v>4456562</v>
      </c>
      <c r="AZ19" s="327">
        <v>8735244</v>
      </c>
      <c r="BA19" s="327">
        <v>4850994</v>
      </c>
      <c r="BB19" s="327">
        <v>4571806</v>
      </c>
      <c r="BC19" s="327">
        <v>3785014</v>
      </c>
      <c r="BD19" s="328">
        <v>26399620</v>
      </c>
      <c r="BE19" s="330">
        <v>27631028</v>
      </c>
      <c r="BF19" s="326">
        <v>47953</v>
      </c>
      <c r="BG19" s="327">
        <v>125870</v>
      </c>
      <c r="BH19" s="331">
        <v>173823</v>
      </c>
      <c r="BI19" s="332">
        <v>0</v>
      </c>
      <c r="BJ19" s="327">
        <v>612865</v>
      </c>
      <c r="BK19" s="327">
        <v>732518</v>
      </c>
      <c r="BL19" s="327">
        <v>534580</v>
      </c>
      <c r="BM19" s="327">
        <v>122300</v>
      </c>
      <c r="BN19" s="327">
        <v>307445</v>
      </c>
      <c r="BO19" s="328">
        <v>2309708</v>
      </c>
      <c r="BP19" s="330">
        <v>2483531</v>
      </c>
      <c r="BQ19" s="326">
        <v>360601</v>
      </c>
      <c r="BR19" s="327">
        <v>339521</v>
      </c>
      <c r="BS19" s="328">
        <v>700122</v>
      </c>
      <c r="BT19" s="326">
        <v>0</v>
      </c>
      <c r="BU19" s="327">
        <v>3208533</v>
      </c>
      <c r="BV19" s="327">
        <v>3407644</v>
      </c>
      <c r="BW19" s="327">
        <v>3192075</v>
      </c>
      <c r="BX19" s="327">
        <v>3172072</v>
      </c>
      <c r="BY19" s="327">
        <v>2837132</v>
      </c>
      <c r="BZ19" s="328">
        <v>15817456</v>
      </c>
      <c r="CA19" s="330">
        <v>16517578</v>
      </c>
      <c r="CB19" s="326">
        <v>256546</v>
      </c>
      <c r="CC19" s="327">
        <v>860163</v>
      </c>
      <c r="CD19" s="328">
        <v>1116709</v>
      </c>
      <c r="CE19" s="326">
        <v>0</v>
      </c>
      <c r="CF19" s="327">
        <v>10399681</v>
      </c>
      <c r="CG19" s="327">
        <v>15917599</v>
      </c>
      <c r="CH19" s="327">
        <v>11077248</v>
      </c>
      <c r="CI19" s="327">
        <v>8433003</v>
      </c>
      <c r="CJ19" s="327">
        <v>4768768</v>
      </c>
      <c r="CK19" s="328">
        <v>50596299</v>
      </c>
      <c r="CL19" s="330">
        <v>51713008</v>
      </c>
      <c r="CM19" s="326">
        <v>0</v>
      </c>
      <c r="CN19" s="327">
        <v>0</v>
      </c>
      <c r="CO19" s="328">
        <v>0</v>
      </c>
      <c r="CP19" s="332">
        <v>0</v>
      </c>
      <c r="CQ19" s="327">
        <v>8790135</v>
      </c>
      <c r="CR19" s="327">
        <v>13873547</v>
      </c>
      <c r="CS19" s="327">
        <v>9307357</v>
      </c>
      <c r="CT19" s="327">
        <v>6700340</v>
      </c>
      <c r="CU19" s="327">
        <v>3519113</v>
      </c>
      <c r="CV19" s="328">
        <v>42190492</v>
      </c>
      <c r="CW19" s="330">
        <v>42190492</v>
      </c>
      <c r="CX19" s="326">
        <v>256546</v>
      </c>
      <c r="CY19" s="327">
        <v>860163</v>
      </c>
      <c r="CZ19" s="328">
        <v>1116709</v>
      </c>
      <c r="DA19" s="326">
        <v>0</v>
      </c>
      <c r="DB19" s="327">
        <v>1609546</v>
      </c>
      <c r="DC19" s="327">
        <v>2044052</v>
      </c>
      <c r="DD19" s="327">
        <v>1769891</v>
      </c>
      <c r="DE19" s="327">
        <v>1732663</v>
      </c>
      <c r="DF19" s="327">
        <v>1249655</v>
      </c>
      <c r="DG19" s="328">
        <v>8405807</v>
      </c>
      <c r="DH19" s="330">
        <v>9522516</v>
      </c>
      <c r="DI19" s="326">
        <v>0</v>
      </c>
      <c r="DJ19" s="327">
        <v>0</v>
      </c>
      <c r="DK19" s="331">
        <v>0</v>
      </c>
      <c r="DL19" s="332">
        <v>0</v>
      </c>
      <c r="DM19" s="327">
        <v>701117</v>
      </c>
      <c r="DN19" s="327">
        <v>1835844</v>
      </c>
      <c r="DO19" s="327">
        <v>4406890</v>
      </c>
      <c r="DP19" s="327">
        <v>3691713</v>
      </c>
      <c r="DQ19" s="327">
        <v>4192393</v>
      </c>
      <c r="DR19" s="328">
        <v>14827957</v>
      </c>
      <c r="DS19" s="330">
        <v>14827957</v>
      </c>
      <c r="DT19" s="326">
        <v>0</v>
      </c>
      <c r="DU19" s="327">
        <v>0</v>
      </c>
      <c r="DV19" s="328">
        <v>0</v>
      </c>
      <c r="DW19" s="326">
        <v>0</v>
      </c>
      <c r="DX19" s="327">
        <v>631681</v>
      </c>
      <c r="DY19" s="327">
        <v>1394128</v>
      </c>
      <c r="DZ19" s="327">
        <v>3944749</v>
      </c>
      <c r="EA19" s="327">
        <v>3459261</v>
      </c>
      <c r="EB19" s="327">
        <v>3839468</v>
      </c>
      <c r="EC19" s="328">
        <v>13269287</v>
      </c>
      <c r="ED19" s="330">
        <v>13269287</v>
      </c>
      <c r="EE19" s="326">
        <v>0</v>
      </c>
      <c r="EF19" s="331">
        <v>0</v>
      </c>
      <c r="EG19" s="328">
        <v>0</v>
      </c>
      <c r="EH19" s="326">
        <v>0</v>
      </c>
      <c r="EI19" s="327">
        <v>69436</v>
      </c>
      <c r="EJ19" s="327">
        <v>441716</v>
      </c>
      <c r="EK19" s="327">
        <v>462141</v>
      </c>
      <c r="EL19" s="327">
        <v>232452</v>
      </c>
      <c r="EM19" s="327">
        <v>352925</v>
      </c>
      <c r="EN19" s="331">
        <v>1558670</v>
      </c>
      <c r="EO19" s="330">
        <v>155867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577907</v>
      </c>
      <c r="FM19" s="327">
        <v>1335325</v>
      </c>
      <c r="FN19" s="328">
        <v>1913232</v>
      </c>
      <c r="FO19" s="326">
        <v>0</v>
      </c>
      <c r="FP19" s="327">
        <v>2358848</v>
      </c>
      <c r="FQ19" s="327">
        <v>6200540</v>
      </c>
      <c r="FR19" s="327">
        <v>4486025</v>
      </c>
      <c r="FS19" s="327">
        <v>4341562</v>
      </c>
      <c r="FT19" s="327">
        <v>2813948</v>
      </c>
      <c r="FU19" s="328">
        <v>20200923</v>
      </c>
      <c r="FV19" s="330">
        <v>22114155</v>
      </c>
      <c r="FW19" s="333">
        <v>421667</v>
      </c>
      <c r="FX19" s="327">
        <v>1054620</v>
      </c>
      <c r="FY19" s="331">
        <v>1476287</v>
      </c>
      <c r="FZ19" s="332">
        <v>0</v>
      </c>
      <c r="GA19" s="327">
        <v>1888107</v>
      </c>
      <c r="GB19" s="327">
        <v>5696751</v>
      </c>
      <c r="GC19" s="327">
        <v>3929559</v>
      </c>
      <c r="GD19" s="327">
        <v>3920404</v>
      </c>
      <c r="GE19" s="327">
        <v>2813948</v>
      </c>
      <c r="GF19" s="328">
        <v>18248769</v>
      </c>
      <c r="GG19" s="334">
        <v>19725056</v>
      </c>
      <c r="GH19" s="333">
        <v>15840</v>
      </c>
      <c r="GI19" s="327">
        <v>50985</v>
      </c>
      <c r="GJ19" s="331">
        <v>66825</v>
      </c>
      <c r="GK19" s="332">
        <v>0</v>
      </c>
      <c r="GL19" s="327">
        <v>276341</v>
      </c>
      <c r="GM19" s="327">
        <v>151974</v>
      </c>
      <c r="GN19" s="327">
        <v>61166</v>
      </c>
      <c r="GO19" s="327">
        <v>100538</v>
      </c>
      <c r="GP19" s="327">
        <v>0</v>
      </c>
      <c r="GQ19" s="328">
        <v>590019</v>
      </c>
      <c r="GR19" s="330">
        <v>656844</v>
      </c>
      <c r="GS19" s="326">
        <v>140400</v>
      </c>
      <c r="GT19" s="327">
        <v>229720</v>
      </c>
      <c r="GU19" s="328">
        <v>370120</v>
      </c>
      <c r="GV19" s="326">
        <v>0</v>
      </c>
      <c r="GW19" s="327">
        <v>194400</v>
      </c>
      <c r="GX19" s="327">
        <v>351815</v>
      </c>
      <c r="GY19" s="327">
        <v>495300</v>
      </c>
      <c r="GZ19" s="327">
        <v>320620</v>
      </c>
      <c r="HA19" s="327">
        <v>0</v>
      </c>
      <c r="HB19" s="331">
        <v>1362135</v>
      </c>
      <c r="HC19" s="330">
        <v>1732255</v>
      </c>
      <c r="HD19" s="326">
        <v>1008003</v>
      </c>
      <c r="HE19" s="327">
        <v>1024601</v>
      </c>
      <c r="HF19" s="331">
        <v>2032604</v>
      </c>
      <c r="HG19" s="332">
        <v>0</v>
      </c>
      <c r="HH19" s="327">
        <v>16086966</v>
      </c>
      <c r="HI19" s="327">
        <v>13478513</v>
      </c>
      <c r="HJ19" s="327">
        <v>16959906</v>
      </c>
      <c r="HK19" s="327">
        <v>16113140</v>
      </c>
      <c r="HL19" s="327">
        <v>13327569</v>
      </c>
      <c r="HM19" s="328">
        <v>75966094</v>
      </c>
      <c r="HN19" s="329">
        <v>77998698</v>
      </c>
      <c r="HO19" s="333">
        <v>498754</v>
      </c>
      <c r="HP19" s="327">
        <v>1025510</v>
      </c>
      <c r="HQ19" s="328">
        <v>1524264</v>
      </c>
      <c r="HR19" s="326">
        <v>0</v>
      </c>
      <c r="HS19" s="327">
        <v>8838367</v>
      </c>
      <c r="HT19" s="327">
        <v>9151785</v>
      </c>
      <c r="HU19" s="327">
        <v>5781116</v>
      </c>
      <c r="HV19" s="327">
        <v>3842883</v>
      </c>
      <c r="HW19" s="327">
        <v>2851992</v>
      </c>
      <c r="HX19" s="331">
        <v>30466143</v>
      </c>
      <c r="HY19" s="330">
        <v>31990407</v>
      </c>
      <c r="HZ19" s="335">
        <v>33099</v>
      </c>
      <c r="IA19" s="336">
        <v>66888</v>
      </c>
      <c r="IB19" s="337">
        <v>99987</v>
      </c>
      <c r="IC19" s="338">
        <v>0</v>
      </c>
      <c r="ID19" s="336">
        <v>14186179</v>
      </c>
      <c r="IE19" s="339">
        <v>16285761</v>
      </c>
      <c r="IF19" s="337">
        <v>14627631</v>
      </c>
      <c r="IG19" s="336">
        <v>12828776</v>
      </c>
      <c r="IH19" s="337">
        <v>10443238</v>
      </c>
      <c r="II19" s="340">
        <v>68371585</v>
      </c>
      <c r="IJ19" s="341">
        <v>68471572</v>
      </c>
      <c r="IK19" s="342">
        <v>0</v>
      </c>
      <c r="IL19" s="343">
        <v>0</v>
      </c>
      <c r="IM19" s="344">
        <v>0</v>
      </c>
      <c r="IN19" s="404">
        <v>0</v>
      </c>
      <c r="IO19" s="345">
        <v>78352</v>
      </c>
      <c r="IP19" s="345">
        <v>131545</v>
      </c>
      <c r="IQ19" s="345">
        <v>163510</v>
      </c>
      <c r="IR19" s="345">
        <v>279843</v>
      </c>
      <c r="IS19" s="345">
        <v>620444</v>
      </c>
      <c r="IT19" s="346">
        <v>1273694</v>
      </c>
      <c r="IU19" s="347">
        <v>1273694</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7404085</v>
      </c>
      <c r="JL19" s="345">
        <v>10470968</v>
      </c>
      <c r="JM19" s="345">
        <v>6372672</v>
      </c>
      <c r="JN19" s="345">
        <v>3561299</v>
      </c>
      <c r="JO19" s="345">
        <v>1587124</v>
      </c>
      <c r="JP19" s="349">
        <v>29396148</v>
      </c>
      <c r="JQ19" s="347">
        <v>29396148</v>
      </c>
      <c r="JR19" s="348">
        <v>0</v>
      </c>
      <c r="JS19" s="345">
        <v>0</v>
      </c>
      <c r="JT19" s="346">
        <v>0</v>
      </c>
      <c r="JU19" s="351">
        <v>0</v>
      </c>
      <c r="JV19" s="345">
        <v>148437</v>
      </c>
      <c r="JW19" s="345">
        <v>539397</v>
      </c>
      <c r="JX19" s="345">
        <v>1572005</v>
      </c>
      <c r="JY19" s="345">
        <v>491249</v>
      </c>
      <c r="JZ19" s="345">
        <v>1127364</v>
      </c>
      <c r="KA19" s="349">
        <v>3878452</v>
      </c>
      <c r="KB19" s="347">
        <v>3878452</v>
      </c>
      <c r="KC19" s="352">
        <v>33099</v>
      </c>
      <c r="KD19" s="353">
        <v>66888</v>
      </c>
      <c r="KE19" s="349">
        <v>99987</v>
      </c>
      <c r="KF19" s="351">
        <v>0</v>
      </c>
      <c r="KG19" s="345">
        <v>1555034</v>
      </c>
      <c r="KH19" s="345">
        <v>1519121</v>
      </c>
      <c r="KI19" s="345">
        <v>1701845</v>
      </c>
      <c r="KJ19" s="345">
        <v>0</v>
      </c>
      <c r="KK19" s="345">
        <v>845464</v>
      </c>
      <c r="KL19" s="349">
        <v>5621464</v>
      </c>
      <c r="KM19" s="354">
        <v>5721451</v>
      </c>
      <c r="KN19" s="342">
        <v>0</v>
      </c>
      <c r="KO19" s="343">
        <v>0</v>
      </c>
      <c r="KP19" s="344">
        <v>0</v>
      </c>
      <c r="KQ19" s="413">
        <v>0</v>
      </c>
      <c r="KR19" s="345">
        <v>4461963</v>
      </c>
      <c r="KS19" s="345">
        <v>3423134</v>
      </c>
      <c r="KT19" s="345">
        <v>4083833</v>
      </c>
      <c r="KU19" s="345">
        <v>7266580</v>
      </c>
      <c r="KV19" s="345">
        <v>5994057</v>
      </c>
      <c r="KW19" s="349">
        <v>25229567</v>
      </c>
      <c r="KX19" s="347">
        <v>25229567</v>
      </c>
      <c r="KY19" s="348">
        <v>0</v>
      </c>
      <c r="KZ19" s="345">
        <v>0</v>
      </c>
      <c r="LA19" s="349">
        <v>0</v>
      </c>
      <c r="LB19" s="413">
        <v>0</v>
      </c>
      <c r="LC19" s="345">
        <v>538308</v>
      </c>
      <c r="LD19" s="345">
        <v>201596</v>
      </c>
      <c r="LE19" s="345">
        <v>733766</v>
      </c>
      <c r="LF19" s="345">
        <v>1229805</v>
      </c>
      <c r="LG19" s="345">
        <v>268785</v>
      </c>
      <c r="LH19" s="349">
        <v>2972260</v>
      </c>
      <c r="LI19" s="350">
        <v>2972260</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3294892</v>
      </c>
      <c r="MK19" s="345">
        <v>6919419</v>
      </c>
      <c r="ML19" s="345">
        <v>28299869</v>
      </c>
      <c r="MM19" s="345">
        <v>50778521</v>
      </c>
      <c r="MN19" s="345">
        <v>49041815</v>
      </c>
      <c r="MO19" s="349">
        <v>138334516</v>
      </c>
      <c r="MP19" s="354">
        <v>138334516</v>
      </c>
      <c r="MQ19" s="348">
        <v>0</v>
      </c>
      <c r="MR19" s="345">
        <v>0</v>
      </c>
      <c r="MS19" s="349">
        <v>0</v>
      </c>
      <c r="MT19" s="413">
        <v>0</v>
      </c>
      <c r="MU19" s="345">
        <v>245563</v>
      </c>
      <c r="MV19" s="345">
        <v>1542932</v>
      </c>
      <c r="MW19" s="345">
        <v>15707680</v>
      </c>
      <c r="MX19" s="345">
        <v>39342968</v>
      </c>
      <c r="MY19" s="345">
        <v>40366695</v>
      </c>
      <c r="MZ19" s="349">
        <v>97205838</v>
      </c>
      <c r="NA19" s="354">
        <v>97205838</v>
      </c>
      <c r="NB19" s="348">
        <v>0</v>
      </c>
      <c r="NC19" s="345">
        <v>0</v>
      </c>
      <c r="ND19" s="349">
        <v>0</v>
      </c>
      <c r="NE19" s="413">
        <v>0</v>
      </c>
      <c r="NF19" s="345">
        <v>3049329</v>
      </c>
      <c r="NG19" s="345">
        <v>5376487</v>
      </c>
      <c r="NH19" s="345">
        <v>12224674</v>
      </c>
      <c r="NI19" s="345">
        <v>11435553</v>
      </c>
      <c r="NJ19" s="345">
        <v>8675120</v>
      </c>
      <c r="NK19" s="349">
        <v>40761163</v>
      </c>
      <c r="NL19" s="347">
        <v>40761163</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367515</v>
      </c>
      <c r="OE19" s="345">
        <v>0</v>
      </c>
      <c r="OF19" s="345">
        <v>0</v>
      </c>
      <c r="OG19" s="349">
        <v>367515</v>
      </c>
      <c r="OH19" s="350">
        <v>367515</v>
      </c>
      <c r="OI19" s="348">
        <v>3182275</v>
      </c>
      <c r="OJ19" s="345">
        <v>5609874</v>
      </c>
      <c r="OK19" s="346">
        <v>8792149</v>
      </c>
      <c r="OL19" s="351">
        <v>0</v>
      </c>
      <c r="OM19" s="345">
        <v>71195473</v>
      </c>
      <c r="ON19" s="345">
        <v>93796622</v>
      </c>
      <c r="OO19" s="345">
        <v>105021444</v>
      </c>
      <c r="OP19" s="345">
        <v>123410663</v>
      </c>
      <c r="OQ19" s="345">
        <v>114432464</v>
      </c>
      <c r="OR19" s="349">
        <v>507856666</v>
      </c>
      <c r="OS19" s="354">
        <v>516648815</v>
      </c>
    </row>
    <row r="20" spans="2:409" s="70" customFormat="1" ht="21" customHeight="1" x14ac:dyDescent="0.2">
      <c r="B20" s="410" t="s">
        <v>15</v>
      </c>
      <c r="C20" s="326">
        <v>2949513</v>
      </c>
      <c r="D20" s="327">
        <v>4577547</v>
      </c>
      <c r="E20" s="328">
        <v>7527060</v>
      </c>
      <c r="F20" s="329">
        <v>0</v>
      </c>
      <c r="G20" s="327">
        <v>34651853</v>
      </c>
      <c r="H20" s="327">
        <v>46007767</v>
      </c>
      <c r="I20" s="327">
        <v>39057928</v>
      </c>
      <c r="J20" s="327">
        <v>44084661</v>
      </c>
      <c r="K20" s="327">
        <v>26118251</v>
      </c>
      <c r="L20" s="329">
        <v>189920460</v>
      </c>
      <c r="M20" s="330">
        <v>197447520</v>
      </c>
      <c r="N20" s="326">
        <v>533331</v>
      </c>
      <c r="O20" s="327">
        <v>722970</v>
      </c>
      <c r="P20" s="328">
        <v>1256301</v>
      </c>
      <c r="Q20" s="326">
        <v>0</v>
      </c>
      <c r="R20" s="327">
        <v>7263726</v>
      </c>
      <c r="S20" s="327">
        <v>13245546</v>
      </c>
      <c r="T20" s="327">
        <v>11774447</v>
      </c>
      <c r="U20" s="327">
        <v>13182488</v>
      </c>
      <c r="V20" s="327">
        <v>12538883</v>
      </c>
      <c r="W20" s="328">
        <v>58005090</v>
      </c>
      <c r="X20" s="330">
        <v>59261391</v>
      </c>
      <c r="Y20" s="326">
        <v>0</v>
      </c>
      <c r="Z20" s="327">
        <v>0</v>
      </c>
      <c r="AA20" s="328">
        <v>0</v>
      </c>
      <c r="AB20" s="326">
        <v>0</v>
      </c>
      <c r="AC20" s="327">
        <v>2963577</v>
      </c>
      <c r="AD20" s="327">
        <v>6746629</v>
      </c>
      <c r="AE20" s="327">
        <v>7062643</v>
      </c>
      <c r="AF20" s="327">
        <v>8002011</v>
      </c>
      <c r="AG20" s="327">
        <v>7533928</v>
      </c>
      <c r="AH20" s="328">
        <v>32308788</v>
      </c>
      <c r="AI20" s="330">
        <v>32308788</v>
      </c>
      <c r="AJ20" s="326">
        <v>0</v>
      </c>
      <c r="AK20" s="327">
        <v>0</v>
      </c>
      <c r="AL20" s="328">
        <v>0</v>
      </c>
      <c r="AM20" s="326">
        <v>0</v>
      </c>
      <c r="AN20" s="327">
        <v>0</v>
      </c>
      <c r="AO20" s="327">
        <v>168262</v>
      </c>
      <c r="AP20" s="327">
        <v>487456</v>
      </c>
      <c r="AQ20" s="327">
        <v>994993</v>
      </c>
      <c r="AR20" s="327">
        <v>1486345</v>
      </c>
      <c r="AS20" s="328">
        <v>3137056</v>
      </c>
      <c r="AT20" s="330">
        <v>3137056</v>
      </c>
      <c r="AU20" s="326">
        <v>253656</v>
      </c>
      <c r="AV20" s="327">
        <v>577463</v>
      </c>
      <c r="AW20" s="328">
        <v>831119</v>
      </c>
      <c r="AX20" s="326">
        <v>0</v>
      </c>
      <c r="AY20" s="327">
        <v>2164474</v>
      </c>
      <c r="AZ20" s="327">
        <v>3866808</v>
      </c>
      <c r="BA20" s="327">
        <v>2387477</v>
      </c>
      <c r="BB20" s="327">
        <v>1867463</v>
      </c>
      <c r="BC20" s="327">
        <v>2246734</v>
      </c>
      <c r="BD20" s="328">
        <v>12532956</v>
      </c>
      <c r="BE20" s="330">
        <v>13364075</v>
      </c>
      <c r="BF20" s="326">
        <v>0</v>
      </c>
      <c r="BG20" s="327">
        <v>69065</v>
      </c>
      <c r="BH20" s="331">
        <v>69065</v>
      </c>
      <c r="BI20" s="332">
        <v>0</v>
      </c>
      <c r="BJ20" s="327">
        <v>295843</v>
      </c>
      <c r="BK20" s="327">
        <v>486026</v>
      </c>
      <c r="BL20" s="327">
        <v>174167</v>
      </c>
      <c r="BM20" s="327">
        <v>134074</v>
      </c>
      <c r="BN20" s="327">
        <v>122115</v>
      </c>
      <c r="BO20" s="328">
        <v>1212225</v>
      </c>
      <c r="BP20" s="330">
        <v>1281290</v>
      </c>
      <c r="BQ20" s="326">
        <v>279675</v>
      </c>
      <c r="BR20" s="327">
        <v>76442</v>
      </c>
      <c r="BS20" s="328">
        <v>356117</v>
      </c>
      <c r="BT20" s="326">
        <v>0</v>
      </c>
      <c r="BU20" s="327">
        <v>1839832</v>
      </c>
      <c r="BV20" s="327">
        <v>1977821</v>
      </c>
      <c r="BW20" s="327">
        <v>1662704</v>
      </c>
      <c r="BX20" s="327">
        <v>2183947</v>
      </c>
      <c r="BY20" s="327">
        <v>1149761</v>
      </c>
      <c r="BZ20" s="328">
        <v>8814065</v>
      </c>
      <c r="CA20" s="330">
        <v>9170182</v>
      </c>
      <c r="CB20" s="326">
        <v>69142</v>
      </c>
      <c r="CC20" s="327">
        <v>273414</v>
      </c>
      <c r="CD20" s="328">
        <v>342556</v>
      </c>
      <c r="CE20" s="326">
        <v>0</v>
      </c>
      <c r="CF20" s="327">
        <v>8502345</v>
      </c>
      <c r="CG20" s="327">
        <v>11682835</v>
      </c>
      <c r="CH20" s="327">
        <v>8461416</v>
      </c>
      <c r="CI20" s="327">
        <v>4505193</v>
      </c>
      <c r="CJ20" s="327">
        <v>2080324</v>
      </c>
      <c r="CK20" s="328">
        <v>35232113</v>
      </c>
      <c r="CL20" s="330">
        <v>35574669</v>
      </c>
      <c r="CM20" s="326">
        <v>0</v>
      </c>
      <c r="CN20" s="327">
        <v>0</v>
      </c>
      <c r="CO20" s="328">
        <v>0</v>
      </c>
      <c r="CP20" s="332">
        <v>0</v>
      </c>
      <c r="CQ20" s="327">
        <v>6408941</v>
      </c>
      <c r="CR20" s="327">
        <v>9028996</v>
      </c>
      <c r="CS20" s="327">
        <v>6485877</v>
      </c>
      <c r="CT20" s="327">
        <v>3294834</v>
      </c>
      <c r="CU20" s="327">
        <v>1319213</v>
      </c>
      <c r="CV20" s="328">
        <v>26537861</v>
      </c>
      <c r="CW20" s="330">
        <v>26537861</v>
      </c>
      <c r="CX20" s="326">
        <v>69142</v>
      </c>
      <c r="CY20" s="327">
        <v>273414</v>
      </c>
      <c r="CZ20" s="328">
        <v>342556</v>
      </c>
      <c r="DA20" s="326">
        <v>0</v>
      </c>
      <c r="DB20" s="327">
        <v>2093404</v>
      </c>
      <c r="DC20" s="327">
        <v>2653839</v>
      </c>
      <c r="DD20" s="327">
        <v>1975539</v>
      </c>
      <c r="DE20" s="327">
        <v>1210359</v>
      </c>
      <c r="DF20" s="327">
        <v>761111</v>
      </c>
      <c r="DG20" s="328">
        <v>8694252</v>
      </c>
      <c r="DH20" s="330">
        <v>9036808</v>
      </c>
      <c r="DI20" s="326">
        <v>0</v>
      </c>
      <c r="DJ20" s="327">
        <v>0</v>
      </c>
      <c r="DK20" s="331">
        <v>0</v>
      </c>
      <c r="DL20" s="332">
        <v>0</v>
      </c>
      <c r="DM20" s="327">
        <v>790019</v>
      </c>
      <c r="DN20" s="327">
        <v>2730318</v>
      </c>
      <c r="DO20" s="327">
        <v>6134720</v>
      </c>
      <c r="DP20" s="327">
        <v>7805966</v>
      </c>
      <c r="DQ20" s="327">
        <v>2806111</v>
      </c>
      <c r="DR20" s="328">
        <v>20267134</v>
      </c>
      <c r="DS20" s="330">
        <v>20267134</v>
      </c>
      <c r="DT20" s="326">
        <v>0</v>
      </c>
      <c r="DU20" s="327">
        <v>0</v>
      </c>
      <c r="DV20" s="328">
        <v>0</v>
      </c>
      <c r="DW20" s="326">
        <v>0</v>
      </c>
      <c r="DX20" s="327">
        <v>790019</v>
      </c>
      <c r="DY20" s="327">
        <v>2450814</v>
      </c>
      <c r="DZ20" s="327">
        <v>5874916</v>
      </c>
      <c r="EA20" s="327">
        <v>7591045</v>
      </c>
      <c r="EB20" s="327">
        <v>2697431</v>
      </c>
      <c r="EC20" s="328">
        <v>19404225</v>
      </c>
      <c r="ED20" s="330">
        <v>19404225</v>
      </c>
      <c r="EE20" s="326">
        <v>0</v>
      </c>
      <c r="EF20" s="331">
        <v>0</v>
      </c>
      <c r="EG20" s="328">
        <v>0</v>
      </c>
      <c r="EH20" s="326">
        <v>0</v>
      </c>
      <c r="EI20" s="327">
        <v>0</v>
      </c>
      <c r="EJ20" s="327">
        <v>279504</v>
      </c>
      <c r="EK20" s="327">
        <v>259804</v>
      </c>
      <c r="EL20" s="327">
        <v>214921</v>
      </c>
      <c r="EM20" s="327">
        <v>108680</v>
      </c>
      <c r="EN20" s="331">
        <v>862909</v>
      </c>
      <c r="EO20" s="330">
        <v>862909</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664529</v>
      </c>
      <c r="FM20" s="327">
        <v>1300271</v>
      </c>
      <c r="FN20" s="328">
        <v>1964800</v>
      </c>
      <c r="FO20" s="326">
        <v>0</v>
      </c>
      <c r="FP20" s="327">
        <v>1658623</v>
      </c>
      <c r="FQ20" s="327">
        <v>4579150</v>
      </c>
      <c r="FR20" s="327">
        <v>2896252</v>
      </c>
      <c r="FS20" s="327">
        <v>2213769</v>
      </c>
      <c r="FT20" s="327">
        <v>1604953</v>
      </c>
      <c r="FU20" s="328">
        <v>12952747</v>
      </c>
      <c r="FV20" s="330">
        <v>14917547</v>
      </c>
      <c r="FW20" s="333">
        <v>397645</v>
      </c>
      <c r="FX20" s="327">
        <v>854096</v>
      </c>
      <c r="FY20" s="331">
        <v>1251741</v>
      </c>
      <c r="FZ20" s="332">
        <v>0</v>
      </c>
      <c r="GA20" s="327">
        <v>1423093</v>
      </c>
      <c r="GB20" s="327">
        <v>4223474</v>
      </c>
      <c r="GC20" s="327">
        <v>2789973</v>
      </c>
      <c r="GD20" s="327">
        <v>2185653</v>
      </c>
      <c r="GE20" s="327">
        <v>1580005</v>
      </c>
      <c r="GF20" s="328">
        <v>12202198</v>
      </c>
      <c r="GG20" s="334">
        <v>13453939</v>
      </c>
      <c r="GH20" s="333">
        <v>24948</v>
      </c>
      <c r="GI20" s="327">
        <v>26136</v>
      </c>
      <c r="GJ20" s="331">
        <v>51084</v>
      </c>
      <c r="GK20" s="332">
        <v>0</v>
      </c>
      <c r="GL20" s="327">
        <v>0</v>
      </c>
      <c r="GM20" s="327">
        <v>120272</v>
      </c>
      <c r="GN20" s="327">
        <v>106279</v>
      </c>
      <c r="GO20" s="327">
        <v>28116</v>
      </c>
      <c r="GP20" s="327">
        <v>24948</v>
      </c>
      <c r="GQ20" s="328">
        <v>279615</v>
      </c>
      <c r="GR20" s="330">
        <v>330699</v>
      </c>
      <c r="GS20" s="326">
        <v>241936</v>
      </c>
      <c r="GT20" s="327">
        <v>420039</v>
      </c>
      <c r="GU20" s="328">
        <v>661975</v>
      </c>
      <c r="GV20" s="326">
        <v>0</v>
      </c>
      <c r="GW20" s="327">
        <v>235530</v>
      </c>
      <c r="GX20" s="327">
        <v>235404</v>
      </c>
      <c r="GY20" s="327">
        <v>0</v>
      </c>
      <c r="GZ20" s="327">
        <v>0</v>
      </c>
      <c r="HA20" s="327">
        <v>0</v>
      </c>
      <c r="HB20" s="331">
        <v>470934</v>
      </c>
      <c r="HC20" s="330">
        <v>1132909</v>
      </c>
      <c r="HD20" s="326">
        <v>1256655</v>
      </c>
      <c r="HE20" s="327">
        <v>1377015</v>
      </c>
      <c r="HF20" s="331">
        <v>2633670</v>
      </c>
      <c r="HG20" s="332">
        <v>0</v>
      </c>
      <c r="HH20" s="327">
        <v>9485813</v>
      </c>
      <c r="HI20" s="327">
        <v>6225549</v>
      </c>
      <c r="HJ20" s="327">
        <v>5289039</v>
      </c>
      <c r="HK20" s="327">
        <v>13362176</v>
      </c>
      <c r="HL20" s="327">
        <v>5438472</v>
      </c>
      <c r="HM20" s="328">
        <v>39801049</v>
      </c>
      <c r="HN20" s="329">
        <v>42434719</v>
      </c>
      <c r="HO20" s="333">
        <v>425856</v>
      </c>
      <c r="HP20" s="327">
        <v>903877</v>
      </c>
      <c r="HQ20" s="328">
        <v>1329733</v>
      </c>
      <c r="HR20" s="326">
        <v>0</v>
      </c>
      <c r="HS20" s="327">
        <v>6951327</v>
      </c>
      <c r="HT20" s="327">
        <v>7544369</v>
      </c>
      <c r="HU20" s="327">
        <v>4502054</v>
      </c>
      <c r="HV20" s="327">
        <v>3015069</v>
      </c>
      <c r="HW20" s="327">
        <v>1649508</v>
      </c>
      <c r="HX20" s="331">
        <v>23662327</v>
      </c>
      <c r="HY20" s="330">
        <v>24992060</v>
      </c>
      <c r="HZ20" s="358">
        <v>100802</v>
      </c>
      <c r="IA20" s="356">
        <v>1690085</v>
      </c>
      <c r="IB20" s="358">
        <v>1790887</v>
      </c>
      <c r="IC20" s="355">
        <v>0</v>
      </c>
      <c r="ID20" s="356">
        <v>22287183</v>
      </c>
      <c r="IE20" s="357">
        <v>30223964</v>
      </c>
      <c r="IF20" s="358">
        <v>26289667</v>
      </c>
      <c r="IG20" s="356">
        <v>19181191</v>
      </c>
      <c r="IH20" s="358">
        <v>14957154</v>
      </c>
      <c r="II20" s="359">
        <v>112939159</v>
      </c>
      <c r="IJ20" s="358">
        <v>114730046</v>
      </c>
      <c r="IK20" s="342">
        <v>0</v>
      </c>
      <c r="IL20" s="343">
        <v>0</v>
      </c>
      <c r="IM20" s="344">
        <v>0</v>
      </c>
      <c r="IN20" s="404">
        <v>0</v>
      </c>
      <c r="IO20" s="345">
        <v>429422</v>
      </c>
      <c r="IP20" s="345">
        <v>247859</v>
      </c>
      <c r="IQ20" s="345">
        <v>475866</v>
      </c>
      <c r="IR20" s="345">
        <v>920941</v>
      </c>
      <c r="IS20" s="345">
        <v>2152502</v>
      </c>
      <c r="IT20" s="346">
        <v>4226590</v>
      </c>
      <c r="IU20" s="347">
        <v>4226590</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9086728</v>
      </c>
      <c r="JL20" s="345">
        <v>11510923</v>
      </c>
      <c r="JM20" s="345">
        <v>7814887</v>
      </c>
      <c r="JN20" s="345">
        <v>3606572</v>
      </c>
      <c r="JO20" s="345">
        <v>1652712</v>
      </c>
      <c r="JP20" s="349">
        <v>33671822</v>
      </c>
      <c r="JQ20" s="347">
        <v>33671822</v>
      </c>
      <c r="JR20" s="348">
        <v>0</v>
      </c>
      <c r="JS20" s="345">
        <v>29753</v>
      </c>
      <c r="JT20" s="346">
        <v>29753</v>
      </c>
      <c r="JU20" s="351">
        <v>0</v>
      </c>
      <c r="JV20" s="345">
        <v>49600</v>
      </c>
      <c r="JW20" s="345">
        <v>132348</v>
      </c>
      <c r="JX20" s="345">
        <v>876456</v>
      </c>
      <c r="JY20" s="345">
        <v>342941</v>
      </c>
      <c r="JZ20" s="345">
        <v>289027</v>
      </c>
      <c r="KA20" s="349">
        <v>1690372</v>
      </c>
      <c r="KB20" s="347">
        <v>1720125</v>
      </c>
      <c r="KC20" s="352">
        <v>100802</v>
      </c>
      <c r="KD20" s="353">
        <v>1149238</v>
      </c>
      <c r="KE20" s="349">
        <v>1250040</v>
      </c>
      <c r="KF20" s="351">
        <v>0</v>
      </c>
      <c r="KG20" s="345">
        <v>2116590</v>
      </c>
      <c r="KH20" s="345">
        <v>1742870</v>
      </c>
      <c r="KI20" s="345">
        <v>990919</v>
      </c>
      <c r="KJ20" s="345">
        <v>1994145</v>
      </c>
      <c r="KK20" s="345">
        <v>1160203</v>
      </c>
      <c r="KL20" s="349">
        <v>8004727</v>
      </c>
      <c r="KM20" s="354">
        <v>9254767</v>
      </c>
      <c r="KN20" s="342">
        <v>0</v>
      </c>
      <c r="KO20" s="343">
        <v>511094</v>
      </c>
      <c r="KP20" s="344">
        <v>511094</v>
      </c>
      <c r="KQ20" s="413">
        <v>0</v>
      </c>
      <c r="KR20" s="345">
        <v>10012088</v>
      </c>
      <c r="KS20" s="345">
        <v>14740660</v>
      </c>
      <c r="KT20" s="345">
        <v>11303078</v>
      </c>
      <c r="KU20" s="345">
        <v>8155761</v>
      </c>
      <c r="KV20" s="345">
        <v>6076319</v>
      </c>
      <c r="KW20" s="349">
        <v>50287906</v>
      </c>
      <c r="KX20" s="347">
        <v>50799000</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2864205</v>
      </c>
      <c r="LQ20" s="345">
        <v>3589780</v>
      </c>
      <c r="LR20" s="345">
        <v>3267586</v>
      </c>
      <c r="LS20" s="349">
        <v>9721571</v>
      </c>
      <c r="LT20" s="347">
        <v>9721571</v>
      </c>
      <c r="LU20" s="348">
        <v>0</v>
      </c>
      <c r="LV20" s="345">
        <v>0</v>
      </c>
      <c r="LW20" s="349">
        <v>0</v>
      </c>
      <c r="LX20" s="413">
        <v>0</v>
      </c>
      <c r="LY20" s="345">
        <v>592755</v>
      </c>
      <c r="LZ20" s="345">
        <v>1849304</v>
      </c>
      <c r="MA20" s="345">
        <v>1964256</v>
      </c>
      <c r="MB20" s="345">
        <v>571051</v>
      </c>
      <c r="MC20" s="345">
        <v>358805</v>
      </c>
      <c r="MD20" s="349">
        <v>5336171</v>
      </c>
      <c r="ME20" s="350">
        <v>5336171</v>
      </c>
      <c r="MF20" s="348">
        <v>0</v>
      </c>
      <c r="MG20" s="345">
        <v>0</v>
      </c>
      <c r="MH20" s="349">
        <v>0</v>
      </c>
      <c r="MI20" s="413">
        <v>0</v>
      </c>
      <c r="MJ20" s="345">
        <v>4025868</v>
      </c>
      <c r="MK20" s="345">
        <v>11700108</v>
      </c>
      <c r="ML20" s="345">
        <v>39980258</v>
      </c>
      <c r="MM20" s="345">
        <v>76060628</v>
      </c>
      <c r="MN20" s="345">
        <v>32943289</v>
      </c>
      <c r="MO20" s="349">
        <v>164710151</v>
      </c>
      <c r="MP20" s="354">
        <v>164710151</v>
      </c>
      <c r="MQ20" s="348">
        <v>0</v>
      </c>
      <c r="MR20" s="345">
        <v>0</v>
      </c>
      <c r="MS20" s="349">
        <v>0</v>
      </c>
      <c r="MT20" s="413">
        <v>0</v>
      </c>
      <c r="MU20" s="345">
        <v>0</v>
      </c>
      <c r="MV20" s="345">
        <v>240924</v>
      </c>
      <c r="MW20" s="345">
        <v>25904070</v>
      </c>
      <c r="MX20" s="345">
        <v>56225400</v>
      </c>
      <c r="MY20" s="345">
        <v>24125350</v>
      </c>
      <c r="MZ20" s="349">
        <v>106495744</v>
      </c>
      <c r="NA20" s="354">
        <v>106495744</v>
      </c>
      <c r="NB20" s="348">
        <v>0</v>
      </c>
      <c r="NC20" s="345">
        <v>0</v>
      </c>
      <c r="ND20" s="349">
        <v>0</v>
      </c>
      <c r="NE20" s="413">
        <v>0</v>
      </c>
      <c r="NF20" s="345">
        <v>4025868</v>
      </c>
      <c r="NG20" s="345">
        <v>11459184</v>
      </c>
      <c r="NH20" s="345">
        <v>14076188</v>
      </c>
      <c r="NI20" s="345">
        <v>19835228</v>
      </c>
      <c r="NJ20" s="345">
        <v>8817939</v>
      </c>
      <c r="NK20" s="349">
        <v>58214407</v>
      </c>
      <c r="NL20" s="347">
        <v>58214407</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3050315</v>
      </c>
      <c r="OJ20" s="345">
        <v>6267632</v>
      </c>
      <c r="OK20" s="346">
        <v>9317947</v>
      </c>
      <c r="OL20" s="351">
        <v>0</v>
      </c>
      <c r="OM20" s="345">
        <v>60964904</v>
      </c>
      <c r="ON20" s="345">
        <v>87931839</v>
      </c>
      <c r="OO20" s="345">
        <v>105327853</v>
      </c>
      <c r="OP20" s="345">
        <v>139326480</v>
      </c>
      <c r="OQ20" s="345">
        <v>74018694</v>
      </c>
      <c r="OR20" s="349">
        <v>467569770</v>
      </c>
      <c r="OS20" s="354">
        <v>476887717</v>
      </c>
    </row>
    <row r="21" spans="2:409" s="70" customFormat="1" ht="21" customHeight="1" x14ac:dyDescent="0.2">
      <c r="B21" s="410" t="s">
        <v>16</v>
      </c>
      <c r="C21" s="326">
        <v>7028552</v>
      </c>
      <c r="D21" s="327">
        <v>14980869</v>
      </c>
      <c r="E21" s="328">
        <v>22009421</v>
      </c>
      <c r="F21" s="329">
        <v>0</v>
      </c>
      <c r="G21" s="327">
        <v>87147879</v>
      </c>
      <c r="H21" s="327">
        <v>154823422</v>
      </c>
      <c r="I21" s="327">
        <v>113115365</v>
      </c>
      <c r="J21" s="327">
        <v>113590664</v>
      </c>
      <c r="K21" s="327">
        <v>74633134</v>
      </c>
      <c r="L21" s="329">
        <v>543310464</v>
      </c>
      <c r="M21" s="330">
        <v>565319885</v>
      </c>
      <c r="N21" s="326">
        <v>1529618</v>
      </c>
      <c r="O21" s="327">
        <v>2515840</v>
      </c>
      <c r="P21" s="328">
        <v>4045458</v>
      </c>
      <c r="Q21" s="326">
        <v>0</v>
      </c>
      <c r="R21" s="327">
        <v>17421676</v>
      </c>
      <c r="S21" s="327">
        <v>36779562</v>
      </c>
      <c r="T21" s="327">
        <v>29356953</v>
      </c>
      <c r="U21" s="327">
        <v>33132072</v>
      </c>
      <c r="V21" s="327">
        <v>26234025</v>
      </c>
      <c r="W21" s="328">
        <v>142924288</v>
      </c>
      <c r="X21" s="330">
        <v>146969746</v>
      </c>
      <c r="Y21" s="326">
        <v>0</v>
      </c>
      <c r="Z21" s="327">
        <v>0</v>
      </c>
      <c r="AA21" s="328">
        <v>0</v>
      </c>
      <c r="AB21" s="326">
        <v>0</v>
      </c>
      <c r="AC21" s="327">
        <v>6738062</v>
      </c>
      <c r="AD21" s="327">
        <v>14041224</v>
      </c>
      <c r="AE21" s="327">
        <v>14795785</v>
      </c>
      <c r="AF21" s="327">
        <v>17143339</v>
      </c>
      <c r="AG21" s="327">
        <v>12867324</v>
      </c>
      <c r="AH21" s="328">
        <v>65585734</v>
      </c>
      <c r="AI21" s="330">
        <v>65585734</v>
      </c>
      <c r="AJ21" s="326">
        <v>0</v>
      </c>
      <c r="AK21" s="327">
        <v>0</v>
      </c>
      <c r="AL21" s="328">
        <v>0</v>
      </c>
      <c r="AM21" s="326">
        <v>0</v>
      </c>
      <c r="AN21" s="327">
        <v>90656</v>
      </c>
      <c r="AO21" s="327">
        <v>407407</v>
      </c>
      <c r="AP21" s="327">
        <v>525785</v>
      </c>
      <c r="AQ21" s="327">
        <v>1642595</v>
      </c>
      <c r="AR21" s="327">
        <v>2920201</v>
      </c>
      <c r="AS21" s="328">
        <v>5586644</v>
      </c>
      <c r="AT21" s="330">
        <v>5586644</v>
      </c>
      <c r="AU21" s="326">
        <v>837035</v>
      </c>
      <c r="AV21" s="327">
        <v>1626291</v>
      </c>
      <c r="AW21" s="328">
        <v>2463326</v>
      </c>
      <c r="AX21" s="326">
        <v>0</v>
      </c>
      <c r="AY21" s="327">
        <v>7032362</v>
      </c>
      <c r="AZ21" s="327">
        <v>15878375</v>
      </c>
      <c r="BA21" s="327">
        <v>9410265</v>
      </c>
      <c r="BB21" s="327">
        <v>9409219</v>
      </c>
      <c r="BC21" s="327">
        <v>6982295</v>
      </c>
      <c r="BD21" s="328">
        <v>48712516</v>
      </c>
      <c r="BE21" s="330">
        <v>51175842</v>
      </c>
      <c r="BF21" s="326">
        <v>191082</v>
      </c>
      <c r="BG21" s="327">
        <v>339564</v>
      </c>
      <c r="BH21" s="331">
        <v>530646</v>
      </c>
      <c r="BI21" s="332">
        <v>0</v>
      </c>
      <c r="BJ21" s="327">
        <v>317458</v>
      </c>
      <c r="BK21" s="327">
        <v>1651947</v>
      </c>
      <c r="BL21" s="327">
        <v>679984</v>
      </c>
      <c r="BM21" s="327">
        <v>340488</v>
      </c>
      <c r="BN21" s="327">
        <v>595467</v>
      </c>
      <c r="BO21" s="328">
        <v>3585344</v>
      </c>
      <c r="BP21" s="330">
        <v>4115990</v>
      </c>
      <c r="BQ21" s="326">
        <v>501501</v>
      </c>
      <c r="BR21" s="327">
        <v>549985</v>
      </c>
      <c r="BS21" s="328">
        <v>1051486</v>
      </c>
      <c r="BT21" s="326">
        <v>0</v>
      </c>
      <c r="BU21" s="327">
        <v>3243138</v>
      </c>
      <c r="BV21" s="327">
        <v>4800609</v>
      </c>
      <c r="BW21" s="327">
        <v>3945134</v>
      </c>
      <c r="BX21" s="327">
        <v>4596431</v>
      </c>
      <c r="BY21" s="327">
        <v>2868738</v>
      </c>
      <c r="BZ21" s="328">
        <v>19454050</v>
      </c>
      <c r="CA21" s="330">
        <v>20505536</v>
      </c>
      <c r="CB21" s="326">
        <v>1097016</v>
      </c>
      <c r="CC21" s="327">
        <v>4733225</v>
      </c>
      <c r="CD21" s="328">
        <v>5830241</v>
      </c>
      <c r="CE21" s="326">
        <v>0</v>
      </c>
      <c r="CF21" s="327">
        <v>32174536</v>
      </c>
      <c r="CG21" s="327">
        <v>57223966</v>
      </c>
      <c r="CH21" s="327">
        <v>37929521</v>
      </c>
      <c r="CI21" s="327">
        <v>28741957</v>
      </c>
      <c r="CJ21" s="327">
        <v>16143575</v>
      </c>
      <c r="CK21" s="328">
        <v>172213555</v>
      </c>
      <c r="CL21" s="330">
        <v>178043796</v>
      </c>
      <c r="CM21" s="326">
        <v>0</v>
      </c>
      <c r="CN21" s="327">
        <v>0</v>
      </c>
      <c r="CO21" s="328">
        <v>0</v>
      </c>
      <c r="CP21" s="332">
        <v>0</v>
      </c>
      <c r="CQ21" s="327">
        <v>21320729</v>
      </c>
      <c r="CR21" s="327">
        <v>36124131</v>
      </c>
      <c r="CS21" s="327">
        <v>29360198</v>
      </c>
      <c r="CT21" s="327">
        <v>22592741</v>
      </c>
      <c r="CU21" s="327">
        <v>13230217</v>
      </c>
      <c r="CV21" s="328">
        <v>122628016</v>
      </c>
      <c r="CW21" s="330">
        <v>122628016</v>
      </c>
      <c r="CX21" s="326">
        <v>1097016</v>
      </c>
      <c r="CY21" s="327">
        <v>4733225</v>
      </c>
      <c r="CZ21" s="328">
        <v>5830241</v>
      </c>
      <c r="DA21" s="326">
        <v>0</v>
      </c>
      <c r="DB21" s="327">
        <v>10853807</v>
      </c>
      <c r="DC21" s="327">
        <v>21099835</v>
      </c>
      <c r="DD21" s="327">
        <v>8569323</v>
      </c>
      <c r="DE21" s="327">
        <v>6149216</v>
      </c>
      <c r="DF21" s="327">
        <v>2913358</v>
      </c>
      <c r="DG21" s="328">
        <v>49585539</v>
      </c>
      <c r="DH21" s="330">
        <v>55415780</v>
      </c>
      <c r="DI21" s="326">
        <v>0</v>
      </c>
      <c r="DJ21" s="327">
        <v>191764</v>
      </c>
      <c r="DK21" s="331">
        <v>191764</v>
      </c>
      <c r="DL21" s="332">
        <v>0</v>
      </c>
      <c r="DM21" s="327">
        <v>2058117</v>
      </c>
      <c r="DN21" s="327">
        <v>6437391</v>
      </c>
      <c r="DO21" s="327">
        <v>7410166</v>
      </c>
      <c r="DP21" s="327">
        <v>6832299</v>
      </c>
      <c r="DQ21" s="327">
        <v>3548709</v>
      </c>
      <c r="DR21" s="328">
        <v>26286682</v>
      </c>
      <c r="DS21" s="330">
        <v>26478446</v>
      </c>
      <c r="DT21" s="326">
        <v>0</v>
      </c>
      <c r="DU21" s="327">
        <v>191764</v>
      </c>
      <c r="DV21" s="328">
        <v>191764</v>
      </c>
      <c r="DW21" s="326">
        <v>0</v>
      </c>
      <c r="DX21" s="327">
        <v>2022117</v>
      </c>
      <c r="DY21" s="327">
        <v>5948400</v>
      </c>
      <c r="DZ21" s="327">
        <v>6951459</v>
      </c>
      <c r="EA21" s="327">
        <v>6054022</v>
      </c>
      <c r="EB21" s="327">
        <v>3067514</v>
      </c>
      <c r="EC21" s="328">
        <v>24043512</v>
      </c>
      <c r="ED21" s="330">
        <v>24235276</v>
      </c>
      <c r="EE21" s="326">
        <v>0</v>
      </c>
      <c r="EF21" s="331">
        <v>0</v>
      </c>
      <c r="EG21" s="328">
        <v>0</v>
      </c>
      <c r="EH21" s="326">
        <v>0</v>
      </c>
      <c r="EI21" s="327">
        <v>36000</v>
      </c>
      <c r="EJ21" s="327">
        <v>488991</v>
      </c>
      <c r="EK21" s="327">
        <v>458707</v>
      </c>
      <c r="EL21" s="327">
        <v>778277</v>
      </c>
      <c r="EM21" s="327">
        <v>481195</v>
      </c>
      <c r="EN21" s="331">
        <v>2243170</v>
      </c>
      <c r="EO21" s="330">
        <v>2243170</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528694</v>
      </c>
      <c r="FM21" s="327">
        <v>3046277</v>
      </c>
      <c r="FN21" s="328">
        <v>4574971</v>
      </c>
      <c r="FO21" s="326">
        <v>0</v>
      </c>
      <c r="FP21" s="327">
        <v>3483532</v>
      </c>
      <c r="FQ21" s="327">
        <v>13286497</v>
      </c>
      <c r="FR21" s="327">
        <v>8661578</v>
      </c>
      <c r="FS21" s="327">
        <v>7723956</v>
      </c>
      <c r="FT21" s="327">
        <v>5659797</v>
      </c>
      <c r="FU21" s="328">
        <v>38815360</v>
      </c>
      <c r="FV21" s="330">
        <v>43390331</v>
      </c>
      <c r="FW21" s="333">
        <v>882371</v>
      </c>
      <c r="FX21" s="327">
        <v>2575736</v>
      </c>
      <c r="FY21" s="331">
        <v>3458107</v>
      </c>
      <c r="FZ21" s="332">
        <v>0</v>
      </c>
      <c r="GA21" s="327">
        <v>3174730</v>
      </c>
      <c r="GB21" s="327">
        <v>12524364</v>
      </c>
      <c r="GC21" s="327">
        <v>7785944</v>
      </c>
      <c r="GD21" s="327">
        <v>7324515</v>
      </c>
      <c r="GE21" s="327">
        <v>5521872</v>
      </c>
      <c r="GF21" s="328">
        <v>36331425</v>
      </c>
      <c r="GG21" s="334">
        <v>39789532</v>
      </c>
      <c r="GH21" s="333">
        <v>99638</v>
      </c>
      <c r="GI21" s="327">
        <v>75121</v>
      </c>
      <c r="GJ21" s="331">
        <v>174759</v>
      </c>
      <c r="GK21" s="332">
        <v>0</v>
      </c>
      <c r="GL21" s="327">
        <v>100128</v>
      </c>
      <c r="GM21" s="327">
        <v>373108</v>
      </c>
      <c r="GN21" s="327">
        <v>221215</v>
      </c>
      <c r="GO21" s="327">
        <v>231363</v>
      </c>
      <c r="GP21" s="327">
        <v>125829</v>
      </c>
      <c r="GQ21" s="328">
        <v>1051643</v>
      </c>
      <c r="GR21" s="330">
        <v>1226402</v>
      </c>
      <c r="GS21" s="326">
        <v>546685</v>
      </c>
      <c r="GT21" s="327">
        <v>395420</v>
      </c>
      <c r="GU21" s="328">
        <v>942105</v>
      </c>
      <c r="GV21" s="326">
        <v>0</v>
      </c>
      <c r="GW21" s="327">
        <v>208674</v>
      </c>
      <c r="GX21" s="327">
        <v>389025</v>
      </c>
      <c r="GY21" s="327">
        <v>654419</v>
      </c>
      <c r="GZ21" s="327">
        <v>168078</v>
      </c>
      <c r="HA21" s="327">
        <v>12096</v>
      </c>
      <c r="HB21" s="331">
        <v>1432292</v>
      </c>
      <c r="HC21" s="330">
        <v>2374397</v>
      </c>
      <c r="HD21" s="326">
        <v>1787209</v>
      </c>
      <c r="HE21" s="327">
        <v>2143844</v>
      </c>
      <c r="HF21" s="331">
        <v>3931053</v>
      </c>
      <c r="HG21" s="332">
        <v>0</v>
      </c>
      <c r="HH21" s="327">
        <v>18771849</v>
      </c>
      <c r="HI21" s="327">
        <v>22513240</v>
      </c>
      <c r="HJ21" s="327">
        <v>18750118</v>
      </c>
      <c r="HK21" s="327">
        <v>29352777</v>
      </c>
      <c r="HL21" s="327">
        <v>18749504</v>
      </c>
      <c r="HM21" s="328">
        <v>108137488</v>
      </c>
      <c r="HN21" s="329">
        <v>112068541</v>
      </c>
      <c r="HO21" s="333">
        <v>1086015</v>
      </c>
      <c r="HP21" s="327">
        <v>2349919</v>
      </c>
      <c r="HQ21" s="328">
        <v>3435934</v>
      </c>
      <c r="HR21" s="326">
        <v>0</v>
      </c>
      <c r="HS21" s="327">
        <v>13238169</v>
      </c>
      <c r="HT21" s="327">
        <v>18582766</v>
      </c>
      <c r="HU21" s="327">
        <v>11007029</v>
      </c>
      <c r="HV21" s="327">
        <v>7807603</v>
      </c>
      <c r="HW21" s="327">
        <v>4297524</v>
      </c>
      <c r="HX21" s="331">
        <v>54933091</v>
      </c>
      <c r="HY21" s="330">
        <v>58369025</v>
      </c>
      <c r="HZ21" s="335">
        <v>146676</v>
      </c>
      <c r="IA21" s="336">
        <v>673877</v>
      </c>
      <c r="IB21" s="337">
        <v>820553</v>
      </c>
      <c r="IC21" s="338">
        <v>0</v>
      </c>
      <c r="ID21" s="336">
        <v>18082431</v>
      </c>
      <c r="IE21" s="339">
        <v>34688382</v>
      </c>
      <c r="IF21" s="337">
        <v>35562362</v>
      </c>
      <c r="IG21" s="336">
        <v>28883552</v>
      </c>
      <c r="IH21" s="337">
        <v>19302575</v>
      </c>
      <c r="II21" s="340">
        <v>136519302</v>
      </c>
      <c r="IJ21" s="341">
        <v>137339855</v>
      </c>
      <c r="IK21" s="342">
        <v>0</v>
      </c>
      <c r="IL21" s="343">
        <v>0</v>
      </c>
      <c r="IM21" s="344">
        <v>0</v>
      </c>
      <c r="IN21" s="404">
        <v>0</v>
      </c>
      <c r="IO21" s="345">
        <v>497082</v>
      </c>
      <c r="IP21" s="345">
        <v>1670897</v>
      </c>
      <c r="IQ21" s="345">
        <v>2973049</v>
      </c>
      <c r="IR21" s="345">
        <v>2264898</v>
      </c>
      <c r="IS21" s="345">
        <v>2684755</v>
      </c>
      <c r="IT21" s="346">
        <v>10090681</v>
      </c>
      <c r="IU21" s="347">
        <v>10090681</v>
      </c>
      <c r="IV21" s="348">
        <v>0</v>
      </c>
      <c r="IW21" s="345">
        <v>0</v>
      </c>
      <c r="IX21" s="349">
        <v>0</v>
      </c>
      <c r="IY21" s="413">
        <v>0</v>
      </c>
      <c r="IZ21" s="345">
        <v>0</v>
      </c>
      <c r="JA21" s="345">
        <v>28639</v>
      </c>
      <c r="JB21" s="345">
        <v>36384</v>
      </c>
      <c r="JC21" s="345">
        <v>40384</v>
      </c>
      <c r="JD21" s="345">
        <v>18351</v>
      </c>
      <c r="JE21" s="349">
        <v>123758</v>
      </c>
      <c r="JF21" s="350">
        <v>123758</v>
      </c>
      <c r="JG21" s="348">
        <v>0</v>
      </c>
      <c r="JH21" s="345">
        <v>0</v>
      </c>
      <c r="JI21" s="346">
        <v>0</v>
      </c>
      <c r="JJ21" s="351">
        <v>0</v>
      </c>
      <c r="JK21" s="345">
        <v>8799917</v>
      </c>
      <c r="JL21" s="345">
        <v>11555877</v>
      </c>
      <c r="JM21" s="345">
        <v>10332786</v>
      </c>
      <c r="JN21" s="345">
        <v>5998250</v>
      </c>
      <c r="JO21" s="345">
        <v>1833891</v>
      </c>
      <c r="JP21" s="349">
        <v>38520721</v>
      </c>
      <c r="JQ21" s="347">
        <v>38520721</v>
      </c>
      <c r="JR21" s="348">
        <v>0</v>
      </c>
      <c r="JS21" s="345">
        <v>0</v>
      </c>
      <c r="JT21" s="346">
        <v>0</v>
      </c>
      <c r="JU21" s="351">
        <v>0</v>
      </c>
      <c r="JV21" s="345">
        <v>520925</v>
      </c>
      <c r="JW21" s="345">
        <v>851705</v>
      </c>
      <c r="JX21" s="345">
        <v>1078804</v>
      </c>
      <c r="JY21" s="345">
        <v>819327</v>
      </c>
      <c r="JZ21" s="345">
        <v>808585</v>
      </c>
      <c r="KA21" s="349">
        <v>4079346</v>
      </c>
      <c r="KB21" s="347">
        <v>4079346</v>
      </c>
      <c r="KC21" s="352">
        <v>146676</v>
      </c>
      <c r="KD21" s="353">
        <v>322580</v>
      </c>
      <c r="KE21" s="349">
        <v>469256</v>
      </c>
      <c r="KF21" s="351">
        <v>0</v>
      </c>
      <c r="KG21" s="345">
        <v>2455762</v>
      </c>
      <c r="KH21" s="345">
        <v>4882287</v>
      </c>
      <c r="KI21" s="345">
        <v>3843180</v>
      </c>
      <c r="KJ21" s="345">
        <v>5318843</v>
      </c>
      <c r="KK21" s="345">
        <v>2539332</v>
      </c>
      <c r="KL21" s="349">
        <v>19039404</v>
      </c>
      <c r="KM21" s="354">
        <v>19508660</v>
      </c>
      <c r="KN21" s="342">
        <v>0</v>
      </c>
      <c r="KO21" s="343">
        <v>351297</v>
      </c>
      <c r="KP21" s="344">
        <v>351297</v>
      </c>
      <c r="KQ21" s="413">
        <v>0</v>
      </c>
      <c r="KR21" s="345">
        <v>5666855</v>
      </c>
      <c r="KS21" s="345">
        <v>14225606</v>
      </c>
      <c r="KT21" s="345">
        <v>14042596</v>
      </c>
      <c r="KU21" s="345">
        <v>9947156</v>
      </c>
      <c r="KV21" s="345">
        <v>6841592</v>
      </c>
      <c r="KW21" s="349">
        <v>50723805</v>
      </c>
      <c r="KX21" s="347">
        <v>51075102</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510768</v>
      </c>
      <c r="LP21" s="345">
        <v>1952993</v>
      </c>
      <c r="LQ21" s="345">
        <v>3623940</v>
      </c>
      <c r="LR21" s="345">
        <v>2268217</v>
      </c>
      <c r="LS21" s="349">
        <v>8355918</v>
      </c>
      <c r="LT21" s="347">
        <v>8355918</v>
      </c>
      <c r="LU21" s="348">
        <v>0</v>
      </c>
      <c r="LV21" s="345">
        <v>0</v>
      </c>
      <c r="LW21" s="349">
        <v>0</v>
      </c>
      <c r="LX21" s="413">
        <v>0</v>
      </c>
      <c r="LY21" s="345">
        <v>141890</v>
      </c>
      <c r="LZ21" s="345">
        <v>962603</v>
      </c>
      <c r="MA21" s="345">
        <v>1302570</v>
      </c>
      <c r="MB21" s="345">
        <v>870754</v>
      </c>
      <c r="MC21" s="345">
        <v>2307852</v>
      </c>
      <c r="MD21" s="349">
        <v>5585669</v>
      </c>
      <c r="ME21" s="350">
        <v>5585669</v>
      </c>
      <c r="MF21" s="348">
        <v>0</v>
      </c>
      <c r="MG21" s="345">
        <v>0</v>
      </c>
      <c r="MH21" s="349">
        <v>0</v>
      </c>
      <c r="MI21" s="413">
        <v>0</v>
      </c>
      <c r="MJ21" s="345">
        <v>14468590</v>
      </c>
      <c r="MK21" s="345">
        <v>33082565</v>
      </c>
      <c r="ML21" s="345">
        <v>102968770</v>
      </c>
      <c r="MM21" s="345">
        <v>152334007</v>
      </c>
      <c r="MN21" s="345">
        <v>84790765</v>
      </c>
      <c r="MO21" s="349">
        <v>387644697</v>
      </c>
      <c r="MP21" s="354">
        <v>387644697</v>
      </c>
      <c r="MQ21" s="348">
        <v>0</v>
      </c>
      <c r="MR21" s="345">
        <v>0</v>
      </c>
      <c r="MS21" s="349">
        <v>0</v>
      </c>
      <c r="MT21" s="413">
        <v>0</v>
      </c>
      <c r="MU21" s="345">
        <v>1329913</v>
      </c>
      <c r="MV21" s="345">
        <v>3676665</v>
      </c>
      <c r="MW21" s="345">
        <v>61239551</v>
      </c>
      <c r="MX21" s="345">
        <v>105082857</v>
      </c>
      <c r="MY21" s="345">
        <v>63006344</v>
      </c>
      <c r="MZ21" s="349">
        <v>234335330</v>
      </c>
      <c r="NA21" s="354">
        <v>234335330</v>
      </c>
      <c r="NB21" s="348">
        <v>0</v>
      </c>
      <c r="NC21" s="345">
        <v>0</v>
      </c>
      <c r="ND21" s="349">
        <v>0</v>
      </c>
      <c r="NE21" s="413">
        <v>0</v>
      </c>
      <c r="NF21" s="345">
        <v>13138677</v>
      </c>
      <c r="NG21" s="345">
        <v>29405900</v>
      </c>
      <c r="NH21" s="345">
        <v>41018156</v>
      </c>
      <c r="NI21" s="345">
        <v>42823606</v>
      </c>
      <c r="NJ21" s="345">
        <v>17457292</v>
      </c>
      <c r="NK21" s="349">
        <v>143843631</v>
      </c>
      <c r="NL21" s="347">
        <v>143843631</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711063</v>
      </c>
      <c r="OE21" s="345">
        <v>4427544</v>
      </c>
      <c r="OF21" s="345">
        <v>4327129</v>
      </c>
      <c r="OG21" s="349">
        <v>9465736</v>
      </c>
      <c r="OH21" s="350">
        <v>9465736</v>
      </c>
      <c r="OI21" s="348">
        <v>7175228</v>
      </c>
      <c r="OJ21" s="345">
        <v>15654746</v>
      </c>
      <c r="OK21" s="346">
        <v>22829974</v>
      </c>
      <c r="OL21" s="351">
        <v>0</v>
      </c>
      <c r="OM21" s="345">
        <v>119698900</v>
      </c>
      <c r="ON21" s="345">
        <v>222594369</v>
      </c>
      <c r="OO21" s="345">
        <v>251646497</v>
      </c>
      <c r="OP21" s="345">
        <v>294808223</v>
      </c>
      <c r="OQ21" s="345">
        <v>178726474</v>
      </c>
      <c r="OR21" s="349">
        <v>1067474463</v>
      </c>
      <c r="OS21" s="354">
        <v>1090304437</v>
      </c>
    </row>
    <row r="22" spans="2:409" s="70" customFormat="1" ht="21" customHeight="1" x14ac:dyDescent="0.2">
      <c r="B22" s="410" t="s">
        <v>17</v>
      </c>
      <c r="C22" s="326">
        <v>7549063</v>
      </c>
      <c r="D22" s="327">
        <v>18360066</v>
      </c>
      <c r="E22" s="328">
        <v>25909129</v>
      </c>
      <c r="F22" s="329">
        <v>0</v>
      </c>
      <c r="G22" s="327">
        <v>84007126</v>
      </c>
      <c r="H22" s="327">
        <v>197501351</v>
      </c>
      <c r="I22" s="327">
        <v>163250349</v>
      </c>
      <c r="J22" s="327">
        <v>149519686</v>
      </c>
      <c r="K22" s="327">
        <v>104277020</v>
      </c>
      <c r="L22" s="329">
        <v>698555532</v>
      </c>
      <c r="M22" s="330">
        <v>724464661</v>
      </c>
      <c r="N22" s="326">
        <v>1764969</v>
      </c>
      <c r="O22" s="327">
        <v>4215308</v>
      </c>
      <c r="P22" s="328">
        <v>5980277</v>
      </c>
      <c r="Q22" s="326">
        <v>0</v>
      </c>
      <c r="R22" s="327">
        <v>19915908</v>
      </c>
      <c r="S22" s="327">
        <v>52521244</v>
      </c>
      <c r="T22" s="327">
        <v>52849889</v>
      </c>
      <c r="U22" s="327">
        <v>58065975</v>
      </c>
      <c r="V22" s="327">
        <v>48649216</v>
      </c>
      <c r="W22" s="328">
        <v>232002232</v>
      </c>
      <c r="X22" s="330">
        <v>237982509</v>
      </c>
      <c r="Y22" s="326">
        <v>0</v>
      </c>
      <c r="Z22" s="327">
        <v>0</v>
      </c>
      <c r="AA22" s="328">
        <v>0</v>
      </c>
      <c r="AB22" s="326">
        <v>0</v>
      </c>
      <c r="AC22" s="327">
        <v>8251192</v>
      </c>
      <c r="AD22" s="327">
        <v>25102882</v>
      </c>
      <c r="AE22" s="327">
        <v>31182209</v>
      </c>
      <c r="AF22" s="327">
        <v>35588292</v>
      </c>
      <c r="AG22" s="327">
        <v>27342119</v>
      </c>
      <c r="AH22" s="328">
        <v>127466694</v>
      </c>
      <c r="AI22" s="330">
        <v>127466694</v>
      </c>
      <c r="AJ22" s="326">
        <v>0</v>
      </c>
      <c r="AK22" s="327">
        <v>46134</v>
      </c>
      <c r="AL22" s="328">
        <v>46134</v>
      </c>
      <c r="AM22" s="326">
        <v>0</v>
      </c>
      <c r="AN22" s="327">
        <v>0</v>
      </c>
      <c r="AO22" s="327">
        <v>194602</v>
      </c>
      <c r="AP22" s="327">
        <v>1235892</v>
      </c>
      <c r="AQ22" s="327">
        <v>3225954</v>
      </c>
      <c r="AR22" s="327">
        <v>6014476</v>
      </c>
      <c r="AS22" s="328">
        <v>10670924</v>
      </c>
      <c r="AT22" s="330">
        <v>10717058</v>
      </c>
      <c r="AU22" s="326">
        <v>986494</v>
      </c>
      <c r="AV22" s="327">
        <v>3139796</v>
      </c>
      <c r="AW22" s="328">
        <v>4126290</v>
      </c>
      <c r="AX22" s="326">
        <v>0</v>
      </c>
      <c r="AY22" s="327">
        <v>7762945</v>
      </c>
      <c r="AZ22" s="327">
        <v>17639969</v>
      </c>
      <c r="BA22" s="327">
        <v>12183992</v>
      </c>
      <c r="BB22" s="327">
        <v>10700029</v>
      </c>
      <c r="BC22" s="327">
        <v>9264278</v>
      </c>
      <c r="BD22" s="328">
        <v>57551213</v>
      </c>
      <c r="BE22" s="330">
        <v>61677503</v>
      </c>
      <c r="BF22" s="326">
        <v>190843</v>
      </c>
      <c r="BG22" s="327">
        <v>298579</v>
      </c>
      <c r="BH22" s="331">
        <v>489422</v>
      </c>
      <c r="BI22" s="332">
        <v>0</v>
      </c>
      <c r="BJ22" s="327">
        <v>348464</v>
      </c>
      <c r="BK22" s="327">
        <v>1899317</v>
      </c>
      <c r="BL22" s="327">
        <v>932386</v>
      </c>
      <c r="BM22" s="327">
        <v>1230924</v>
      </c>
      <c r="BN22" s="327">
        <v>1052373</v>
      </c>
      <c r="BO22" s="328">
        <v>5463464</v>
      </c>
      <c r="BP22" s="330">
        <v>5952886</v>
      </c>
      <c r="BQ22" s="326">
        <v>587632</v>
      </c>
      <c r="BR22" s="327">
        <v>730799</v>
      </c>
      <c r="BS22" s="328">
        <v>1318431</v>
      </c>
      <c r="BT22" s="326">
        <v>0</v>
      </c>
      <c r="BU22" s="327">
        <v>3553307</v>
      </c>
      <c r="BV22" s="327">
        <v>7684474</v>
      </c>
      <c r="BW22" s="327">
        <v>7315410</v>
      </c>
      <c r="BX22" s="327">
        <v>7320776</v>
      </c>
      <c r="BY22" s="327">
        <v>4975970</v>
      </c>
      <c r="BZ22" s="328">
        <v>30849937</v>
      </c>
      <c r="CA22" s="330">
        <v>32168368</v>
      </c>
      <c r="CB22" s="326">
        <v>916267</v>
      </c>
      <c r="CC22" s="327">
        <v>3502494</v>
      </c>
      <c r="CD22" s="328">
        <v>4418761</v>
      </c>
      <c r="CE22" s="326">
        <v>0</v>
      </c>
      <c r="CF22" s="327">
        <v>26031651</v>
      </c>
      <c r="CG22" s="327">
        <v>62054803</v>
      </c>
      <c r="CH22" s="327">
        <v>46001232</v>
      </c>
      <c r="CI22" s="327">
        <v>29591597</v>
      </c>
      <c r="CJ22" s="327">
        <v>17984130</v>
      </c>
      <c r="CK22" s="328">
        <v>181663413</v>
      </c>
      <c r="CL22" s="330">
        <v>186082174</v>
      </c>
      <c r="CM22" s="326">
        <v>0</v>
      </c>
      <c r="CN22" s="327">
        <v>0</v>
      </c>
      <c r="CO22" s="328">
        <v>0</v>
      </c>
      <c r="CP22" s="332">
        <v>0</v>
      </c>
      <c r="CQ22" s="327">
        <v>21852742</v>
      </c>
      <c r="CR22" s="327">
        <v>45039323</v>
      </c>
      <c r="CS22" s="327">
        <v>34830325</v>
      </c>
      <c r="CT22" s="327">
        <v>24081034</v>
      </c>
      <c r="CU22" s="327">
        <v>15536539</v>
      </c>
      <c r="CV22" s="328">
        <v>141339963</v>
      </c>
      <c r="CW22" s="330">
        <v>141339963</v>
      </c>
      <c r="CX22" s="326">
        <v>916267</v>
      </c>
      <c r="CY22" s="327">
        <v>3502494</v>
      </c>
      <c r="CZ22" s="328">
        <v>4418761</v>
      </c>
      <c r="DA22" s="326">
        <v>0</v>
      </c>
      <c r="DB22" s="327">
        <v>4178909</v>
      </c>
      <c r="DC22" s="327">
        <v>17015480</v>
      </c>
      <c r="DD22" s="327">
        <v>11170907</v>
      </c>
      <c r="DE22" s="327">
        <v>5510563</v>
      </c>
      <c r="DF22" s="327">
        <v>2447591</v>
      </c>
      <c r="DG22" s="328">
        <v>40323450</v>
      </c>
      <c r="DH22" s="330">
        <v>44742211</v>
      </c>
      <c r="DI22" s="326">
        <v>21579</v>
      </c>
      <c r="DJ22" s="327">
        <v>152496</v>
      </c>
      <c r="DK22" s="331">
        <v>174075</v>
      </c>
      <c r="DL22" s="332">
        <v>0</v>
      </c>
      <c r="DM22" s="327">
        <v>2110248</v>
      </c>
      <c r="DN22" s="327">
        <v>8017890</v>
      </c>
      <c r="DO22" s="327">
        <v>10306501</v>
      </c>
      <c r="DP22" s="327">
        <v>14229597</v>
      </c>
      <c r="DQ22" s="327">
        <v>4711600</v>
      </c>
      <c r="DR22" s="328">
        <v>39375836</v>
      </c>
      <c r="DS22" s="330">
        <v>39549911</v>
      </c>
      <c r="DT22" s="326">
        <v>21579</v>
      </c>
      <c r="DU22" s="327">
        <v>152496</v>
      </c>
      <c r="DV22" s="328">
        <v>174075</v>
      </c>
      <c r="DW22" s="326">
        <v>0</v>
      </c>
      <c r="DX22" s="327">
        <v>1914261</v>
      </c>
      <c r="DY22" s="327">
        <v>7037492</v>
      </c>
      <c r="DZ22" s="327">
        <v>9399816</v>
      </c>
      <c r="EA22" s="327">
        <v>12614222</v>
      </c>
      <c r="EB22" s="327">
        <v>4128531</v>
      </c>
      <c r="EC22" s="328">
        <v>35094322</v>
      </c>
      <c r="ED22" s="330">
        <v>35268397</v>
      </c>
      <c r="EE22" s="326">
        <v>0</v>
      </c>
      <c r="EF22" s="331">
        <v>0</v>
      </c>
      <c r="EG22" s="328">
        <v>0</v>
      </c>
      <c r="EH22" s="326">
        <v>0</v>
      </c>
      <c r="EI22" s="327">
        <v>195987</v>
      </c>
      <c r="EJ22" s="327">
        <v>980398</v>
      </c>
      <c r="EK22" s="327">
        <v>906685</v>
      </c>
      <c r="EL22" s="327">
        <v>1615375</v>
      </c>
      <c r="EM22" s="327">
        <v>583069</v>
      </c>
      <c r="EN22" s="331">
        <v>4281514</v>
      </c>
      <c r="EO22" s="330">
        <v>4281514</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765262</v>
      </c>
      <c r="FM22" s="327">
        <v>4069330</v>
      </c>
      <c r="FN22" s="328">
        <v>5834592</v>
      </c>
      <c r="FO22" s="326">
        <v>0</v>
      </c>
      <c r="FP22" s="327">
        <v>3973296</v>
      </c>
      <c r="FQ22" s="327">
        <v>18008752</v>
      </c>
      <c r="FR22" s="327">
        <v>12945946</v>
      </c>
      <c r="FS22" s="327">
        <v>11126621</v>
      </c>
      <c r="FT22" s="327">
        <v>7721818</v>
      </c>
      <c r="FU22" s="328">
        <v>53776433</v>
      </c>
      <c r="FV22" s="330">
        <v>59611025</v>
      </c>
      <c r="FW22" s="333">
        <v>1025373</v>
      </c>
      <c r="FX22" s="327">
        <v>3401043</v>
      </c>
      <c r="FY22" s="331">
        <v>4426416</v>
      </c>
      <c r="FZ22" s="332">
        <v>0</v>
      </c>
      <c r="GA22" s="327">
        <v>2981963</v>
      </c>
      <c r="GB22" s="327">
        <v>16821147</v>
      </c>
      <c r="GC22" s="327">
        <v>11896413</v>
      </c>
      <c r="GD22" s="327">
        <v>10534137</v>
      </c>
      <c r="GE22" s="327">
        <v>7546722</v>
      </c>
      <c r="GF22" s="328">
        <v>49780382</v>
      </c>
      <c r="GG22" s="334">
        <v>54206798</v>
      </c>
      <c r="GH22" s="333">
        <v>89922</v>
      </c>
      <c r="GI22" s="327">
        <v>135676</v>
      </c>
      <c r="GJ22" s="331">
        <v>225598</v>
      </c>
      <c r="GK22" s="332">
        <v>0</v>
      </c>
      <c r="GL22" s="327">
        <v>276533</v>
      </c>
      <c r="GM22" s="327">
        <v>506415</v>
      </c>
      <c r="GN22" s="327">
        <v>584927</v>
      </c>
      <c r="GO22" s="327">
        <v>194226</v>
      </c>
      <c r="GP22" s="327">
        <v>81496</v>
      </c>
      <c r="GQ22" s="328">
        <v>1643597</v>
      </c>
      <c r="GR22" s="330">
        <v>1869195</v>
      </c>
      <c r="GS22" s="326">
        <v>649967</v>
      </c>
      <c r="GT22" s="327">
        <v>532611</v>
      </c>
      <c r="GU22" s="328">
        <v>1182578</v>
      </c>
      <c r="GV22" s="326">
        <v>0</v>
      </c>
      <c r="GW22" s="327">
        <v>714800</v>
      </c>
      <c r="GX22" s="327">
        <v>681190</v>
      </c>
      <c r="GY22" s="327">
        <v>464606</v>
      </c>
      <c r="GZ22" s="327">
        <v>398258</v>
      </c>
      <c r="HA22" s="327">
        <v>93600</v>
      </c>
      <c r="HB22" s="331">
        <v>2352454</v>
      </c>
      <c r="HC22" s="330">
        <v>3535032</v>
      </c>
      <c r="HD22" s="326">
        <v>1699338</v>
      </c>
      <c r="HE22" s="327">
        <v>3292073</v>
      </c>
      <c r="HF22" s="331">
        <v>4991411</v>
      </c>
      <c r="HG22" s="332">
        <v>0</v>
      </c>
      <c r="HH22" s="327">
        <v>17677836</v>
      </c>
      <c r="HI22" s="327">
        <v>32596341</v>
      </c>
      <c r="HJ22" s="327">
        <v>24121028</v>
      </c>
      <c r="HK22" s="327">
        <v>24906943</v>
      </c>
      <c r="HL22" s="327">
        <v>19371171</v>
      </c>
      <c r="HM22" s="328">
        <v>118673319</v>
      </c>
      <c r="HN22" s="329">
        <v>123664730</v>
      </c>
      <c r="HO22" s="333">
        <v>1381648</v>
      </c>
      <c r="HP22" s="327">
        <v>3128365</v>
      </c>
      <c r="HQ22" s="328">
        <v>4510013</v>
      </c>
      <c r="HR22" s="326">
        <v>0</v>
      </c>
      <c r="HS22" s="327">
        <v>14298187</v>
      </c>
      <c r="HT22" s="327">
        <v>24302321</v>
      </c>
      <c r="HU22" s="327">
        <v>17025753</v>
      </c>
      <c r="HV22" s="327">
        <v>11598953</v>
      </c>
      <c r="HW22" s="327">
        <v>5839085</v>
      </c>
      <c r="HX22" s="331">
        <v>73064299</v>
      </c>
      <c r="HY22" s="330">
        <v>77574312</v>
      </c>
      <c r="HZ22" s="358">
        <v>198038</v>
      </c>
      <c r="IA22" s="356">
        <v>544850</v>
      </c>
      <c r="IB22" s="358">
        <v>742888</v>
      </c>
      <c r="IC22" s="355">
        <v>0</v>
      </c>
      <c r="ID22" s="356">
        <v>27398543</v>
      </c>
      <c r="IE22" s="357">
        <v>48508607</v>
      </c>
      <c r="IF22" s="358">
        <v>68143404</v>
      </c>
      <c r="IG22" s="356">
        <v>63374717</v>
      </c>
      <c r="IH22" s="358">
        <v>38236792</v>
      </c>
      <c r="II22" s="359">
        <v>245662063</v>
      </c>
      <c r="IJ22" s="358">
        <v>246404951</v>
      </c>
      <c r="IK22" s="342">
        <v>0</v>
      </c>
      <c r="IL22" s="343">
        <v>0</v>
      </c>
      <c r="IM22" s="344">
        <v>0</v>
      </c>
      <c r="IN22" s="404">
        <v>0</v>
      </c>
      <c r="IO22" s="345">
        <v>113248</v>
      </c>
      <c r="IP22" s="345">
        <v>233946</v>
      </c>
      <c r="IQ22" s="345">
        <v>503376</v>
      </c>
      <c r="IR22" s="345">
        <v>470505</v>
      </c>
      <c r="IS22" s="345">
        <v>233275</v>
      </c>
      <c r="IT22" s="346">
        <v>1554350</v>
      </c>
      <c r="IU22" s="347">
        <v>1554350</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3842626</v>
      </c>
      <c r="JL22" s="345">
        <v>20532943</v>
      </c>
      <c r="JM22" s="345">
        <v>16925219</v>
      </c>
      <c r="JN22" s="345">
        <v>14008481</v>
      </c>
      <c r="JO22" s="345">
        <v>6221356</v>
      </c>
      <c r="JP22" s="349">
        <v>71530625</v>
      </c>
      <c r="JQ22" s="347">
        <v>71530625</v>
      </c>
      <c r="JR22" s="348">
        <v>80510</v>
      </c>
      <c r="JS22" s="345">
        <v>190951</v>
      </c>
      <c r="JT22" s="346">
        <v>271461</v>
      </c>
      <c r="JU22" s="351">
        <v>0</v>
      </c>
      <c r="JV22" s="345">
        <v>1698397</v>
      </c>
      <c r="JW22" s="345">
        <v>1994057</v>
      </c>
      <c r="JX22" s="345">
        <v>1761548</v>
      </c>
      <c r="JY22" s="345">
        <v>1469322</v>
      </c>
      <c r="JZ22" s="345">
        <v>713010</v>
      </c>
      <c r="KA22" s="349">
        <v>7636334</v>
      </c>
      <c r="KB22" s="347">
        <v>7907795</v>
      </c>
      <c r="KC22" s="352">
        <v>117528</v>
      </c>
      <c r="KD22" s="353">
        <v>353899</v>
      </c>
      <c r="KE22" s="349">
        <v>471427</v>
      </c>
      <c r="KF22" s="351">
        <v>0</v>
      </c>
      <c r="KG22" s="345">
        <v>1117377</v>
      </c>
      <c r="KH22" s="345">
        <v>5517564</v>
      </c>
      <c r="KI22" s="345">
        <v>10426453</v>
      </c>
      <c r="KJ22" s="345">
        <v>6458046</v>
      </c>
      <c r="KK22" s="345">
        <v>4127286</v>
      </c>
      <c r="KL22" s="349">
        <v>27646726</v>
      </c>
      <c r="KM22" s="354">
        <v>28118153</v>
      </c>
      <c r="KN22" s="342">
        <v>0</v>
      </c>
      <c r="KO22" s="343">
        <v>0</v>
      </c>
      <c r="KP22" s="344">
        <v>0</v>
      </c>
      <c r="KQ22" s="413">
        <v>0</v>
      </c>
      <c r="KR22" s="345">
        <v>10442727</v>
      </c>
      <c r="KS22" s="345">
        <v>18918977</v>
      </c>
      <c r="KT22" s="345">
        <v>25691240</v>
      </c>
      <c r="KU22" s="345">
        <v>17253477</v>
      </c>
      <c r="KV22" s="345">
        <v>8925622</v>
      </c>
      <c r="KW22" s="349">
        <v>81232043</v>
      </c>
      <c r="KX22" s="347">
        <v>81232043</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560936</v>
      </c>
      <c r="LP22" s="345">
        <v>12035324</v>
      </c>
      <c r="LQ22" s="345">
        <v>21890337</v>
      </c>
      <c r="LR22" s="345">
        <v>14878602</v>
      </c>
      <c r="LS22" s="349">
        <v>49365199</v>
      </c>
      <c r="LT22" s="347">
        <v>49365199</v>
      </c>
      <c r="LU22" s="348">
        <v>0</v>
      </c>
      <c r="LV22" s="345">
        <v>0</v>
      </c>
      <c r="LW22" s="349">
        <v>0</v>
      </c>
      <c r="LX22" s="413">
        <v>0</v>
      </c>
      <c r="LY22" s="345">
        <v>184168</v>
      </c>
      <c r="LZ22" s="345">
        <v>750184</v>
      </c>
      <c r="MA22" s="345">
        <v>800244</v>
      </c>
      <c r="MB22" s="345">
        <v>1824549</v>
      </c>
      <c r="MC22" s="345">
        <v>3137641</v>
      </c>
      <c r="MD22" s="349">
        <v>6696786</v>
      </c>
      <c r="ME22" s="350">
        <v>6696786</v>
      </c>
      <c r="MF22" s="348">
        <v>0</v>
      </c>
      <c r="MG22" s="345">
        <v>0</v>
      </c>
      <c r="MH22" s="349">
        <v>0</v>
      </c>
      <c r="MI22" s="413">
        <v>0</v>
      </c>
      <c r="MJ22" s="345">
        <v>11813241</v>
      </c>
      <c r="MK22" s="345">
        <v>36857202</v>
      </c>
      <c r="ML22" s="345">
        <v>106384571</v>
      </c>
      <c r="MM22" s="345">
        <v>141927218</v>
      </c>
      <c r="MN22" s="345">
        <v>108078323</v>
      </c>
      <c r="MO22" s="349">
        <v>405060555</v>
      </c>
      <c r="MP22" s="354">
        <v>405060555</v>
      </c>
      <c r="MQ22" s="348">
        <v>0</v>
      </c>
      <c r="MR22" s="345">
        <v>0</v>
      </c>
      <c r="MS22" s="349">
        <v>0</v>
      </c>
      <c r="MT22" s="413">
        <v>0</v>
      </c>
      <c r="MU22" s="345">
        <v>1138781</v>
      </c>
      <c r="MV22" s="345">
        <v>3550514</v>
      </c>
      <c r="MW22" s="345">
        <v>56915330</v>
      </c>
      <c r="MX22" s="345">
        <v>87413028</v>
      </c>
      <c r="MY22" s="345">
        <v>71391630</v>
      </c>
      <c r="MZ22" s="349">
        <v>220409283</v>
      </c>
      <c r="NA22" s="354">
        <v>220409283</v>
      </c>
      <c r="NB22" s="348">
        <v>0</v>
      </c>
      <c r="NC22" s="345">
        <v>0</v>
      </c>
      <c r="ND22" s="349">
        <v>0</v>
      </c>
      <c r="NE22" s="413">
        <v>0</v>
      </c>
      <c r="NF22" s="345">
        <v>10674460</v>
      </c>
      <c r="NG22" s="345">
        <v>33306688</v>
      </c>
      <c r="NH22" s="345">
        <v>49469241</v>
      </c>
      <c r="NI22" s="345">
        <v>52363433</v>
      </c>
      <c r="NJ22" s="345">
        <v>29242522</v>
      </c>
      <c r="NK22" s="349">
        <v>175056344</v>
      </c>
      <c r="NL22" s="347">
        <v>175056344</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2150757</v>
      </c>
      <c r="OF22" s="345">
        <v>7444171</v>
      </c>
      <c r="OG22" s="349">
        <v>9594928</v>
      </c>
      <c r="OH22" s="350">
        <v>9594928</v>
      </c>
      <c r="OI22" s="348">
        <v>7747101</v>
      </c>
      <c r="OJ22" s="345">
        <v>18904916</v>
      </c>
      <c r="OK22" s="346">
        <v>26652017</v>
      </c>
      <c r="OL22" s="351">
        <v>0</v>
      </c>
      <c r="OM22" s="345">
        <v>123218910</v>
      </c>
      <c r="ON22" s="345">
        <v>282867160</v>
      </c>
      <c r="OO22" s="345">
        <v>337778324</v>
      </c>
      <c r="OP22" s="345">
        <v>354821621</v>
      </c>
      <c r="OQ22" s="345">
        <v>250592135</v>
      </c>
      <c r="OR22" s="349">
        <v>1349278150</v>
      </c>
      <c r="OS22" s="354">
        <v>1375930167</v>
      </c>
    </row>
    <row r="23" spans="2:409" s="70" customFormat="1" ht="21" customHeight="1" x14ac:dyDescent="0.2">
      <c r="B23" s="410" t="s">
        <v>18</v>
      </c>
      <c r="C23" s="326">
        <v>9743151</v>
      </c>
      <c r="D23" s="327">
        <v>19381941</v>
      </c>
      <c r="E23" s="328">
        <v>29125092</v>
      </c>
      <c r="F23" s="329">
        <v>0</v>
      </c>
      <c r="G23" s="327">
        <v>149131421</v>
      </c>
      <c r="H23" s="327">
        <v>186915170</v>
      </c>
      <c r="I23" s="327">
        <v>174105139</v>
      </c>
      <c r="J23" s="327">
        <v>157000283</v>
      </c>
      <c r="K23" s="327">
        <v>118022837</v>
      </c>
      <c r="L23" s="329">
        <v>785174850</v>
      </c>
      <c r="M23" s="330">
        <v>814299942</v>
      </c>
      <c r="N23" s="326">
        <v>2488113</v>
      </c>
      <c r="O23" s="327">
        <v>5640549</v>
      </c>
      <c r="P23" s="328">
        <v>8128662</v>
      </c>
      <c r="Q23" s="326">
        <v>0</v>
      </c>
      <c r="R23" s="327">
        <v>42371036</v>
      </c>
      <c r="S23" s="327">
        <v>60014114</v>
      </c>
      <c r="T23" s="327">
        <v>54566675</v>
      </c>
      <c r="U23" s="327">
        <v>62689560</v>
      </c>
      <c r="V23" s="327">
        <v>61731665</v>
      </c>
      <c r="W23" s="328">
        <v>281373050</v>
      </c>
      <c r="X23" s="330">
        <v>289501712</v>
      </c>
      <c r="Y23" s="326">
        <v>0</v>
      </c>
      <c r="Z23" s="327">
        <v>0</v>
      </c>
      <c r="AA23" s="328">
        <v>0</v>
      </c>
      <c r="AB23" s="326">
        <v>0</v>
      </c>
      <c r="AC23" s="327">
        <v>19204410</v>
      </c>
      <c r="AD23" s="327">
        <v>29053760</v>
      </c>
      <c r="AE23" s="327">
        <v>31277041</v>
      </c>
      <c r="AF23" s="327">
        <v>39763133</v>
      </c>
      <c r="AG23" s="327">
        <v>39519701</v>
      </c>
      <c r="AH23" s="328">
        <v>158818045</v>
      </c>
      <c r="AI23" s="330">
        <v>158818045</v>
      </c>
      <c r="AJ23" s="326">
        <v>0</v>
      </c>
      <c r="AK23" s="327">
        <v>0</v>
      </c>
      <c r="AL23" s="328">
        <v>0</v>
      </c>
      <c r="AM23" s="326">
        <v>0</v>
      </c>
      <c r="AN23" s="327">
        <v>188108</v>
      </c>
      <c r="AO23" s="327">
        <v>383343</v>
      </c>
      <c r="AP23" s="327">
        <v>1026851</v>
      </c>
      <c r="AQ23" s="327">
        <v>3689031</v>
      </c>
      <c r="AR23" s="327">
        <v>5595054</v>
      </c>
      <c r="AS23" s="328">
        <v>10882387</v>
      </c>
      <c r="AT23" s="330">
        <v>10882387</v>
      </c>
      <c r="AU23" s="326">
        <v>1330982</v>
      </c>
      <c r="AV23" s="327">
        <v>4209882</v>
      </c>
      <c r="AW23" s="328">
        <v>5540864</v>
      </c>
      <c r="AX23" s="326">
        <v>0</v>
      </c>
      <c r="AY23" s="327">
        <v>14017978</v>
      </c>
      <c r="AZ23" s="327">
        <v>18406104</v>
      </c>
      <c r="BA23" s="327">
        <v>11885307</v>
      </c>
      <c r="BB23" s="327">
        <v>9854105</v>
      </c>
      <c r="BC23" s="327">
        <v>9450794</v>
      </c>
      <c r="BD23" s="328">
        <v>63614288</v>
      </c>
      <c r="BE23" s="330">
        <v>69155152</v>
      </c>
      <c r="BF23" s="326">
        <v>272043</v>
      </c>
      <c r="BG23" s="327">
        <v>608407</v>
      </c>
      <c r="BH23" s="331">
        <v>880450</v>
      </c>
      <c r="BI23" s="332">
        <v>0</v>
      </c>
      <c r="BJ23" s="327">
        <v>2004943</v>
      </c>
      <c r="BK23" s="327">
        <v>3506834</v>
      </c>
      <c r="BL23" s="327">
        <v>1970357</v>
      </c>
      <c r="BM23" s="327">
        <v>882730</v>
      </c>
      <c r="BN23" s="327">
        <v>789665</v>
      </c>
      <c r="BO23" s="328">
        <v>9154529</v>
      </c>
      <c r="BP23" s="330">
        <v>10034979</v>
      </c>
      <c r="BQ23" s="326">
        <v>885088</v>
      </c>
      <c r="BR23" s="327">
        <v>822260</v>
      </c>
      <c r="BS23" s="328">
        <v>1707348</v>
      </c>
      <c r="BT23" s="326">
        <v>0</v>
      </c>
      <c r="BU23" s="327">
        <v>6955597</v>
      </c>
      <c r="BV23" s="327">
        <v>8664073</v>
      </c>
      <c r="BW23" s="327">
        <v>8407119</v>
      </c>
      <c r="BX23" s="327">
        <v>8500561</v>
      </c>
      <c r="BY23" s="327">
        <v>6376451</v>
      </c>
      <c r="BZ23" s="328">
        <v>38903801</v>
      </c>
      <c r="CA23" s="330">
        <v>40611149</v>
      </c>
      <c r="CB23" s="326">
        <v>1581740</v>
      </c>
      <c r="CC23" s="327">
        <v>5228660</v>
      </c>
      <c r="CD23" s="328">
        <v>6810400</v>
      </c>
      <c r="CE23" s="326">
        <v>0</v>
      </c>
      <c r="CF23" s="327">
        <v>49632096</v>
      </c>
      <c r="CG23" s="327">
        <v>58974890</v>
      </c>
      <c r="CH23" s="327">
        <v>51459530</v>
      </c>
      <c r="CI23" s="327">
        <v>30533907</v>
      </c>
      <c r="CJ23" s="327">
        <v>15296439</v>
      </c>
      <c r="CK23" s="328">
        <v>205896862</v>
      </c>
      <c r="CL23" s="330">
        <v>212707262</v>
      </c>
      <c r="CM23" s="326">
        <v>0</v>
      </c>
      <c r="CN23" s="327">
        <v>0</v>
      </c>
      <c r="CO23" s="328">
        <v>0</v>
      </c>
      <c r="CP23" s="332">
        <v>0</v>
      </c>
      <c r="CQ23" s="327">
        <v>41034400</v>
      </c>
      <c r="CR23" s="327">
        <v>47386700</v>
      </c>
      <c r="CS23" s="327">
        <v>41352444</v>
      </c>
      <c r="CT23" s="327">
        <v>25061888</v>
      </c>
      <c r="CU23" s="327">
        <v>12565979</v>
      </c>
      <c r="CV23" s="328">
        <v>167401411</v>
      </c>
      <c r="CW23" s="330">
        <v>167401411</v>
      </c>
      <c r="CX23" s="326">
        <v>1581740</v>
      </c>
      <c r="CY23" s="327">
        <v>5228660</v>
      </c>
      <c r="CZ23" s="328">
        <v>6810400</v>
      </c>
      <c r="DA23" s="326">
        <v>0</v>
      </c>
      <c r="DB23" s="327">
        <v>8597696</v>
      </c>
      <c r="DC23" s="327">
        <v>11588190</v>
      </c>
      <c r="DD23" s="327">
        <v>10107086</v>
      </c>
      <c r="DE23" s="327">
        <v>5472019</v>
      </c>
      <c r="DF23" s="327">
        <v>2730460</v>
      </c>
      <c r="DG23" s="328">
        <v>38495451</v>
      </c>
      <c r="DH23" s="330">
        <v>45305851</v>
      </c>
      <c r="DI23" s="326">
        <v>46599</v>
      </c>
      <c r="DJ23" s="327">
        <v>134896</v>
      </c>
      <c r="DK23" s="331">
        <v>181495</v>
      </c>
      <c r="DL23" s="332">
        <v>0</v>
      </c>
      <c r="DM23" s="327">
        <v>3136894</v>
      </c>
      <c r="DN23" s="327">
        <v>6414741</v>
      </c>
      <c r="DO23" s="327">
        <v>16078071</v>
      </c>
      <c r="DP23" s="327">
        <v>16180320</v>
      </c>
      <c r="DQ23" s="327">
        <v>8188537</v>
      </c>
      <c r="DR23" s="328">
        <v>49998563</v>
      </c>
      <c r="DS23" s="330">
        <v>50180058</v>
      </c>
      <c r="DT23" s="326">
        <v>46599</v>
      </c>
      <c r="DU23" s="327">
        <v>134896</v>
      </c>
      <c r="DV23" s="328">
        <v>181495</v>
      </c>
      <c r="DW23" s="326">
        <v>0</v>
      </c>
      <c r="DX23" s="327">
        <v>3003555</v>
      </c>
      <c r="DY23" s="327">
        <v>6038785</v>
      </c>
      <c r="DZ23" s="327">
        <v>15769295</v>
      </c>
      <c r="EA23" s="327">
        <v>15895959</v>
      </c>
      <c r="EB23" s="327">
        <v>8147347</v>
      </c>
      <c r="EC23" s="328">
        <v>48854941</v>
      </c>
      <c r="ED23" s="330">
        <v>49036436</v>
      </c>
      <c r="EE23" s="326">
        <v>0</v>
      </c>
      <c r="EF23" s="331">
        <v>0</v>
      </c>
      <c r="EG23" s="328">
        <v>0</v>
      </c>
      <c r="EH23" s="326">
        <v>0</v>
      </c>
      <c r="EI23" s="327">
        <v>133339</v>
      </c>
      <c r="EJ23" s="327">
        <v>375956</v>
      </c>
      <c r="EK23" s="327">
        <v>308776</v>
      </c>
      <c r="EL23" s="327">
        <v>284361</v>
      </c>
      <c r="EM23" s="327">
        <v>41190</v>
      </c>
      <c r="EN23" s="331">
        <v>1143622</v>
      </c>
      <c r="EO23" s="330">
        <v>1143622</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1937663</v>
      </c>
      <c r="FM23" s="327">
        <v>3972918</v>
      </c>
      <c r="FN23" s="328">
        <v>5910581</v>
      </c>
      <c r="FO23" s="326">
        <v>0</v>
      </c>
      <c r="FP23" s="327">
        <v>7200930</v>
      </c>
      <c r="FQ23" s="327">
        <v>15811523</v>
      </c>
      <c r="FR23" s="327">
        <v>12493461</v>
      </c>
      <c r="FS23" s="327">
        <v>10100033</v>
      </c>
      <c r="FT23" s="327">
        <v>8118172</v>
      </c>
      <c r="FU23" s="328">
        <v>53724119</v>
      </c>
      <c r="FV23" s="330">
        <v>59634700</v>
      </c>
      <c r="FW23" s="333">
        <v>1226666</v>
      </c>
      <c r="FX23" s="327">
        <v>3377394</v>
      </c>
      <c r="FY23" s="331">
        <v>4604060</v>
      </c>
      <c r="FZ23" s="332">
        <v>0</v>
      </c>
      <c r="GA23" s="327">
        <v>6017700</v>
      </c>
      <c r="GB23" s="327">
        <v>14633269</v>
      </c>
      <c r="GC23" s="327">
        <v>11373543</v>
      </c>
      <c r="GD23" s="327">
        <v>9984725</v>
      </c>
      <c r="GE23" s="327">
        <v>8017859</v>
      </c>
      <c r="GF23" s="328">
        <v>50027096</v>
      </c>
      <c r="GG23" s="334">
        <v>54631156</v>
      </c>
      <c r="GH23" s="333">
        <v>48312</v>
      </c>
      <c r="GI23" s="327">
        <v>94794</v>
      </c>
      <c r="GJ23" s="331">
        <v>143106</v>
      </c>
      <c r="GK23" s="332">
        <v>0</v>
      </c>
      <c r="GL23" s="327">
        <v>222610</v>
      </c>
      <c r="GM23" s="327">
        <v>225984</v>
      </c>
      <c r="GN23" s="327">
        <v>344508</v>
      </c>
      <c r="GO23" s="327">
        <v>72018</v>
      </c>
      <c r="GP23" s="327">
        <v>68113</v>
      </c>
      <c r="GQ23" s="328">
        <v>933233</v>
      </c>
      <c r="GR23" s="330">
        <v>1076339</v>
      </c>
      <c r="GS23" s="326">
        <v>662685</v>
      </c>
      <c r="GT23" s="327">
        <v>500730</v>
      </c>
      <c r="GU23" s="328">
        <v>1163415</v>
      </c>
      <c r="GV23" s="326">
        <v>0</v>
      </c>
      <c r="GW23" s="327">
        <v>960620</v>
      </c>
      <c r="GX23" s="327">
        <v>952270</v>
      </c>
      <c r="GY23" s="327">
        <v>775410</v>
      </c>
      <c r="GZ23" s="327">
        <v>43290</v>
      </c>
      <c r="HA23" s="327">
        <v>32200</v>
      </c>
      <c r="HB23" s="331">
        <v>2763790</v>
      </c>
      <c r="HC23" s="330">
        <v>3927205</v>
      </c>
      <c r="HD23" s="326">
        <v>1993312</v>
      </c>
      <c r="HE23" s="327">
        <v>1015911</v>
      </c>
      <c r="HF23" s="331">
        <v>3009223</v>
      </c>
      <c r="HG23" s="332">
        <v>0</v>
      </c>
      <c r="HH23" s="327">
        <v>22688446</v>
      </c>
      <c r="HI23" s="327">
        <v>22773988</v>
      </c>
      <c r="HJ23" s="327">
        <v>23361211</v>
      </c>
      <c r="HK23" s="327">
        <v>26750200</v>
      </c>
      <c r="HL23" s="327">
        <v>18133346</v>
      </c>
      <c r="HM23" s="328">
        <v>113707191</v>
      </c>
      <c r="HN23" s="329">
        <v>116716414</v>
      </c>
      <c r="HO23" s="333">
        <v>1695724</v>
      </c>
      <c r="HP23" s="327">
        <v>3389007</v>
      </c>
      <c r="HQ23" s="328">
        <v>5084731</v>
      </c>
      <c r="HR23" s="326">
        <v>0</v>
      </c>
      <c r="HS23" s="327">
        <v>24102019</v>
      </c>
      <c r="HT23" s="327">
        <v>22925914</v>
      </c>
      <c r="HU23" s="327">
        <v>16146191</v>
      </c>
      <c r="HV23" s="327">
        <v>10746263</v>
      </c>
      <c r="HW23" s="327">
        <v>6554678</v>
      </c>
      <c r="HX23" s="331">
        <v>80475065</v>
      </c>
      <c r="HY23" s="330">
        <v>85559796</v>
      </c>
      <c r="HZ23" s="335">
        <v>268110</v>
      </c>
      <c r="IA23" s="336">
        <v>2201446</v>
      </c>
      <c r="IB23" s="337">
        <v>2469556</v>
      </c>
      <c r="IC23" s="338">
        <v>0</v>
      </c>
      <c r="ID23" s="336">
        <v>35087906</v>
      </c>
      <c r="IE23" s="339">
        <v>48648762</v>
      </c>
      <c r="IF23" s="337">
        <v>57728232</v>
      </c>
      <c r="IG23" s="336">
        <v>44794388</v>
      </c>
      <c r="IH23" s="337">
        <v>23593775</v>
      </c>
      <c r="II23" s="340">
        <v>209853063</v>
      </c>
      <c r="IJ23" s="341">
        <v>212322619</v>
      </c>
      <c r="IK23" s="342">
        <v>0</v>
      </c>
      <c r="IL23" s="343">
        <v>0</v>
      </c>
      <c r="IM23" s="344">
        <v>0</v>
      </c>
      <c r="IN23" s="404">
        <v>0</v>
      </c>
      <c r="IO23" s="345">
        <v>687926</v>
      </c>
      <c r="IP23" s="345">
        <v>911093</v>
      </c>
      <c r="IQ23" s="345">
        <v>444304</v>
      </c>
      <c r="IR23" s="345">
        <v>462228</v>
      </c>
      <c r="IS23" s="345">
        <v>2427053</v>
      </c>
      <c r="IT23" s="346">
        <v>4932604</v>
      </c>
      <c r="IU23" s="347">
        <v>4932604</v>
      </c>
      <c r="IV23" s="348">
        <v>0</v>
      </c>
      <c r="IW23" s="345">
        <v>0</v>
      </c>
      <c r="IX23" s="349">
        <v>0</v>
      </c>
      <c r="IY23" s="413">
        <v>0</v>
      </c>
      <c r="IZ23" s="345">
        <v>0</v>
      </c>
      <c r="JA23" s="345">
        <v>0</v>
      </c>
      <c r="JB23" s="345">
        <v>0</v>
      </c>
      <c r="JC23" s="345">
        <v>0</v>
      </c>
      <c r="JD23" s="345">
        <v>32490</v>
      </c>
      <c r="JE23" s="349">
        <v>32490</v>
      </c>
      <c r="JF23" s="350">
        <v>32490</v>
      </c>
      <c r="JG23" s="348">
        <v>0</v>
      </c>
      <c r="JH23" s="345">
        <v>0</v>
      </c>
      <c r="JI23" s="346">
        <v>0</v>
      </c>
      <c r="JJ23" s="351">
        <v>0</v>
      </c>
      <c r="JK23" s="345">
        <v>14176964</v>
      </c>
      <c r="JL23" s="345">
        <v>12123885</v>
      </c>
      <c r="JM23" s="345">
        <v>9097817</v>
      </c>
      <c r="JN23" s="345">
        <v>4917913</v>
      </c>
      <c r="JO23" s="345">
        <v>2173872</v>
      </c>
      <c r="JP23" s="349">
        <v>42490451</v>
      </c>
      <c r="JQ23" s="347">
        <v>42490451</v>
      </c>
      <c r="JR23" s="348">
        <v>0</v>
      </c>
      <c r="JS23" s="345">
        <v>0</v>
      </c>
      <c r="JT23" s="346">
        <v>0</v>
      </c>
      <c r="JU23" s="351">
        <v>0</v>
      </c>
      <c r="JV23" s="345">
        <v>1022469</v>
      </c>
      <c r="JW23" s="345">
        <v>947776</v>
      </c>
      <c r="JX23" s="345">
        <v>3140051</v>
      </c>
      <c r="JY23" s="345">
        <v>2807263</v>
      </c>
      <c r="JZ23" s="345">
        <v>742239</v>
      </c>
      <c r="KA23" s="349">
        <v>8659798</v>
      </c>
      <c r="KB23" s="347">
        <v>8659798</v>
      </c>
      <c r="KC23" s="352">
        <v>268110</v>
      </c>
      <c r="KD23" s="353">
        <v>1441497</v>
      </c>
      <c r="KE23" s="349">
        <v>1709607</v>
      </c>
      <c r="KF23" s="351">
        <v>0</v>
      </c>
      <c r="KG23" s="345">
        <v>6301517</v>
      </c>
      <c r="KH23" s="345">
        <v>8889665</v>
      </c>
      <c r="KI23" s="345">
        <v>13056103</v>
      </c>
      <c r="KJ23" s="345">
        <v>5409491</v>
      </c>
      <c r="KK23" s="345">
        <v>2519852</v>
      </c>
      <c r="KL23" s="349">
        <v>36176628</v>
      </c>
      <c r="KM23" s="354">
        <v>37886235</v>
      </c>
      <c r="KN23" s="342">
        <v>0</v>
      </c>
      <c r="KO23" s="343">
        <v>759949</v>
      </c>
      <c r="KP23" s="344">
        <v>759949</v>
      </c>
      <c r="KQ23" s="413">
        <v>0</v>
      </c>
      <c r="KR23" s="345">
        <v>12003620</v>
      </c>
      <c r="KS23" s="345">
        <v>22329493</v>
      </c>
      <c r="KT23" s="345">
        <v>27649219</v>
      </c>
      <c r="KU23" s="345">
        <v>18333635</v>
      </c>
      <c r="KV23" s="345">
        <v>5094393</v>
      </c>
      <c r="KW23" s="349">
        <v>85410360</v>
      </c>
      <c r="KX23" s="347">
        <v>86170309</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575696</v>
      </c>
      <c r="LP23" s="345">
        <v>2070670</v>
      </c>
      <c r="LQ23" s="345">
        <v>4924353</v>
      </c>
      <c r="LR23" s="345">
        <v>1715113</v>
      </c>
      <c r="LS23" s="349">
        <v>9285832</v>
      </c>
      <c r="LT23" s="347">
        <v>9285832</v>
      </c>
      <c r="LU23" s="348">
        <v>0</v>
      </c>
      <c r="LV23" s="345">
        <v>0</v>
      </c>
      <c r="LW23" s="349">
        <v>0</v>
      </c>
      <c r="LX23" s="413">
        <v>0</v>
      </c>
      <c r="LY23" s="345">
        <v>895410</v>
      </c>
      <c r="LZ23" s="345">
        <v>2871154</v>
      </c>
      <c r="MA23" s="345">
        <v>2270068</v>
      </c>
      <c r="MB23" s="345">
        <v>7939505</v>
      </c>
      <c r="MC23" s="345">
        <v>8888763</v>
      </c>
      <c r="MD23" s="349">
        <v>22864900</v>
      </c>
      <c r="ME23" s="350">
        <v>22864900</v>
      </c>
      <c r="MF23" s="348">
        <v>0</v>
      </c>
      <c r="MG23" s="345">
        <v>0</v>
      </c>
      <c r="MH23" s="349">
        <v>0</v>
      </c>
      <c r="MI23" s="413">
        <v>0</v>
      </c>
      <c r="MJ23" s="345">
        <v>7347534</v>
      </c>
      <c r="MK23" s="345">
        <v>20355910</v>
      </c>
      <c r="ML23" s="345">
        <v>89838882</v>
      </c>
      <c r="MM23" s="345">
        <v>159605876</v>
      </c>
      <c r="MN23" s="345">
        <v>110893407</v>
      </c>
      <c r="MO23" s="349">
        <v>388041609</v>
      </c>
      <c r="MP23" s="354">
        <v>388041609</v>
      </c>
      <c r="MQ23" s="348">
        <v>0</v>
      </c>
      <c r="MR23" s="345">
        <v>0</v>
      </c>
      <c r="MS23" s="349">
        <v>0</v>
      </c>
      <c r="MT23" s="413">
        <v>0</v>
      </c>
      <c r="MU23" s="345">
        <v>1199607</v>
      </c>
      <c r="MV23" s="345">
        <v>3375001</v>
      </c>
      <c r="MW23" s="345">
        <v>55280760</v>
      </c>
      <c r="MX23" s="345">
        <v>114922923</v>
      </c>
      <c r="MY23" s="345">
        <v>83750469</v>
      </c>
      <c r="MZ23" s="349">
        <v>258528760</v>
      </c>
      <c r="NA23" s="354">
        <v>258528760</v>
      </c>
      <c r="NB23" s="348">
        <v>0</v>
      </c>
      <c r="NC23" s="345">
        <v>0</v>
      </c>
      <c r="ND23" s="349">
        <v>0</v>
      </c>
      <c r="NE23" s="413">
        <v>0</v>
      </c>
      <c r="NF23" s="345">
        <v>6147927</v>
      </c>
      <c r="NG23" s="345">
        <v>16662453</v>
      </c>
      <c r="NH23" s="345">
        <v>34133082</v>
      </c>
      <c r="NI23" s="345">
        <v>36477862</v>
      </c>
      <c r="NJ23" s="345">
        <v>20777885</v>
      </c>
      <c r="NK23" s="349">
        <v>114199209</v>
      </c>
      <c r="NL23" s="347">
        <v>114199209</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318456</v>
      </c>
      <c r="OD23" s="345">
        <v>425040</v>
      </c>
      <c r="OE23" s="345">
        <v>8205091</v>
      </c>
      <c r="OF23" s="345">
        <v>6365053</v>
      </c>
      <c r="OG23" s="349">
        <v>15313640</v>
      </c>
      <c r="OH23" s="350">
        <v>15313640</v>
      </c>
      <c r="OI23" s="348">
        <v>10011261</v>
      </c>
      <c r="OJ23" s="345">
        <v>21583387</v>
      </c>
      <c r="OK23" s="346">
        <v>31594648</v>
      </c>
      <c r="OL23" s="351">
        <v>0</v>
      </c>
      <c r="OM23" s="345">
        <v>191566861</v>
      </c>
      <c r="ON23" s="345">
        <v>255919842</v>
      </c>
      <c r="OO23" s="345">
        <v>321672253</v>
      </c>
      <c r="OP23" s="345">
        <v>361400547</v>
      </c>
      <c r="OQ23" s="345">
        <v>252510019</v>
      </c>
      <c r="OR23" s="349">
        <v>1383069522</v>
      </c>
      <c r="OS23" s="354">
        <v>1414664170</v>
      </c>
    </row>
    <row r="24" spans="2:409" s="70" customFormat="1" ht="21" customHeight="1" x14ac:dyDescent="0.2">
      <c r="B24" s="410" t="s">
        <v>19</v>
      </c>
      <c r="C24" s="326">
        <v>6087168</v>
      </c>
      <c r="D24" s="327">
        <v>11394058</v>
      </c>
      <c r="E24" s="328">
        <v>17481226</v>
      </c>
      <c r="F24" s="329">
        <v>0</v>
      </c>
      <c r="G24" s="327">
        <v>71097743</v>
      </c>
      <c r="H24" s="327">
        <v>76511151</v>
      </c>
      <c r="I24" s="327">
        <v>70461296</v>
      </c>
      <c r="J24" s="327">
        <v>47066422</v>
      </c>
      <c r="K24" s="327">
        <v>41363782</v>
      </c>
      <c r="L24" s="329">
        <v>306500394</v>
      </c>
      <c r="M24" s="330">
        <v>323981620</v>
      </c>
      <c r="N24" s="326">
        <v>1375168</v>
      </c>
      <c r="O24" s="327">
        <v>2427629</v>
      </c>
      <c r="P24" s="328">
        <v>3802797</v>
      </c>
      <c r="Q24" s="326">
        <v>0</v>
      </c>
      <c r="R24" s="327">
        <v>18476541</v>
      </c>
      <c r="S24" s="327">
        <v>19199325</v>
      </c>
      <c r="T24" s="327">
        <v>20695835</v>
      </c>
      <c r="U24" s="327">
        <v>17060886</v>
      </c>
      <c r="V24" s="327">
        <v>16945155</v>
      </c>
      <c r="W24" s="328">
        <v>92377742</v>
      </c>
      <c r="X24" s="330">
        <v>96180539</v>
      </c>
      <c r="Y24" s="326">
        <v>0</v>
      </c>
      <c r="Z24" s="327">
        <v>0</v>
      </c>
      <c r="AA24" s="328">
        <v>0</v>
      </c>
      <c r="AB24" s="326">
        <v>0</v>
      </c>
      <c r="AC24" s="327">
        <v>7324516</v>
      </c>
      <c r="AD24" s="327">
        <v>8395443</v>
      </c>
      <c r="AE24" s="327">
        <v>11244094</v>
      </c>
      <c r="AF24" s="327">
        <v>9155600</v>
      </c>
      <c r="AG24" s="327">
        <v>9296289</v>
      </c>
      <c r="AH24" s="328">
        <v>45415942</v>
      </c>
      <c r="AI24" s="330">
        <v>45415942</v>
      </c>
      <c r="AJ24" s="326">
        <v>0</v>
      </c>
      <c r="AK24" s="327">
        <v>0</v>
      </c>
      <c r="AL24" s="328">
        <v>0</v>
      </c>
      <c r="AM24" s="326">
        <v>0</v>
      </c>
      <c r="AN24" s="327">
        <v>220640</v>
      </c>
      <c r="AO24" s="327">
        <v>500614</v>
      </c>
      <c r="AP24" s="327">
        <v>621477</v>
      </c>
      <c r="AQ24" s="327">
        <v>1044430</v>
      </c>
      <c r="AR24" s="327">
        <v>1780048</v>
      </c>
      <c r="AS24" s="328">
        <v>4167209</v>
      </c>
      <c r="AT24" s="330">
        <v>4167209</v>
      </c>
      <c r="AU24" s="326">
        <v>823891</v>
      </c>
      <c r="AV24" s="327">
        <v>1698592</v>
      </c>
      <c r="AW24" s="328">
        <v>2522483</v>
      </c>
      <c r="AX24" s="326">
        <v>0</v>
      </c>
      <c r="AY24" s="327">
        <v>7507500</v>
      </c>
      <c r="AZ24" s="327">
        <v>6772626</v>
      </c>
      <c r="BA24" s="327">
        <v>5412044</v>
      </c>
      <c r="BB24" s="327">
        <v>3882964</v>
      </c>
      <c r="BC24" s="327">
        <v>3807875</v>
      </c>
      <c r="BD24" s="328">
        <v>27383009</v>
      </c>
      <c r="BE24" s="330">
        <v>29905492</v>
      </c>
      <c r="BF24" s="326">
        <v>58488</v>
      </c>
      <c r="BG24" s="327">
        <v>154886</v>
      </c>
      <c r="BH24" s="331">
        <v>213374</v>
      </c>
      <c r="BI24" s="332">
        <v>0</v>
      </c>
      <c r="BJ24" s="327">
        <v>706330</v>
      </c>
      <c r="BK24" s="327">
        <v>446859</v>
      </c>
      <c r="BL24" s="327">
        <v>247918</v>
      </c>
      <c r="BM24" s="327">
        <v>591114</v>
      </c>
      <c r="BN24" s="327">
        <v>107160</v>
      </c>
      <c r="BO24" s="328">
        <v>2099381</v>
      </c>
      <c r="BP24" s="330">
        <v>2312755</v>
      </c>
      <c r="BQ24" s="326">
        <v>492789</v>
      </c>
      <c r="BR24" s="327">
        <v>574151</v>
      </c>
      <c r="BS24" s="328">
        <v>1066940</v>
      </c>
      <c r="BT24" s="326">
        <v>0</v>
      </c>
      <c r="BU24" s="327">
        <v>2717555</v>
      </c>
      <c r="BV24" s="327">
        <v>3083783</v>
      </c>
      <c r="BW24" s="327">
        <v>3170302</v>
      </c>
      <c r="BX24" s="327">
        <v>2386778</v>
      </c>
      <c r="BY24" s="327">
        <v>1953783</v>
      </c>
      <c r="BZ24" s="328">
        <v>13312201</v>
      </c>
      <c r="CA24" s="330">
        <v>14379141</v>
      </c>
      <c r="CB24" s="326">
        <v>947849</v>
      </c>
      <c r="CC24" s="327">
        <v>3204067</v>
      </c>
      <c r="CD24" s="328">
        <v>4151916</v>
      </c>
      <c r="CE24" s="326">
        <v>0</v>
      </c>
      <c r="CF24" s="327">
        <v>21911689</v>
      </c>
      <c r="CG24" s="327">
        <v>27167396</v>
      </c>
      <c r="CH24" s="327">
        <v>18008407</v>
      </c>
      <c r="CI24" s="327">
        <v>9254667</v>
      </c>
      <c r="CJ24" s="327">
        <v>7519303</v>
      </c>
      <c r="CK24" s="328">
        <v>83861462</v>
      </c>
      <c r="CL24" s="330">
        <v>88013378</v>
      </c>
      <c r="CM24" s="326">
        <v>0</v>
      </c>
      <c r="CN24" s="327">
        <v>0</v>
      </c>
      <c r="CO24" s="328">
        <v>0</v>
      </c>
      <c r="CP24" s="332">
        <v>0</v>
      </c>
      <c r="CQ24" s="327">
        <v>15767880</v>
      </c>
      <c r="CR24" s="327">
        <v>19898349</v>
      </c>
      <c r="CS24" s="327">
        <v>12174884</v>
      </c>
      <c r="CT24" s="327">
        <v>6691147</v>
      </c>
      <c r="CU24" s="327">
        <v>6454673</v>
      </c>
      <c r="CV24" s="328">
        <v>60986933</v>
      </c>
      <c r="CW24" s="330">
        <v>60986933</v>
      </c>
      <c r="CX24" s="326">
        <v>947849</v>
      </c>
      <c r="CY24" s="327">
        <v>3204067</v>
      </c>
      <c r="CZ24" s="328">
        <v>4151916</v>
      </c>
      <c r="DA24" s="326">
        <v>0</v>
      </c>
      <c r="DB24" s="327">
        <v>6143809</v>
      </c>
      <c r="DC24" s="327">
        <v>7269047</v>
      </c>
      <c r="DD24" s="327">
        <v>5833523</v>
      </c>
      <c r="DE24" s="327">
        <v>2563520</v>
      </c>
      <c r="DF24" s="327">
        <v>1064630</v>
      </c>
      <c r="DG24" s="328">
        <v>22874529</v>
      </c>
      <c r="DH24" s="330">
        <v>27026445</v>
      </c>
      <c r="DI24" s="326">
        <v>41046</v>
      </c>
      <c r="DJ24" s="327">
        <v>197946</v>
      </c>
      <c r="DK24" s="331">
        <v>238992</v>
      </c>
      <c r="DL24" s="332">
        <v>0</v>
      </c>
      <c r="DM24" s="327">
        <v>1765474</v>
      </c>
      <c r="DN24" s="327">
        <v>4359678</v>
      </c>
      <c r="DO24" s="327">
        <v>6164307</v>
      </c>
      <c r="DP24" s="327">
        <v>3098307</v>
      </c>
      <c r="DQ24" s="327">
        <v>1410694</v>
      </c>
      <c r="DR24" s="328">
        <v>16798460</v>
      </c>
      <c r="DS24" s="330">
        <v>17037452</v>
      </c>
      <c r="DT24" s="326">
        <v>41046</v>
      </c>
      <c r="DU24" s="327">
        <v>197946</v>
      </c>
      <c r="DV24" s="328">
        <v>238992</v>
      </c>
      <c r="DW24" s="326">
        <v>0</v>
      </c>
      <c r="DX24" s="327">
        <v>1483623</v>
      </c>
      <c r="DY24" s="327">
        <v>3416637</v>
      </c>
      <c r="DZ24" s="327">
        <v>4911238</v>
      </c>
      <c r="EA24" s="327">
        <v>1959345</v>
      </c>
      <c r="EB24" s="327">
        <v>1121576</v>
      </c>
      <c r="EC24" s="328">
        <v>12892419</v>
      </c>
      <c r="ED24" s="330">
        <v>13131411</v>
      </c>
      <c r="EE24" s="326">
        <v>0</v>
      </c>
      <c r="EF24" s="331">
        <v>0</v>
      </c>
      <c r="EG24" s="328">
        <v>0</v>
      </c>
      <c r="EH24" s="326">
        <v>0</v>
      </c>
      <c r="EI24" s="327">
        <v>281851</v>
      </c>
      <c r="EJ24" s="327">
        <v>943041</v>
      </c>
      <c r="EK24" s="327">
        <v>1253069</v>
      </c>
      <c r="EL24" s="327">
        <v>1138962</v>
      </c>
      <c r="EM24" s="327">
        <v>289118</v>
      </c>
      <c r="EN24" s="331">
        <v>3906041</v>
      </c>
      <c r="EO24" s="330">
        <v>3906041</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443578</v>
      </c>
      <c r="FM24" s="327">
        <v>1743580</v>
      </c>
      <c r="FN24" s="328">
        <v>3187158</v>
      </c>
      <c r="FO24" s="326">
        <v>0</v>
      </c>
      <c r="FP24" s="327">
        <v>4129669</v>
      </c>
      <c r="FQ24" s="327">
        <v>6078729</v>
      </c>
      <c r="FR24" s="327">
        <v>5265852</v>
      </c>
      <c r="FS24" s="327">
        <v>3953006</v>
      </c>
      <c r="FT24" s="327">
        <v>2938534</v>
      </c>
      <c r="FU24" s="328">
        <v>22365790</v>
      </c>
      <c r="FV24" s="330">
        <v>25552948</v>
      </c>
      <c r="FW24" s="333">
        <v>984369</v>
      </c>
      <c r="FX24" s="327">
        <v>1541620</v>
      </c>
      <c r="FY24" s="331">
        <v>2525989</v>
      </c>
      <c r="FZ24" s="332">
        <v>0</v>
      </c>
      <c r="GA24" s="327">
        <v>3808700</v>
      </c>
      <c r="GB24" s="327">
        <v>5665750</v>
      </c>
      <c r="GC24" s="327">
        <v>4793181</v>
      </c>
      <c r="GD24" s="327">
        <v>3856793</v>
      </c>
      <c r="GE24" s="327">
        <v>2938534</v>
      </c>
      <c r="GF24" s="328">
        <v>21062958</v>
      </c>
      <c r="GG24" s="334">
        <v>23588947</v>
      </c>
      <c r="GH24" s="333">
        <v>113850</v>
      </c>
      <c r="GI24" s="327">
        <v>32670</v>
      </c>
      <c r="GJ24" s="331">
        <v>146520</v>
      </c>
      <c r="GK24" s="332">
        <v>0</v>
      </c>
      <c r="GL24" s="327">
        <v>99525</v>
      </c>
      <c r="GM24" s="327">
        <v>192918</v>
      </c>
      <c r="GN24" s="327">
        <v>146871</v>
      </c>
      <c r="GO24" s="327">
        <v>96213</v>
      </c>
      <c r="GP24" s="327">
        <v>0</v>
      </c>
      <c r="GQ24" s="328">
        <v>535527</v>
      </c>
      <c r="GR24" s="330">
        <v>682047</v>
      </c>
      <c r="GS24" s="326">
        <v>345359</v>
      </c>
      <c r="GT24" s="327">
        <v>169290</v>
      </c>
      <c r="GU24" s="328">
        <v>514649</v>
      </c>
      <c r="GV24" s="326">
        <v>0</v>
      </c>
      <c r="GW24" s="327">
        <v>221444</v>
      </c>
      <c r="GX24" s="327">
        <v>220061</v>
      </c>
      <c r="GY24" s="327">
        <v>325800</v>
      </c>
      <c r="GZ24" s="327">
        <v>0</v>
      </c>
      <c r="HA24" s="327">
        <v>0</v>
      </c>
      <c r="HB24" s="331">
        <v>767305</v>
      </c>
      <c r="HC24" s="330">
        <v>1281954</v>
      </c>
      <c r="HD24" s="326">
        <v>1210224</v>
      </c>
      <c r="HE24" s="327">
        <v>2225037</v>
      </c>
      <c r="HF24" s="331">
        <v>3435261</v>
      </c>
      <c r="HG24" s="332">
        <v>0</v>
      </c>
      <c r="HH24" s="327">
        <v>12553961</v>
      </c>
      <c r="HI24" s="327">
        <v>10625964</v>
      </c>
      <c r="HJ24" s="327">
        <v>14024498</v>
      </c>
      <c r="HK24" s="327">
        <v>10261982</v>
      </c>
      <c r="HL24" s="327">
        <v>10439337</v>
      </c>
      <c r="HM24" s="328">
        <v>57905742</v>
      </c>
      <c r="HN24" s="329">
        <v>61341003</v>
      </c>
      <c r="HO24" s="333">
        <v>1069303</v>
      </c>
      <c r="HP24" s="327">
        <v>1595799</v>
      </c>
      <c r="HQ24" s="328">
        <v>2665102</v>
      </c>
      <c r="HR24" s="326">
        <v>0</v>
      </c>
      <c r="HS24" s="327">
        <v>12260409</v>
      </c>
      <c r="HT24" s="327">
        <v>9080059</v>
      </c>
      <c r="HU24" s="327">
        <v>6302397</v>
      </c>
      <c r="HV24" s="327">
        <v>3437574</v>
      </c>
      <c r="HW24" s="327">
        <v>2110759</v>
      </c>
      <c r="HX24" s="331">
        <v>33191198</v>
      </c>
      <c r="HY24" s="330">
        <v>35856300</v>
      </c>
      <c r="HZ24" s="358">
        <v>0</v>
      </c>
      <c r="IA24" s="356">
        <v>96488</v>
      </c>
      <c r="IB24" s="358">
        <v>96488</v>
      </c>
      <c r="IC24" s="355">
        <v>0</v>
      </c>
      <c r="ID24" s="356">
        <v>16231145</v>
      </c>
      <c r="IE24" s="357">
        <v>27462094</v>
      </c>
      <c r="IF24" s="358">
        <v>23728070</v>
      </c>
      <c r="IG24" s="356">
        <v>15271974</v>
      </c>
      <c r="IH24" s="358">
        <v>13771194</v>
      </c>
      <c r="II24" s="359">
        <v>96464477</v>
      </c>
      <c r="IJ24" s="358">
        <v>96560965</v>
      </c>
      <c r="IK24" s="342">
        <v>0</v>
      </c>
      <c r="IL24" s="343">
        <v>0</v>
      </c>
      <c r="IM24" s="344">
        <v>0</v>
      </c>
      <c r="IN24" s="404">
        <v>0</v>
      </c>
      <c r="IO24" s="345">
        <v>822449</v>
      </c>
      <c r="IP24" s="345">
        <v>1823123</v>
      </c>
      <c r="IQ24" s="345">
        <v>1092913</v>
      </c>
      <c r="IR24" s="345">
        <v>1518340</v>
      </c>
      <c r="IS24" s="345">
        <v>804788</v>
      </c>
      <c r="IT24" s="346">
        <v>6061613</v>
      </c>
      <c r="IU24" s="347">
        <v>6061613</v>
      </c>
      <c r="IV24" s="348">
        <v>0</v>
      </c>
      <c r="IW24" s="345">
        <v>0</v>
      </c>
      <c r="IX24" s="349">
        <v>0</v>
      </c>
      <c r="IY24" s="413">
        <v>0</v>
      </c>
      <c r="IZ24" s="345">
        <v>17391</v>
      </c>
      <c r="JA24" s="345">
        <v>11054</v>
      </c>
      <c r="JB24" s="345">
        <v>50553</v>
      </c>
      <c r="JC24" s="345">
        <v>98229</v>
      </c>
      <c r="JD24" s="345">
        <v>60966</v>
      </c>
      <c r="JE24" s="349">
        <v>238193</v>
      </c>
      <c r="JF24" s="350">
        <v>238193</v>
      </c>
      <c r="JG24" s="348">
        <v>0</v>
      </c>
      <c r="JH24" s="345">
        <v>0</v>
      </c>
      <c r="JI24" s="346">
        <v>0</v>
      </c>
      <c r="JJ24" s="351">
        <v>0</v>
      </c>
      <c r="JK24" s="345">
        <v>6496828</v>
      </c>
      <c r="JL24" s="345">
        <v>5958783</v>
      </c>
      <c r="JM24" s="345">
        <v>4195531</v>
      </c>
      <c r="JN24" s="345">
        <v>2089323</v>
      </c>
      <c r="JO24" s="345">
        <v>1018731</v>
      </c>
      <c r="JP24" s="349">
        <v>19759196</v>
      </c>
      <c r="JQ24" s="347">
        <v>19759196</v>
      </c>
      <c r="JR24" s="348">
        <v>0</v>
      </c>
      <c r="JS24" s="345">
        <v>0</v>
      </c>
      <c r="JT24" s="346">
        <v>0</v>
      </c>
      <c r="JU24" s="351">
        <v>0</v>
      </c>
      <c r="JV24" s="345">
        <v>1049045</v>
      </c>
      <c r="JW24" s="345">
        <v>2136672</v>
      </c>
      <c r="JX24" s="345">
        <v>2414501</v>
      </c>
      <c r="JY24" s="345">
        <v>568576</v>
      </c>
      <c r="JZ24" s="345">
        <v>849133</v>
      </c>
      <c r="KA24" s="349">
        <v>7017927</v>
      </c>
      <c r="KB24" s="347">
        <v>7017927</v>
      </c>
      <c r="KC24" s="352">
        <v>0</v>
      </c>
      <c r="KD24" s="353">
        <v>96488</v>
      </c>
      <c r="KE24" s="349">
        <v>96488</v>
      </c>
      <c r="KF24" s="351">
        <v>0</v>
      </c>
      <c r="KG24" s="345">
        <v>3933371</v>
      </c>
      <c r="KH24" s="345">
        <v>9080646</v>
      </c>
      <c r="KI24" s="345">
        <v>7515473</v>
      </c>
      <c r="KJ24" s="345">
        <v>4378018</v>
      </c>
      <c r="KK24" s="345">
        <v>2675263</v>
      </c>
      <c r="KL24" s="349">
        <v>27582771</v>
      </c>
      <c r="KM24" s="354">
        <v>27679259</v>
      </c>
      <c r="KN24" s="342">
        <v>0</v>
      </c>
      <c r="KO24" s="343">
        <v>0</v>
      </c>
      <c r="KP24" s="344">
        <v>0</v>
      </c>
      <c r="KQ24" s="413">
        <v>0</v>
      </c>
      <c r="KR24" s="345">
        <v>3591445</v>
      </c>
      <c r="KS24" s="345">
        <v>8196715</v>
      </c>
      <c r="KT24" s="345">
        <v>8119729</v>
      </c>
      <c r="KU24" s="345">
        <v>5583891</v>
      </c>
      <c r="KV24" s="345">
        <v>4327092</v>
      </c>
      <c r="KW24" s="349">
        <v>29818872</v>
      </c>
      <c r="KX24" s="347">
        <v>29818872</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320616</v>
      </c>
      <c r="LZ24" s="345">
        <v>255101</v>
      </c>
      <c r="MA24" s="345">
        <v>339370</v>
      </c>
      <c r="MB24" s="345">
        <v>1035597</v>
      </c>
      <c r="MC24" s="345">
        <v>4035221</v>
      </c>
      <c r="MD24" s="349">
        <v>5985905</v>
      </c>
      <c r="ME24" s="350">
        <v>5985905</v>
      </c>
      <c r="MF24" s="348">
        <v>0</v>
      </c>
      <c r="MG24" s="345">
        <v>0</v>
      </c>
      <c r="MH24" s="349">
        <v>0</v>
      </c>
      <c r="MI24" s="413">
        <v>0</v>
      </c>
      <c r="MJ24" s="345">
        <v>7143564</v>
      </c>
      <c r="MK24" s="345">
        <v>16523947</v>
      </c>
      <c r="ML24" s="345">
        <v>56927010</v>
      </c>
      <c r="MM24" s="345">
        <v>63934537</v>
      </c>
      <c r="MN24" s="345">
        <v>51482220</v>
      </c>
      <c r="MO24" s="349">
        <v>196011278</v>
      </c>
      <c r="MP24" s="354">
        <v>196011278</v>
      </c>
      <c r="MQ24" s="348">
        <v>0</v>
      </c>
      <c r="MR24" s="345">
        <v>0</v>
      </c>
      <c r="MS24" s="349">
        <v>0</v>
      </c>
      <c r="MT24" s="413">
        <v>0</v>
      </c>
      <c r="MU24" s="345">
        <v>179211</v>
      </c>
      <c r="MV24" s="345">
        <v>1751482</v>
      </c>
      <c r="MW24" s="345">
        <v>37450048</v>
      </c>
      <c r="MX24" s="345">
        <v>41483501</v>
      </c>
      <c r="MY24" s="345">
        <v>38385559</v>
      </c>
      <c r="MZ24" s="349">
        <v>119249801</v>
      </c>
      <c r="NA24" s="354">
        <v>119249801</v>
      </c>
      <c r="NB24" s="348">
        <v>0</v>
      </c>
      <c r="NC24" s="345">
        <v>0</v>
      </c>
      <c r="ND24" s="349">
        <v>0</v>
      </c>
      <c r="NE24" s="413">
        <v>0</v>
      </c>
      <c r="NF24" s="345">
        <v>6964353</v>
      </c>
      <c r="NG24" s="345">
        <v>14772465</v>
      </c>
      <c r="NH24" s="345">
        <v>19476962</v>
      </c>
      <c r="NI24" s="345">
        <v>21627787</v>
      </c>
      <c r="NJ24" s="345">
        <v>10412639</v>
      </c>
      <c r="NK24" s="349">
        <v>73254206</v>
      </c>
      <c r="NL24" s="347">
        <v>73254206</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823249</v>
      </c>
      <c r="OF24" s="345">
        <v>2684022</v>
      </c>
      <c r="OG24" s="349">
        <v>3507271</v>
      </c>
      <c r="OH24" s="350">
        <v>3507271</v>
      </c>
      <c r="OI24" s="348">
        <v>6087168</v>
      </c>
      <c r="OJ24" s="345">
        <v>11490546</v>
      </c>
      <c r="OK24" s="346">
        <v>17577714</v>
      </c>
      <c r="OL24" s="351">
        <v>0</v>
      </c>
      <c r="OM24" s="345">
        <v>94472452</v>
      </c>
      <c r="ON24" s="345">
        <v>120497192</v>
      </c>
      <c r="OO24" s="345">
        <v>151116376</v>
      </c>
      <c r="OP24" s="345">
        <v>126272933</v>
      </c>
      <c r="OQ24" s="345">
        <v>106617196</v>
      </c>
      <c r="OR24" s="349">
        <v>598976149</v>
      </c>
      <c r="OS24" s="354">
        <v>616553863</v>
      </c>
    </row>
    <row r="25" spans="2:409" s="70" customFormat="1" ht="21" customHeight="1" x14ac:dyDescent="0.2">
      <c r="B25" s="410" t="s">
        <v>20</v>
      </c>
      <c r="C25" s="326">
        <v>5800360</v>
      </c>
      <c r="D25" s="327">
        <v>13189679</v>
      </c>
      <c r="E25" s="328">
        <v>18990039</v>
      </c>
      <c r="F25" s="326">
        <v>0</v>
      </c>
      <c r="G25" s="327">
        <v>102675155</v>
      </c>
      <c r="H25" s="327">
        <v>93297059</v>
      </c>
      <c r="I25" s="327">
        <v>89739069</v>
      </c>
      <c r="J25" s="327">
        <v>72530750</v>
      </c>
      <c r="K25" s="327">
        <v>51827563</v>
      </c>
      <c r="L25" s="367">
        <v>410069596</v>
      </c>
      <c r="M25" s="330">
        <v>429059635</v>
      </c>
      <c r="N25" s="326">
        <v>1747586</v>
      </c>
      <c r="O25" s="327">
        <v>4882728</v>
      </c>
      <c r="P25" s="328">
        <v>6630314</v>
      </c>
      <c r="Q25" s="326">
        <v>0</v>
      </c>
      <c r="R25" s="327">
        <v>30630057</v>
      </c>
      <c r="S25" s="327">
        <v>29608939</v>
      </c>
      <c r="T25" s="327">
        <v>30771173</v>
      </c>
      <c r="U25" s="327">
        <v>25761264</v>
      </c>
      <c r="V25" s="327">
        <v>26805001</v>
      </c>
      <c r="W25" s="328">
        <v>143576434</v>
      </c>
      <c r="X25" s="330">
        <v>150206748</v>
      </c>
      <c r="Y25" s="326">
        <v>0</v>
      </c>
      <c r="Z25" s="327">
        <v>0</v>
      </c>
      <c r="AA25" s="328">
        <v>0</v>
      </c>
      <c r="AB25" s="326">
        <v>0</v>
      </c>
      <c r="AC25" s="327">
        <v>13115993</v>
      </c>
      <c r="AD25" s="327">
        <v>12633718</v>
      </c>
      <c r="AE25" s="327">
        <v>17708192</v>
      </c>
      <c r="AF25" s="327">
        <v>14619841</v>
      </c>
      <c r="AG25" s="327">
        <v>17184490</v>
      </c>
      <c r="AH25" s="328">
        <v>75262234</v>
      </c>
      <c r="AI25" s="330">
        <v>75262234</v>
      </c>
      <c r="AJ25" s="326">
        <v>0</v>
      </c>
      <c r="AK25" s="327">
        <v>0</v>
      </c>
      <c r="AL25" s="328">
        <v>0</v>
      </c>
      <c r="AM25" s="326">
        <v>0</v>
      </c>
      <c r="AN25" s="327">
        <v>253835</v>
      </c>
      <c r="AO25" s="327">
        <v>354925</v>
      </c>
      <c r="AP25" s="327">
        <v>636132</v>
      </c>
      <c r="AQ25" s="327">
        <v>1753871</v>
      </c>
      <c r="AR25" s="327">
        <v>2568936</v>
      </c>
      <c r="AS25" s="328">
        <v>5567699</v>
      </c>
      <c r="AT25" s="330">
        <v>5567699</v>
      </c>
      <c r="AU25" s="326">
        <v>1083344</v>
      </c>
      <c r="AV25" s="327">
        <v>2588038</v>
      </c>
      <c r="AW25" s="328">
        <v>3671382</v>
      </c>
      <c r="AX25" s="326">
        <v>0</v>
      </c>
      <c r="AY25" s="327">
        <v>10949355</v>
      </c>
      <c r="AZ25" s="327">
        <v>10343627</v>
      </c>
      <c r="BA25" s="327">
        <v>6121285</v>
      </c>
      <c r="BB25" s="327">
        <v>5027153</v>
      </c>
      <c r="BC25" s="327">
        <v>3543908</v>
      </c>
      <c r="BD25" s="328">
        <v>35985328</v>
      </c>
      <c r="BE25" s="330">
        <v>39656710</v>
      </c>
      <c r="BF25" s="326">
        <v>334693</v>
      </c>
      <c r="BG25" s="327">
        <v>1818613</v>
      </c>
      <c r="BH25" s="331">
        <v>2153306</v>
      </c>
      <c r="BI25" s="332">
        <v>0</v>
      </c>
      <c r="BJ25" s="327">
        <v>2538768</v>
      </c>
      <c r="BK25" s="327">
        <v>2610067</v>
      </c>
      <c r="BL25" s="327">
        <v>1690106</v>
      </c>
      <c r="BM25" s="327">
        <v>1265405</v>
      </c>
      <c r="BN25" s="327">
        <v>577273</v>
      </c>
      <c r="BO25" s="328">
        <v>8681619</v>
      </c>
      <c r="BP25" s="330">
        <v>10834925</v>
      </c>
      <c r="BQ25" s="326">
        <v>329549</v>
      </c>
      <c r="BR25" s="327">
        <v>476077</v>
      </c>
      <c r="BS25" s="328">
        <v>805626</v>
      </c>
      <c r="BT25" s="326">
        <v>0</v>
      </c>
      <c r="BU25" s="327">
        <v>3772106</v>
      </c>
      <c r="BV25" s="327">
        <v>3666602</v>
      </c>
      <c r="BW25" s="327">
        <v>4615458</v>
      </c>
      <c r="BX25" s="327">
        <v>3094994</v>
      </c>
      <c r="BY25" s="327">
        <v>2930394</v>
      </c>
      <c r="BZ25" s="328">
        <v>18079554</v>
      </c>
      <c r="CA25" s="330">
        <v>18885180</v>
      </c>
      <c r="CB25" s="326">
        <v>371635</v>
      </c>
      <c r="CC25" s="327">
        <v>1448266</v>
      </c>
      <c r="CD25" s="328">
        <v>1819901</v>
      </c>
      <c r="CE25" s="326">
        <v>0</v>
      </c>
      <c r="CF25" s="327">
        <v>28505441</v>
      </c>
      <c r="CG25" s="327">
        <v>26895872</v>
      </c>
      <c r="CH25" s="327">
        <v>19232951</v>
      </c>
      <c r="CI25" s="327">
        <v>13428772</v>
      </c>
      <c r="CJ25" s="327">
        <v>4976254</v>
      </c>
      <c r="CK25" s="328">
        <v>93039290</v>
      </c>
      <c r="CL25" s="330">
        <v>94859191</v>
      </c>
      <c r="CM25" s="326">
        <v>0</v>
      </c>
      <c r="CN25" s="327">
        <v>0</v>
      </c>
      <c r="CO25" s="328">
        <v>0</v>
      </c>
      <c r="CP25" s="332">
        <v>0</v>
      </c>
      <c r="CQ25" s="327">
        <v>21912589</v>
      </c>
      <c r="CR25" s="327">
        <v>20351316</v>
      </c>
      <c r="CS25" s="327">
        <v>15907084</v>
      </c>
      <c r="CT25" s="327">
        <v>9885602</v>
      </c>
      <c r="CU25" s="327">
        <v>3339622</v>
      </c>
      <c r="CV25" s="328">
        <v>71396213</v>
      </c>
      <c r="CW25" s="330">
        <v>71396213</v>
      </c>
      <c r="CX25" s="326">
        <v>371635</v>
      </c>
      <c r="CY25" s="327">
        <v>1448266</v>
      </c>
      <c r="CZ25" s="328">
        <v>1819901</v>
      </c>
      <c r="DA25" s="326">
        <v>0</v>
      </c>
      <c r="DB25" s="327">
        <v>6592852</v>
      </c>
      <c r="DC25" s="327">
        <v>6544556</v>
      </c>
      <c r="DD25" s="327">
        <v>3325867</v>
      </c>
      <c r="DE25" s="327">
        <v>3543170</v>
      </c>
      <c r="DF25" s="327">
        <v>1636632</v>
      </c>
      <c r="DG25" s="328">
        <v>21643077</v>
      </c>
      <c r="DH25" s="330">
        <v>23462978</v>
      </c>
      <c r="DI25" s="326">
        <v>49293</v>
      </c>
      <c r="DJ25" s="327">
        <v>95485</v>
      </c>
      <c r="DK25" s="331">
        <v>144778</v>
      </c>
      <c r="DL25" s="332">
        <v>0</v>
      </c>
      <c r="DM25" s="327">
        <v>3089838</v>
      </c>
      <c r="DN25" s="327">
        <v>5415919</v>
      </c>
      <c r="DO25" s="327">
        <v>11507444</v>
      </c>
      <c r="DP25" s="327">
        <v>7993856</v>
      </c>
      <c r="DQ25" s="327">
        <v>4425823</v>
      </c>
      <c r="DR25" s="328">
        <v>32432880</v>
      </c>
      <c r="DS25" s="330">
        <v>32577658</v>
      </c>
      <c r="DT25" s="326">
        <v>49293</v>
      </c>
      <c r="DU25" s="327">
        <v>95485</v>
      </c>
      <c r="DV25" s="328">
        <v>144778</v>
      </c>
      <c r="DW25" s="326">
        <v>0</v>
      </c>
      <c r="DX25" s="327">
        <v>3019045</v>
      </c>
      <c r="DY25" s="327">
        <v>5245576</v>
      </c>
      <c r="DZ25" s="327">
        <v>11222015</v>
      </c>
      <c r="EA25" s="327">
        <v>7140559</v>
      </c>
      <c r="EB25" s="327">
        <v>3756372</v>
      </c>
      <c r="EC25" s="328">
        <v>30383567</v>
      </c>
      <c r="ED25" s="330">
        <v>30528345</v>
      </c>
      <c r="EE25" s="326">
        <v>0</v>
      </c>
      <c r="EF25" s="331">
        <v>0</v>
      </c>
      <c r="EG25" s="328">
        <v>0</v>
      </c>
      <c r="EH25" s="326">
        <v>0</v>
      </c>
      <c r="EI25" s="327">
        <v>70793</v>
      </c>
      <c r="EJ25" s="327">
        <v>170343</v>
      </c>
      <c r="EK25" s="327">
        <v>285429</v>
      </c>
      <c r="EL25" s="327">
        <v>853297</v>
      </c>
      <c r="EM25" s="327">
        <v>669451</v>
      </c>
      <c r="EN25" s="331">
        <v>2049313</v>
      </c>
      <c r="EO25" s="330">
        <v>2049313</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820185</v>
      </c>
      <c r="FM25" s="327">
        <v>3582592</v>
      </c>
      <c r="FN25" s="328">
        <v>5402777</v>
      </c>
      <c r="FO25" s="326">
        <v>0</v>
      </c>
      <c r="FP25" s="327">
        <v>6598265</v>
      </c>
      <c r="FQ25" s="327">
        <v>8292465</v>
      </c>
      <c r="FR25" s="327">
        <v>6688283</v>
      </c>
      <c r="FS25" s="327">
        <v>6131574</v>
      </c>
      <c r="FT25" s="327">
        <v>3624019</v>
      </c>
      <c r="FU25" s="328">
        <v>31334606</v>
      </c>
      <c r="FV25" s="330">
        <v>36737383</v>
      </c>
      <c r="FW25" s="333">
        <v>903283</v>
      </c>
      <c r="FX25" s="327">
        <v>2401230</v>
      </c>
      <c r="FY25" s="331">
        <v>3304513</v>
      </c>
      <c r="FZ25" s="332">
        <v>0</v>
      </c>
      <c r="GA25" s="327">
        <v>5540297</v>
      </c>
      <c r="GB25" s="327">
        <v>7223046</v>
      </c>
      <c r="GC25" s="327">
        <v>5978500</v>
      </c>
      <c r="GD25" s="327">
        <v>5662778</v>
      </c>
      <c r="GE25" s="327">
        <v>3398255</v>
      </c>
      <c r="GF25" s="328">
        <v>27802876</v>
      </c>
      <c r="GG25" s="334">
        <v>31107389</v>
      </c>
      <c r="GH25" s="333">
        <v>156132</v>
      </c>
      <c r="GI25" s="327">
        <v>156757</v>
      </c>
      <c r="GJ25" s="331">
        <v>312889</v>
      </c>
      <c r="GK25" s="332">
        <v>0</v>
      </c>
      <c r="GL25" s="327">
        <v>304071</v>
      </c>
      <c r="GM25" s="327">
        <v>373687</v>
      </c>
      <c r="GN25" s="327">
        <v>352068</v>
      </c>
      <c r="GO25" s="327">
        <v>369796</v>
      </c>
      <c r="GP25" s="327">
        <v>106084</v>
      </c>
      <c r="GQ25" s="328">
        <v>1505706</v>
      </c>
      <c r="GR25" s="330">
        <v>1818595</v>
      </c>
      <c r="GS25" s="326">
        <v>760770</v>
      </c>
      <c r="GT25" s="327">
        <v>1024605</v>
      </c>
      <c r="GU25" s="328">
        <v>1785375</v>
      </c>
      <c r="GV25" s="326">
        <v>0</v>
      </c>
      <c r="GW25" s="327">
        <v>753897</v>
      </c>
      <c r="GX25" s="327">
        <v>695732</v>
      </c>
      <c r="GY25" s="327">
        <v>357715</v>
      </c>
      <c r="GZ25" s="327">
        <v>99000</v>
      </c>
      <c r="HA25" s="327">
        <v>119680</v>
      </c>
      <c r="HB25" s="331">
        <v>2026024</v>
      </c>
      <c r="HC25" s="330">
        <v>3811399</v>
      </c>
      <c r="HD25" s="326">
        <v>725604</v>
      </c>
      <c r="HE25" s="327">
        <v>1105670</v>
      </c>
      <c r="HF25" s="331">
        <v>1831274</v>
      </c>
      <c r="HG25" s="332">
        <v>0</v>
      </c>
      <c r="HH25" s="327">
        <v>13878623</v>
      </c>
      <c r="HI25" s="327">
        <v>10959980</v>
      </c>
      <c r="HJ25" s="327">
        <v>12413812</v>
      </c>
      <c r="HK25" s="327">
        <v>13380414</v>
      </c>
      <c r="HL25" s="327">
        <v>8889063</v>
      </c>
      <c r="HM25" s="328">
        <v>59521892</v>
      </c>
      <c r="HN25" s="329">
        <v>61353166</v>
      </c>
      <c r="HO25" s="333">
        <v>1086057</v>
      </c>
      <c r="HP25" s="327">
        <v>2074938</v>
      </c>
      <c r="HQ25" s="328">
        <v>3160995</v>
      </c>
      <c r="HR25" s="326">
        <v>0</v>
      </c>
      <c r="HS25" s="327">
        <v>19972931</v>
      </c>
      <c r="HT25" s="327">
        <v>12123884</v>
      </c>
      <c r="HU25" s="327">
        <v>9125406</v>
      </c>
      <c r="HV25" s="327">
        <v>5834870</v>
      </c>
      <c r="HW25" s="327">
        <v>3107403</v>
      </c>
      <c r="HX25" s="331">
        <v>50164494</v>
      </c>
      <c r="HY25" s="330">
        <v>53325489</v>
      </c>
      <c r="HZ25" s="335">
        <v>0</v>
      </c>
      <c r="IA25" s="336">
        <v>61792</v>
      </c>
      <c r="IB25" s="337">
        <v>61792</v>
      </c>
      <c r="IC25" s="338">
        <v>0</v>
      </c>
      <c r="ID25" s="336">
        <v>15543479</v>
      </c>
      <c r="IE25" s="339">
        <v>18011070</v>
      </c>
      <c r="IF25" s="337">
        <v>26893244</v>
      </c>
      <c r="IG25" s="336">
        <v>9145432</v>
      </c>
      <c r="IH25" s="337">
        <v>8090869</v>
      </c>
      <c r="II25" s="340">
        <v>77684094</v>
      </c>
      <c r="IJ25" s="341">
        <v>77745886</v>
      </c>
      <c r="IK25" s="342">
        <v>0</v>
      </c>
      <c r="IL25" s="343">
        <v>0</v>
      </c>
      <c r="IM25" s="344">
        <v>0</v>
      </c>
      <c r="IN25" s="404">
        <v>0</v>
      </c>
      <c r="IO25" s="345">
        <v>86604</v>
      </c>
      <c r="IP25" s="345">
        <v>0</v>
      </c>
      <c r="IQ25" s="345">
        <v>0</v>
      </c>
      <c r="IR25" s="345">
        <v>0</v>
      </c>
      <c r="IS25" s="345">
        <v>303869</v>
      </c>
      <c r="IT25" s="346">
        <v>390473</v>
      </c>
      <c r="IU25" s="347">
        <v>390473</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8628384</v>
      </c>
      <c r="JL25" s="345">
        <v>6396280</v>
      </c>
      <c r="JM25" s="345">
        <v>4587220</v>
      </c>
      <c r="JN25" s="345">
        <v>2105655</v>
      </c>
      <c r="JO25" s="345">
        <v>619318</v>
      </c>
      <c r="JP25" s="349">
        <v>22336857</v>
      </c>
      <c r="JQ25" s="347">
        <v>22336857</v>
      </c>
      <c r="JR25" s="348">
        <v>0</v>
      </c>
      <c r="JS25" s="345">
        <v>0</v>
      </c>
      <c r="JT25" s="346">
        <v>0</v>
      </c>
      <c r="JU25" s="351">
        <v>0</v>
      </c>
      <c r="JV25" s="345">
        <v>177660</v>
      </c>
      <c r="JW25" s="345">
        <v>132262</v>
      </c>
      <c r="JX25" s="345">
        <v>926715</v>
      </c>
      <c r="JY25" s="345">
        <v>1219209</v>
      </c>
      <c r="JZ25" s="345">
        <v>207967</v>
      </c>
      <c r="KA25" s="349">
        <v>2663813</v>
      </c>
      <c r="KB25" s="347">
        <v>2663813</v>
      </c>
      <c r="KC25" s="352">
        <v>0</v>
      </c>
      <c r="KD25" s="353">
        <v>61792</v>
      </c>
      <c r="KE25" s="349">
        <v>61792</v>
      </c>
      <c r="KF25" s="351">
        <v>0</v>
      </c>
      <c r="KG25" s="345">
        <v>2646098</v>
      </c>
      <c r="KH25" s="345">
        <v>1405388</v>
      </c>
      <c r="KI25" s="345">
        <v>3633760</v>
      </c>
      <c r="KJ25" s="345">
        <v>787359</v>
      </c>
      <c r="KK25" s="345">
        <v>910341</v>
      </c>
      <c r="KL25" s="349">
        <v>9382946</v>
      </c>
      <c r="KM25" s="354">
        <v>9444738</v>
      </c>
      <c r="KN25" s="342">
        <v>0</v>
      </c>
      <c r="KO25" s="343">
        <v>0</v>
      </c>
      <c r="KP25" s="344">
        <v>0</v>
      </c>
      <c r="KQ25" s="413">
        <v>0</v>
      </c>
      <c r="KR25" s="345">
        <v>4004733</v>
      </c>
      <c r="KS25" s="345">
        <v>10077140</v>
      </c>
      <c r="KT25" s="345">
        <v>17745549</v>
      </c>
      <c r="KU25" s="345">
        <v>5033209</v>
      </c>
      <c r="KV25" s="345">
        <v>6049374</v>
      </c>
      <c r="KW25" s="349">
        <v>42910005</v>
      </c>
      <c r="KX25" s="347">
        <v>42910005</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4330839</v>
      </c>
      <c r="MK25" s="345">
        <v>18940367</v>
      </c>
      <c r="ML25" s="345">
        <v>58968761</v>
      </c>
      <c r="MM25" s="345">
        <v>89124140</v>
      </c>
      <c r="MN25" s="345">
        <v>45641325</v>
      </c>
      <c r="MO25" s="349">
        <v>217005432</v>
      </c>
      <c r="MP25" s="354">
        <v>217005432</v>
      </c>
      <c r="MQ25" s="348">
        <v>0</v>
      </c>
      <c r="MR25" s="345">
        <v>0</v>
      </c>
      <c r="MS25" s="349">
        <v>0</v>
      </c>
      <c r="MT25" s="413">
        <v>0</v>
      </c>
      <c r="MU25" s="345">
        <v>1075294</v>
      </c>
      <c r="MV25" s="345">
        <v>8678010</v>
      </c>
      <c r="MW25" s="345">
        <v>49131538</v>
      </c>
      <c r="MX25" s="345">
        <v>69164028</v>
      </c>
      <c r="MY25" s="345">
        <v>35786318</v>
      </c>
      <c r="MZ25" s="349">
        <v>163835188</v>
      </c>
      <c r="NA25" s="354">
        <v>163835188</v>
      </c>
      <c r="NB25" s="348">
        <v>0</v>
      </c>
      <c r="NC25" s="345">
        <v>0</v>
      </c>
      <c r="ND25" s="349">
        <v>0</v>
      </c>
      <c r="NE25" s="413">
        <v>0</v>
      </c>
      <c r="NF25" s="345">
        <v>3255545</v>
      </c>
      <c r="NG25" s="345">
        <v>10262357</v>
      </c>
      <c r="NH25" s="345">
        <v>9826120</v>
      </c>
      <c r="NI25" s="345">
        <v>18742443</v>
      </c>
      <c r="NJ25" s="345">
        <v>8561174</v>
      </c>
      <c r="NK25" s="349">
        <v>50647639</v>
      </c>
      <c r="NL25" s="347">
        <v>50647639</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11103</v>
      </c>
      <c r="OE25" s="345">
        <v>1217669</v>
      </c>
      <c r="OF25" s="345">
        <v>1293833</v>
      </c>
      <c r="OG25" s="349">
        <v>2522605</v>
      </c>
      <c r="OH25" s="350">
        <v>2522605</v>
      </c>
      <c r="OI25" s="348">
        <v>5800360</v>
      </c>
      <c r="OJ25" s="345">
        <v>13251471</v>
      </c>
      <c r="OK25" s="346">
        <v>19051831</v>
      </c>
      <c r="OL25" s="351">
        <v>0</v>
      </c>
      <c r="OM25" s="345">
        <v>122549473</v>
      </c>
      <c r="ON25" s="345">
        <v>130248496</v>
      </c>
      <c r="OO25" s="345">
        <v>175601074</v>
      </c>
      <c r="OP25" s="345">
        <v>170800322</v>
      </c>
      <c r="OQ25" s="345">
        <v>105559757</v>
      </c>
      <c r="OR25" s="349">
        <v>704759122</v>
      </c>
      <c r="OS25" s="354">
        <v>723810953</v>
      </c>
    </row>
    <row r="26" spans="2:409" s="70" customFormat="1" ht="21" customHeight="1" x14ac:dyDescent="0.2">
      <c r="B26" s="410" t="s">
        <v>21</v>
      </c>
      <c r="C26" s="326">
        <v>7566994</v>
      </c>
      <c r="D26" s="327">
        <v>12607168</v>
      </c>
      <c r="E26" s="328">
        <v>20174162</v>
      </c>
      <c r="F26" s="329">
        <v>0</v>
      </c>
      <c r="G26" s="327">
        <v>85545881</v>
      </c>
      <c r="H26" s="327">
        <v>113428014</v>
      </c>
      <c r="I26" s="327">
        <v>108081976</v>
      </c>
      <c r="J26" s="327">
        <v>78426576</v>
      </c>
      <c r="K26" s="327">
        <v>61508270</v>
      </c>
      <c r="L26" s="367">
        <v>446990717</v>
      </c>
      <c r="M26" s="330">
        <v>467164879</v>
      </c>
      <c r="N26" s="326">
        <v>2551656</v>
      </c>
      <c r="O26" s="327">
        <v>4818093</v>
      </c>
      <c r="P26" s="328">
        <v>7369749</v>
      </c>
      <c r="Q26" s="326">
        <v>0</v>
      </c>
      <c r="R26" s="327">
        <v>27458648</v>
      </c>
      <c r="S26" s="327">
        <v>40691241</v>
      </c>
      <c r="T26" s="327">
        <v>40659005</v>
      </c>
      <c r="U26" s="327">
        <v>31254117</v>
      </c>
      <c r="V26" s="327">
        <v>34818216</v>
      </c>
      <c r="W26" s="328">
        <v>174881227</v>
      </c>
      <c r="X26" s="330">
        <v>182250976</v>
      </c>
      <c r="Y26" s="326">
        <v>0</v>
      </c>
      <c r="Z26" s="327">
        <v>0</v>
      </c>
      <c r="AA26" s="328">
        <v>0</v>
      </c>
      <c r="AB26" s="326">
        <v>0</v>
      </c>
      <c r="AC26" s="327">
        <v>12525538</v>
      </c>
      <c r="AD26" s="327">
        <v>20490744</v>
      </c>
      <c r="AE26" s="327">
        <v>24797802</v>
      </c>
      <c r="AF26" s="327">
        <v>17623142</v>
      </c>
      <c r="AG26" s="327">
        <v>23181716</v>
      </c>
      <c r="AH26" s="328">
        <v>98618942</v>
      </c>
      <c r="AI26" s="330">
        <v>98618942</v>
      </c>
      <c r="AJ26" s="326">
        <v>0</v>
      </c>
      <c r="AK26" s="327">
        <v>0</v>
      </c>
      <c r="AL26" s="328">
        <v>0</v>
      </c>
      <c r="AM26" s="326">
        <v>0</v>
      </c>
      <c r="AN26" s="327">
        <v>0</v>
      </c>
      <c r="AO26" s="327">
        <v>184434</v>
      </c>
      <c r="AP26" s="327">
        <v>615765</v>
      </c>
      <c r="AQ26" s="327">
        <v>2063563</v>
      </c>
      <c r="AR26" s="327">
        <v>2709207</v>
      </c>
      <c r="AS26" s="328">
        <v>5572969</v>
      </c>
      <c r="AT26" s="330">
        <v>5572969</v>
      </c>
      <c r="AU26" s="326">
        <v>1389909</v>
      </c>
      <c r="AV26" s="327">
        <v>3204674</v>
      </c>
      <c r="AW26" s="328">
        <v>4594583</v>
      </c>
      <c r="AX26" s="326">
        <v>0</v>
      </c>
      <c r="AY26" s="327">
        <v>10294559</v>
      </c>
      <c r="AZ26" s="327">
        <v>12690105</v>
      </c>
      <c r="BA26" s="327">
        <v>9055069</v>
      </c>
      <c r="BB26" s="327">
        <v>7348208</v>
      </c>
      <c r="BC26" s="327">
        <v>5563535</v>
      </c>
      <c r="BD26" s="328">
        <v>44951476</v>
      </c>
      <c r="BE26" s="330">
        <v>49546059</v>
      </c>
      <c r="BF26" s="326">
        <v>511668</v>
      </c>
      <c r="BG26" s="327">
        <v>1109643</v>
      </c>
      <c r="BH26" s="331">
        <v>1621311</v>
      </c>
      <c r="BI26" s="332">
        <v>0</v>
      </c>
      <c r="BJ26" s="327">
        <v>780382</v>
      </c>
      <c r="BK26" s="327">
        <v>2020965</v>
      </c>
      <c r="BL26" s="327">
        <v>1225711</v>
      </c>
      <c r="BM26" s="327">
        <v>273526</v>
      </c>
      <c r="BN26" s="327">
        <v>263695</v>
      </c>
      <c r="BO26" s="328">
        <v>4564279</v>
      </c>
      <c r="BP26" s="330">
        <v>6185590</v>
      </c>
      <c r="BQ26" s="326">
        <v>650079</v>
      </c>
      <c r="BR26" s="327">
        <v>503776</v>
      </c>
      <c r="BS26" s="328">
        <v>1153855</v>
      </c>
      <c r="BT26" s="326">
        <v>0</v>
      </c>
      <c r="BU26" s="327">
        <v>3858169</v>
      </c>
      <c r="BV26" s="327">
        <v>5304993</v>
      </c>
      <c r="BW26" s="327">
        <v>4964658</v>
      </c>
      <c r="BX26" s="327">
        <v>3945678</v>
      </c>
      <c r="BY26" s="327">
        <v>3100063</v>
      </c>
      <c r="BZ26" s="328">
        <v>21173561</v>
      </c>
      <c r="CA26" s="330">
        <v>22327416</v>
      </c>
      <c r="CB26" s="326">
        <v>534813</v>
      </c>
      <c r="CC26" s="327">
        <v>1452690</v>
      </c>
      <c r="CD26" s="328">
        <v>1987503</v>
      </c>
      <c r="CE26" s="326">
        <v>0</v>
      </c>
      <c r="CF26" s="327">
        <v>24388128</v>
      </c>
      <c r="CG26" s="327">
        <v>32128705</v>
      </c>
      <c r="CH26" s="327">
        <v>26787031</v>
      </c>
      <c r="CI26" s="327">
        <v>11900488</v>
      </c>
      <c r="CJ26" s="327">
        <v>4165353</v>
      </c>
      <c r="CK26" s="328">
        <v>99369705</v>
      </c>
      <c r="CL26" s="330">
        <v>101357208</v>
      </c>
      <c r="CM26" s="326">
        <v>0</v>
      </c>
      <c r="CN26" s="327">
        <v>0</v>
      </c>
      <c r="CO26" s="328">
        <v>0</v>
      </c>
      <c r="CP26" s="332">
        <v>0</v>
      </c>
      <c r="CQ26" s="327">
        <v>21101032</v>
      </c>
      <c r="CR26" s="327">
        <v>28511440</v>
      </c>
      <c r="CS26" s="327">
        <v>23635732</v>
      </c>
      <c r="CT26" s="327">
        <v>10008792</v>
      </c>
      <c r="CU26" s="327">
        <v>3489893</v>
      </c>
      <c r="CV26" s="328">
        <v>86746889</v>
      </c>
      <c r="CW26" s="330">
        <v>86746889</v>
      </c>
      <c r="CX26" s="326">
        <v>534813</v>
      </c>
      <c r="CY26" s="327">
        <v>1452690</v>
      </c>
      <c r="CZ26" s="328">
        <v>1987503</v>
      </c>
      <c r="DA26" s="326">
        <v>0</v>
      </c>
      <c r="DB26" s="327">
        <v>3287096</v>
      </c>
      <c r="DC26" s="327">
        <v>3617265</v>
      </c>
      <c r="DD26" s="327">
        <v>3151299</v>
      </c>
      <c r="DE26" s="327">
        <v>1891696</v>
      </c>
      <c r="DF26" s="327">
        <v>675460</v>
      </c>
      <c r="DG26" s="328">
        <v>12622816</v>
      </c>
      <c r="DH26" s="330">
        <v>14610319</v>
      </c>
      <c r="DI26" s="326">
        <v>20822</v>
      </c>
      <c r="DJ26" s="327">
        <v>239432</v>
      </c>
      <c r="DK26" s="331">
        <v>260254</v>
      </c>
      <c r="DL26" s="332">
        <v>0</v>
      </c>
      <c r="DM26" s="327">
        <v>2115993</v>
      </c>
      <c r="DN26" s="327">
        <v>4177043</v>
      </c>
      <c r="DO26" s="327">
        <v>10043416</v>
      </c>
      <c r="DP26" s="327">
        <v>8315873</v>
      </c>
      <c r="DQ26" s="327">
        <v>4993436</v>
      </c>
      <c r="DR26" s="328">
        <v>29645761</v>
      </c>
      <c r="DS26" s="330">
        <v>29906015</v>
      </c>
      <c r="DT26" s="326">
        <v>20822</v>
      </c>
      <c r="DU26" s="327">
        <v>134971</v>
      </c>
      <c r="DV26" s="328">
        <v>155793</v>
      </c>
      <c r="DW26" s="326">
        <v>0</v>
      </c>
      <c r="DX26" s="327">
        <v>2091842</v>
      </c>
      <c r="DY26" s="327">
        <v>3893306</v>
      </c>
      <c r="DZ26" s="327">
        <v>9489519</v>
      </c>
      <c r="EA26" s="327">
        <v>7977292</v>
      </c>
      <c r="EB26" s="327">
        <v>4641587</v>
      </c>
      <c r="EC26" s="328">
        <v>28093546</v>
      </c>
      <c r="ED26" s="330">
        <v>28249339</v>
      </c>
      <c r="EE26" s="326">
        <v>0</v>
      </c>
      <c r="EF26" s="331">
        <v>104461</v>
      </c>
      <c r="EG26" s="328">
        <v>104461</v>
      </c>
      <c r="EH26" s="326">
        <v>0</v>
      </c>
      <c r="EI26" s="327">
        <v>24151</v>
      </c>
      <c r="EJ26" s="327">
        <v>283737</v>
      </c>
      <c r="EK26" s="327">
        <v>553897</v>
      </c>
      <c r="EL26" s="327">
        <v>338581</v>
      </c>
      <c r="EM26" s="327">
        <v>351849</v>
      </c>
      <c r="EN26" s="331">
        <v>1552215</v>
      </c>
      <c r="EO26" s="330">
        <v>1656676</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1801856</v>
      </c>
      <c r="FM26" s="327">
        <v>2729328</v>
      </c>
      <c r="FN26" s="328">
        <v>4531184</v>
      </c>
      <c r="FO26" s="326">
        <v>0</v>
      </c>
      <c r="FP26" s="327">
        <v>3784182</v>
      </c>
      <c r="FQ26" s="327">
        <v>9958632</v>
      </c>
      <c r="FR26" s="327">
        <v>7962757</v>
      </c>
      <c r="FS26" s="327">
        <v>5615180</v>
      </c>
      <c r="FT26" s="327">
        <v>4158617</v>
      </c>
      <c r="FU26" s="328">
        <v>31479368</v>
      </c>
      <c r="FV26" s="330">
        <v>36010552</v>
      </c>
      <c r="FW26" s="333">
        <v>1199542</v>
      </c>
      <c r="FX26" s="327">
        <v>2263650</v>
      </c>
      <c r="FY26" s="331">
        <v>3463192</v>
      </c>
      <c r="FZ26" s="332">
        <v>0</v>
      </c>
      <c r="GA26" s="327">
        <v>3490645</v>
      </c>
      <c r="GB26" s="327">
        <v>9301557</v>
      </c>
      <c r="GC26" s="327">
        <v>7379679</v>
      </c>
      <c r="GD26" s="327">
        <v>5458040</v>
      </c>
      <c r="GE26" s="327">
        <v>4044851</v>
      </c>
      <c r="GF26" s="328">
        <v>29674772</v>
      </c>
      <c r="GG26" s="334">
        <v>33137964</v>
      </c>
      <c r="GH26" s="333">
        <v>103374</v>
      </c>
      <c r="GI26" s="327">
        <v>150768</v>
      </c>
      <c r="GJ26" s="331">
        <v>254142</v>
      </c>
      <c r="GK26" s="332">
        <v>0</v>
      </c>
      <c r="GL26" s="327">
        <v>154837</v>
      </c>
      <c r="GM26" s="327">
        <v>131005</v>
      </c>
      <c r="GN26" s="327">
        <v>132308</v>
      </c>
      <c r="GO26" s="327">
        <v>90000</v>
      </c>
      <c r="GP26" s="327">
        <v>113766</v>
      </c>
      <c r="GQ26" s="328">
        <v>621916</v>
      </c>
      <c r="GR26" s="330">
        <v>876058</v>
      </c>
      <c r="GS26" s="326">
        <v>498940</v>
      </c>
      <c r="GT26" s="327">
        <v>314910</v>
      </c>
      <c r="GU26" s="328">
        <v>813850</v>
      </c>
      <c r="GV26" s="326">
        <v>0</v>
      </c>
      <c r="GW26" s="327">
        <v>138700</v>
      </c>
      <c r="GX26" s="327">
        <v>526070</v>
      </c>
      <c r="GY26" s="327">
        <v>450770</v>
      </c>
      <c r="GZ26" s="327">
        <v>67140</v>
      </c>
      <c r="HA26" s="327">
        <v>0</v>
      </c>
      <c r="HB26" s="331">
        <v>1182680</v>
      </c>
      <c r="HC26" s="330">
        <v>1996530</v>
      </c>
      <c r="HD26" s="326">
        <v>1218392</v>
      </c>
      <c r="HE26" s="327">
        <v>1270497</v>
      </c>
      <c r="HF26" s="331">
        <v>2488889</v>
      </c>
      <c r="HG26" s="332">
        <v>0</v>
      </c>
      <c r="HH26" s="327">
        <v>12986051</v>
      </c>
      <c r="HI26" s="327">
        <v>12040828</v>
      </c>
      <c r="HJ26" s="327">
        <v>12802856</v>
      </c>
      <c r="HK26" s="327">
        <v>15903300</v>
      </c>
      <c r="HL26" s="327">
        <v>10064171</v>
      </c>
      <c r="HM26" s="328">
        <v>63797206</v>
      </c>
      <c r="HN26" s="329">
        <v>66286095</v>
      </c>
      <c r="HO26" s="333">
        <v>1439455</v>
      </c>
      <c r="HP26" s="327">
        <v>2097128</v>
      </c>
      <c r="HQ26" s="328">
        <v>3536583</v>
      </c>
      <c r="HR26" s="326">
        <v>0</v>
      </c>
      <c r="HS26" s="327">
        <v>14812879</v>
      </c>
      <c r="HT26" s="327">
        <v>14431565</v>
      </c>
      <c r="HU26" s="327">
        <v>9826911</v>
      </c>
      <c r="HV26" s="327">
        <v>5437618</v>
      </c>
      <c r="HW26" s="327">
        <v>3308477</v>
      </c>
      <c r="HX26" s="331">
        <v>47817450</v>
      </c>
      <c r="HY26" s="330">
        <v>51354033</v>
      </c>
      <c r="HZ26" s="358">
        <v>0</v>
      </c>
      <c r="IA26" s="356">
        <v>0</v>
      </c>
      <c r="IB26" s="358">
        <v>0</v>
      </c>
      <c r="IC26" s="355">
        <v>0</v>
      </c>
      <c r="ID26" s="356">
        <v>15290500</v>
      </c>
      <c r="IE26" s="357">
        <v>22604110</v>
      </c>
      <c r="IF26" s="358">
        <v>22114354</v>
      </c>
      <c r="IG26" s="356">
        <v>11424999</v>
      </c>
      <c r="IH26" s="358">
        <v>7368924</v>
      </c>
      <c r="II26" s="359">
        <v>78802887</v>
      </c>
      <c r="IJ26" s="358">
        <v>78802887</v>
      </c>
      <c r="IK26" s="342">
        <v>0</v>
      </c>
      <c r="IL26" s="343">
        <v>0</v>
      </c>
      <c r="IM26" s="344">
        <v>0</v>
      </c>
      <c r="IN26" s="404">
        <v>0</v>
      </c>
      <c r="IO26" s="345">
        <v>100781</v>
      </c>
      <c r="IP26" s="345">
        <v>291567</v>
      </c>
      <c r="IQ26" s="345">
        <v>161581</v>
      </c>
      <c r="IR26" s="345">
        <v>0</v>
      </c>
      <c r="IS26" s="345">
        <v>285780</v>
      </c>
      <c r="IT26" s="346">
        <v>839709</v>
      </c>
      <c r="IU26" s="347">
        <v>839709</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0081609</v>
      </c>
      <c r="JL26" s="345">
        <v>9760301</v>
      </c>
      <c r="JM26" s="345">
        <v>7443306</v>
      </c>
      <c r="JN26" s="345">
        <v>3345297</v>
      </c>
      <c r="JO26" s="345">
        <v>2029075</v>
      </c>
      <c r="JP26" s="349">
        <v>32659588</v>
      </c>
      <c r="JQ26" s="347">
        <v>32659588</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981236</v>
      </c>
      <c r="KH26" s="345">
        <v>1462771</v>
      </c>
      <c r="KI26" s="345">
        <v>4028521</v>
      </c>
      <c r="KJ26" s="345">
        <v>1737113</v>
      </c>
      <c r="KK26" s="345">
        <v>952908</v>
      </c>
      <c r="KL26" s="349">
        <v>9162549</v>
      </c>
      <c r="KM26" s="354">
        <v>9162549</v>
      </c>
      <c r="KN26" s="342">
        <v>0</v>
      </c>
      <c r="KO26" s="343">
        <v>0</v>
      </c>
      <c r="KP26" s="344">
        <v>0</v>
      </c>
      <c r="KQ26" s="413">
        <v>0</v>
      </c>
      <c r="KR26" s="345">
        <v>3841514</v>
      </c>
      <c r="KS26" s="345">
        <v>10697405</v>
      </c>
      <c r="KT26" s="345">
        <v>9941622</v>
      </c>
      <c r="KU26" s="345">
        <v>5415642</v>
      </c>
      <c r="KV26" s="345">
        <v>2714791</v>
      </c>
      <c r="KW26" s="349">
        <v>32610974</v>
      </c>
      <c r="KX26" s="347">
        <v>32610974</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285360</v>
      </c>
      <c r="LZ26" s="345">
        <v>392066</v>
      </c>
      <c r="MA26" s="345">
        <v>539324</v>
      </c>
      <c r="MB26" s="345">
        <v>926947</v>
      </c>
      <c r="MC26" s="345">
        <v>1386370</v>
      </c>
      <c r="MD26" s="349">
        <v>3530067</v>
      </c>
      <c r="ME26" s="350">
        <v>3530067</v>
      </c>
      <c r="MF26" s="348">
        <v>0</v>
      </c>
      <c r="MG26" s="345">
        <v>0</v>
      </c>
      <c r="MH26" s="349">
        <v>0</v>
      </c>
      <c r="MI26" s="413">
        <v>0</v>
      </c>
      <c r="MJ26" s="345">
        <v>5651283</v>
      </c>
      <c r="MK26" s="345">
        <v>12680847</v>
      </c>
      <c r="ML26" s="345">
        <v>58335743</v>
      </c>
      <c r="MM26" s="345">
        <v>77781399</v>
      </c>
      <c r="MN26" s="345">
        <v>57558028</v>
      </c>
      <c r="MO26" s="349">
        <v>212007300</v>
      </c>
      <c r="MP26" s="354">
        <v>212007300</v>
      </c>
      <c r="MQ26" s="348">
        <v>0</v>
      </c>
      <c r="MR26" s="345">
        <v>0</v>
      </c>
      <c r="MS26" s="349">
        <v>0</v>
      </c>
      <c r="MT26" s="413">
        <v>0</v>
      </c>
      <c r="MU26" s="345">
        <v>1401967</v>
      </c>
      <c r="MV26" s="345">
        <v>3355002</v>
      </c>
      <c r="MW26" s="345">
        <v>47328665</v>
      </c>
      <c r="MX26" s="345">
        <v>57985185</v>
      </c>
      <c r="MY26" s="345">
        <v>43035502</v>
      </c>
      <c r="MZ26" s="349">
        <v>153106321</v>
      </c>
      <c r="NA26" s="354">
        <v>153106321</v>
      </c>
      <c r="NB26" s="348">
        <v>0</v>
      </c>
      <c r="NC26" s="345">
        <v>0</v>
      </c>
      <c r="ND26" s="349">
        <v>0</v>
      </c>
      <c r="NE26" s="413">
        <v>0</v>
      </c>
      <c r="NF26" s="345">
        <v>4249316</v>
      </c>
      <c r="NG26" s="345">
        <v>8983494</v>
      </c>
      <c r="NH26" s="345">
        <v>10626846</v>
      </c>
      <c r="NI26" s="345">
        <v>15212533</v>
      </c>
      <c r="NJ26" s="345">
        <v>7080786</v>
      </c>
      <c r="NK26" s="349">
        <v>46152975</v>
      </c>
      <c r="NL26" s="347">
        <v>46152975</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342351</v>
      </c>
      <c r="OD26" s="345">
        <v>380232</v>
      </c>
      <c r="OE26" s="345">
        <v>4583681</v>
      </c>
      <c r="OF26" s="345">
        <v>7441740</v>
      </c>
      <c r="OG26" s="349">
        <v>12748004</v>
      </c>
      <c r="OH26" s="350">
        <v>12748004</v>
      </c>
      <c r="OI26" s="348">
        <v>7566994</v>
      </c>
      <c r="OJ26" s="345">
        <v>12607168</v>
      </c>
      <c r="OK26" s="346">
        <v>20174162</v>
      </c>
      <c r="OL26" s="351">
        <v>0</v>
      </c>
      <c r="OM26" s="345">
        <v>106487664</v>
      </c>
      <c r="ON26" s="345">
        <v>148712971</v>
      </c>
      <c r="OO26" s="345">
        <v>188532073</v>
      </c>
      <c r="OP26" s="345">
        <v>167632974</v>
      </c>
      <c r="OQ26" s="345">
        <v>126435222</v>
      </c>
      <c r="OR26" s="349">
        <v>737800904</v>
      </c>
      <c r="OS26" s="354">
        <v>757975066</v>
      </c>
    </row>
    <row r="27" spans="2:409" s="70" customFormat="1" ht="21" customHeight="1" x14ac:dyDescent="0.2">
      <c r="B27" s="410" t="s">
        <v>22</v>
      </c>
      <c r="C27" s="326">
        <v>1558407</v>
      </c>
      <c r="D27" s="327">
        <v>3563904</v>
      </c>
      <c r="E27" s="328">
        <v>5122311</v>
      </c>
      <c r="F27" s="329">
        <v>0</v>
      </c>
      <c r="G27" s="327">
        <v>27224625</v>
      </c>
      <c r="H27" s="327">
        <v>35862114</v>
      </c>
      <c r="I27" s="327">
        <v>26494386</v>
      </c>
      <c r="J27" s="327">
        <v>29063981</v>
      </c>
      <c r="K27" s="327">
        <v>19540950</v>
      </c>
      <c r="L27" s="367">
        <v>138186056</v>
      </c>
      <c r="M27" s="330">
        <v>143308367</v>
      </c>
      <c r="N27" s="326">
        <v>294553</v>
      </c>
      <c r="O27" s="327">
        <v>561423</v>
      </c>
      <c r="P27" s="328">
        <v>855976</v>
      </c>
      <c r="Q27" s="326">
        <v>0</v>
      </c>
      <c r="R27" s="327">
        <v>5762908</v>
      </c>
      <c r="S27" s="327">
        <v>9414267</v>
      </c>
      <c r="T27" s="327">
        <v>4756382</v>
      </c>
      <c r="U27" s="327">
        <v>10424116</v>
      </c>
      <c r="V27" s="327">
        <v>10267111</v>
      </c>
      <c r="W27" s="328">
        <v>40624784</v>
      </c>
      <c r="X27" s="330">
        <v>41480760</v>
      </c>
      <c r="Y27" s="326">
        <v>0</v>
      </c>
      <c r="Z27" s="327">
        <v>0</v>
      </c>
      <c r="AA27" s="328">
        <v>0</v>
      </c>
      <c r="AB27" s="326">
        <v>0</v>
      </c>
      <c r="AC27" s="327">
        <v>2050665</v>
      </c>
      <c r="AD27" s="327">
        <v>4512758</v>
      </c>
      <c r="AE27" s="327">
        <v>2424163</v>
      </c>
      <c r="AF27" s="327">
        <v>5838453</v>
      </c>
      <c r="AG27" s="327">
        <v>6237415</v>
      </c>
      <c r="AH27" s="328">
        <v>21063454</v>
      </c>
      <c r="AI27" s="330">
        <v>21063454</v>
      </c>
      <c r="AJ27" s="326">
        <v>0</v>
      </c>
      <c r="AK27" s="327">
        <v>0</v>
      </c>
      <c r="AL27" s="328">
        <v>0</v>
      </c>
      <c r="AM27" s="326">
        <v>0</v>
      </c>
      <c r="AN27" s="327">
        <v>138717</v>
      </c>
      <c r="AO27" s="327">
        <v>126117</v>
      </c>
      <c r="AP27" s="327">
        <v>63054</v>
      </c>
      <c r="AQ27" s="327">
        <v>900467</v>
      </c>
      <c r="AR27" s="327">
        <v>1547304</v>
      </c>
      <c r="AS27" s="328">
        <v>2775659</v>
      </c>
      <c r="AT27" s="330">
        <v>2775659</v>
      </c>
      <c r="AU27" s="326">
        <v>159601</v>
      </c>
      <c r="AV27" s="327">
        <v>436905</v>
      </c>
      <c r="AW27" s="328">
        <v>596506</v>
      </c>
      <c r="AX27" s="326">
        <v>0</v>
      </c>
      <c r="AY27" s="327">
        <v>2149663</v>
      </c>
      <c r="AZ27" s="327">
        <v>3237652</v>
      </c>
      <c r="BA27" s="327">
        <v>1219678</v>
      </c>
      <c r="BB27" s="327">
        <v>2402443</v>
      </c>
      <c r="BC27" s="327">
        <v>1786576</v>
      </c>
      <c r="BD27" s="328">
        <v>10796012</v>
      </c>
      <c r="BE27" s="330">
        <v>11392518</v>
      </c>
      <c r="BF27" s="326">
        <v>31534</v>
      </c>
      <c r="BG27" s="327">
        <v>0</v>
      </c>
      <c r="BH27" s="331">
        <v>31534</v>
      </c>
      <c r="BI27" s="332">
        <v>0</v>
      </c>
      <c r="BJ27" s="327">
        <v>479670</v>
      </c>
      <c r="BK27" s="327">
        <v>437422</v>
      </c>
      <c r="BL27" s="327">
        <v>78991</v>
      </c>
      <c r="BM27" s="327">
        <v>224246</v>
      </c>
      <c r="BN27" s="327">
        <v>101485</v>
      </c>
      <c r="BO27" s="328">
        <v>1321814</v>
      </c>
      <c r="BP27" s="330">
        <v>1353348</v>
      </c>
      <c r="BQ27" s="326">
        <v>103418</v>
      </c>
      <c r="BR27" s="327">
        <v>124518</v>
      </c>
      <c r="BS27" s="328">
        <v>227936</v>
      </c>
      <c r="BT27" s="326">
        <v>0</v>
      </c>
      <c r="BU27" s="327">
        <v>944193</v>
      </c>
      <c r="BV27" s="327">
        <v>1100318</v>
      </c>
      <c r="BW27" s="327">
        <v>970496</v>
      </c>
      <c r="BX27" s="327">
        <v>1058507</v>
      </c>
      <c r="BY27" s="327">
        <v>594331</v>
      </c>
      <c r="BZ27" s="328">
        <v>4667845</v>
      </c>
      <c r="CA27" s="330">
        <v>4895781</v>
      </c>
      <c r="CB27" s="326">
        <v>194938</v>
      </c>
      <c r="CC27" s="327">
        <v>295718</v>
      </c>
      <c r="CD27" s="328">
        <v>490656</v>
      </c>
      <c r="CE27" s="326">
        <v>0</v>
      </c>
      <c r="CF27" s="327">
        <v>7650816</v>
      </c>
      <c r="CG27" s="327">
        <v>11167480</v>
      </c>
      <c r="CH27" s="327">
        <v>8077142</v>
      </c>
      <c r="CI27" s="327">
        <v>5326770</v>
      </c>
      <c r="CJ27" s="327">
        <v>2489178</v>
      </c>
      <c r="CK27" s="328">
        <v>34711386</v>
      </c>
      <c r="CL27" s="330">
        <v>35202042</v>
      </c>
      <c r="CM27" s="326">
        <v>0</v>
      </c>
      <c r="CN27" s="327">
        <v>0</v>
      </c>
      <c r="CO27" s="328">
        <v>0</v>
      </c>
      <c r="CP27" s="332">
        <v>0</v>
      </c>
      <c r="CQ27" s="327">
        <v>6157747</v>
      </c>
      <c r="CR27" s="327">
        <v>8875444</v>
      </c>
      <c r="CS27" s="327">
        <v>7455724</v>
      </c>
      <c r="CT27" s="327">
        <v>3865917</v>
      </c>
      <c r="CU27" s="327">
        <v>1934939</v>
      </c>
      <c r="CV27" s="328">
        <v>28289771</v>
      </c>
      <c r="CW27" s="330">
        <v>28289771</v>
      </c>
      <c r="CX27" s="326">
        <v>194938</v>
      </c>
      <c r="CY27" s="327">
        <v>295718</v>
      </c>
      <c r="CZ27" s="328">
        <v>490656</v>
      </c>
      <c r="DA27" s="326">
        <v>0</v>
      </c>
      <c r="DB27" s="327">
        <v>1493069</v>
      </c>
      <c r="DC27" s="327">
        <v>2292036</v>
      </c>
      <c r="DD27" s="327">
        <v>621418</v>
      </c>
      <c r="DE27" s="327">
        <v>1460853</v>
      </c>
      <c r="DF27" s="327">
        <v>554239</v>
      </c>
      <c r="DG27" s="328">
        <v>6421615</v>
      </c>
      <c r="DH27" s="330">
        <v>6912271</v>
      </c>
      <c r="DI27" s="326">
        <v>0</v>
      </c>
      <c r="DJ27" s="327">
        <v>0</v>
      </c>
      <c r="DK27" s="331">
        <v>0</v>
      </c>
      <c r="DL27" s="332">
        <v>0</v>
      </c>
      <c r="DM27" s="327">
        <v>685168</v>
      </c>
      <c r="DN27" s="327">
        <v>1046652</v>
      </c>
      <c r="DO27" s="327">
        <v>2988245</v>
      </c>
      <c r="DP27" s="327">
        <v>2715683</v>
      </c>
      <c r="DQ27" s="327">
        <v>697261</v>
      </c>
      <c r="DR27" s="328">
        <v>8133009</v>
      </c>
      <c r="DS27" s="330">
        <v>8133009</v>
      </c>
      <c r="DT27" s="326">
        <v>0</v>
      </c>
      <c r="DU27" s="327">
        <v>0</v>
      </c>
      <c r="DV27" s="328">
        <v>0</v>
      </c>
      <c r="DW27" s="326">
        <v>0</v>
      </c>
      <c r="DX27" s="327">
        <v>603440</v>
      </c>
      <c r="DY27" s="327">
        <v>1046652</v>
      </c>
      <c r="DZ27" s="327">
        <v>2666435</v>
      </c>
      <c r="EA27" s="327">
        <v>2108973</v>
      </c>
      <c r="EB27" s="327">
        <v>602736</v>
      </c>
      <c r="EC27" s="328">
        <v>7028236</v>
      </c>
      <c r="ED27" s="330">
        <v>7028236</v>
      </c>
      <c r="EE27" s="326">
        <v>0</v>
      </c>
      <c r="EF27" s="331">
        <v>0</v>
      </c>
      <c r="EG27" s="328">
        <v>0</v>
      </c>
      <c r="EH27" s="326">
        <v>0</v>
      </c>
      <c r="EI27" s="327">
        <v>81728</v>
      </c>
      <c r="EJ27" s="327">
        <v>0</v>
      </c>
      <c r="EK27" s="327">
        <v>321810</v>
      </c>
      <c r="EL27" s="327">
        <v>606710</v>
      </c>
      <c r="EM27" s="327">
        <v>94525</v>
      </c>
      <c r="EN27" s="331">
        <v>1104773</v>
      </c>
      <c r="EO27" s="330">
        <v>1104773</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431447</v>
      </c>
      <c r="FM27" s="327">
        <v>1164953</v>
      </c>
      <c r="FN27" s="328">
        <v>1596400</v>
      </c>
      <c r="FO27" s="326">
        <v>0</v>
      </c>
      <c r="FP27" s="327">
        <v>2090417</v>
      </c>
      <c r="FQ27" s="327">
        <v>3708178</v>
      </c>
      <c r="FR27" s="327">
        <v>2528702</v>
      </c>
      <c r="FS27" s="327">
        <v>2566321</v>
      </c>
      <c r="FT27" s="327">
        <v>1416066</v>
      </c>
      <c r="FU27" s="328">
        <v>12309684</v>
      </c>
      <c r="FV27" s="330">
        <v>13906084</v>
      </c>
      <c r="FW27" s="333">
        <v>296177</v>
      </c>
      <c r="FX27" s="327">
        <v>1041544</v>
      </c>
      <c r="FY27" s="331">
        <v>1337721</v>
      </c>
      <c r="FZ27" s="332">
        <v>0</v>
      </c>
      <c r="GA27" s="327">
        <v>1786919</v>
      </c>
      <c r="GB27" s="327">
        <v>3279874</v>
      </c>
      <c r="GC27" s="327">
        <v>2010794</v>
      </c>
      <c r="GD27" s="327">
        <v>2377389</v>
      </c>
      <c r="GE27" s="327">
        <v>1337262</v>
      </c>
      <c r="GF27" s="328">
        <v>10792238</v>
      </c>
      <c r="GG27" s="334">
        <v>12129959</v>
      </c>
      <c r="GH27" s="333">
        <v>23400</v>
      </c>
      <c r="GI27" s="327">
        <v>20592</v>
      </c>
      <c r="GJ27" s="331">
        <v>43992</v>
      </c>
      <c r="GK27" s="332">
        <v>0</v>
      </c>
      <c r="GL27" s="327">
        <v>139828</v>
      </c>
      <c r="GM27" s="327">
        <v>235788</v>
      </c>
      <c r="GN27" s="327">
        <v>78408</v>
      </c>
      <c r="GO27" s="327">
        <v>51282</v>
      </c>
      <c r="GP27" s="327">
        <v>29304</v>
      </c>
      <c r="GQ27" s="328">
        <v>534610</v>
      </c>
      <c r="GR27" s="330">
        <v>578602</v>
      </c>
      <c r="GS27" s="326">
        <v>111870</v>
      </c>
      <c r="GT27" s="327">
        <v>102817</v>
      </c>
      <c r="GU27" s="328">
        <v>214687</v>
      </c>
      <c r="GV27" s="326">
        <v>0</v>
      </c>
      <c r="GW27" s="327">
        <v>163670</v>
      </c>
      <c r="GX27" s="327">
        <v>192516</v>
      </c>
      <c r="GY27" s="327">
        <v>439500</v>
      </c>
      <c r="GZ27" s="327">
        <v>137650</v>
      </c>
      <c r="HA27" s="327">
        <v>49500</v>
      </c>
      <c r="HB27" s="331">
        <v>982836</v>
      </c>
      <c r="HC27" s="330">
        <v>1197523</v>
      </c>
      <c r="HD27" s="326">
        <v>337907</v>
      </c>
      <c r="HE27" s="327">
        <v>804716</v>
      </c>
      <c r="HF27" s="331">
        <v>1142623</v>
      </c>
      <c r="HG27" s="332">
        <v>0</v>
      </c>
      <c r="HH27" s="327">
        <v>5760499</v>
      </c>
      <c r="HI27" s="327">
        <v>5413204</v>
      </c>
      <c r="HJ27" s="327">
        <v>4987272</v>
      </c>
      <c r="HK27" s="327">
        <v>5614740</v>
      </c>
      <c r="HL27" s="327">
        <v>3520904</v>
      </c>
      <c r="HM27" s="328">
        <v>25296619</v>
      </c>
      <c r="HN27" s="329">
        <v>26439242</v>
      </c>
      <c r="HO27" s="333">
        <v>299562</v>
      </c>
      <c r="HP27" s="327">
        <v>737094</v>
      </c>
      <c r="HQ27" s="328">
        <v>1036656</v>
      </c>
      <c r="HR27" s="326">
        <v>0</v>
      </c>
      <c r="HS27" s="327">
        <v>5274817</v>
      </c>
      <c r="HT27" s="327">
        <v>5112333</v>
      </c>
      <c r="HU27" s="327">
        <v>3156643</v>
      </c>
      <c r="HV27" s="327">
        <v>2416351</v>
      </c>
      <c r="HW27" s="327">
        <v>1150430</v>
      </c>
      <c r="HX27" s="331">
        <v>17110574</v>
      </c>
      <c r="HY27" s="330">
        <v>18147230</v>
      </c>
      <c r="HZ27" s="335">
        <v>127434</v>
      </c>
      <c r="IA27" s="336">
        <v>351421</v>
      </c>
      <c r="IB27" s="337">
        <v>478855</v>
      </c>
      <c r="IC27" s="338">
        <v>0</v>
      </c>
      <c r="ID27" s="336">
        <v>11041160</v>
      </c>
      <c r="IE27" s="339">
        <v>16148540</v>
      </c>
      <c r="IF27" s="337">
        <v>15986159</v>
      </c>
      <c r="IG27" s="336">
        <v>13143649</v>
      </c>
      <c r="IH27" s="337">
        <v>6987408</v>
      </c>
      <c r="II27" s="340">
        <v>63306916</v>
      </c>
      <c r="IJ27" s="341">
        <v>63785771</v>
      </c>
      <c r="IK27" s="342">
        <v>0</v>
      </c>
      <c r="IL27" s="343">
        <v>0</v>
      </c>
      <c r="IM27" s="344">
        <v>0</v>
      </c>
      <c r="IN27" s="404">
        <v>0</v>
      </c>
      <c r="IO27" s="345">
        <v>0</v>
      </c>
      <c r="IP27" s="345">
        <v>637636</v>
      </c>
      <c r="IQ27" s="345">
        <v>928365</v>
      </c>
      <c r="IR27" s="345">
        <v>800902</v>
      </c>
      <c r="IS27" s="345">
        <v>0</v>
      </c>
      <c r="IT27" s="346">
        <v>2366903</v>
      </c>
      <c r="IU27" s="347">
        <v>2366903</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368643</v>
      </c>
      <c r="JL27" s="345">
        <v>7726321</v>
      </c>
      <c r="JM27" s="345">
        <v>5135469</v>
      </c>
      <c r="JN27" s="345">
        <v>4855176</v>
      </c>
      <c r="JO27" s="345">
        <v>873884</v>
      </c>
      <c r="JP27" s="349">
        <v>24959493</v>
      </c>
      <c r="JQ27" s="347">
        <v>24959493</v>
      </c>
      <c r="JR27" s="348">
        <v>0</v>
      </c>
      <c r="JS27" s="345">
        <v>0</v>
      </c>
      <c r="JT27" s="346">
        <v>0</v>
      </c>
      <c r="JU27" s="351">
        <v>0</v>
      </c>
      <c r="JV27" s="345">
        <v>148735</v>
      </c>
      <c r="JW27" s="345">
        <v>71832</v>
      </c>
      <c r="JX27" s="345">
        <v>1235452</v>
      </c>
      <c r="JY27" s="345">
        <v>636452</v>
      </c>
      <c r="JZ27" s="345">
        <v>204806</v>
      </c>
      <c r="KA27" s="349">
        <v>2297277</v>
      </c>
      <c r="KB27" s="347">
        <v>2297277</v>
      </c>
      <c r="KC27" s="352">
        <v>127434</v>
      </c>
      <c r="KD27" s="353">
        <v>351421</v>
      </c>
      <c r="KE27" s="349">
        <v>478855</v>
      </c>
      <c r="KF27" s="351">
        <v>0</v>
      </c>
      <c r="KG27" s="345">
        <v>2465505</v>
      </c>
      <c r="KH27" s="345">
        <v>4408869</v>
      </c>
      <c r="KI27" s="345">
        <v>2783156</v>
      </c>
      <c r="KJ27" s="345">
        <v>1706747</v>
      </c>
      <c r="KK27" s="345">
        <v>1426969</v>
      </c>
      <c r="KL27" s="349">
        <v>12791246</v>
      </c>
      <c r="KM27" s="354">
        <v>13270101</v>
      </c>
      <c r="KN27" s="342">
        <v>0</v>
      </c>
      <c r="KO27" s="343">
        <v>0</v>
      </c>
      <c r="KP27" s="344">
        <v>0</v>
      </c>
      <c r="KQ27" s="413">
        <v>0</v>
      </c>
      <c r="KR27" s="345">
        <v>2058277</v>
      </c>
      <c r="KS27" s="345">
        <v>3055930</v>
      </c>
      <c r="KT27" s="345">
        <v>4188322</v>
      </c>
      <c r="KU27" s="345">
        <v>1661260</v>
      </c>
      <c r="KV27" s="345">
        <v>1251104</v>
      </c>
      <c r="KW27" s="349">
        <v>12214893</v>
      </c>
      <c r="KX27" s="347">
        <v>12214893</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247952</v>
      </c>
      <c r="LP27" s="345">
        <v>1715395</v>
      </c>
      <c r="LQ27" s="345">
        <v>3483112</v>
      </c>
      <c r="LR27" s="345">
        <v>3230645</v>
      </c>
      <c r="LS27" s="349">
        <v>8677104</v>
      </c>
      <c r="LT27" s="347">
        <v>8677104</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3034300</v>
      </c>
      <c r="MK27" s="345">
        <v>7387080</v>
      </c>
      <c r="ML27" s="345">
        <v>24174434</v>
      </c>
      <c r="MM27" s="345">
        <v>39964772</v>
      </c>
      <c r="MN27" s="345">
        <v>19640628</v>
      </c>
      <c r="MO27" s="349">
        <v>94201214</v>
      </c>
      <c r="MP27" s="354">
        <v>94201214</v>
      </c>
      <c r="MQ27" s="348">
        <v>0</v>
      </c>
      <c r="MR27" s="345">
        <v>0</v>
      </c>
      <c r="MS27" s="349">
        <v>0</v>
      </c>
      <c r="MT27" s="413">
        <v>0</v>
      </c>
      <c r="MU27" s="345">
        <v>612116</v>
      </c>
      <c r="MV27" s="345">
        <v>1334153</v>
      </c>
      <c r="MW27" s="345">
        <v>14196727</v>
      </c>
      <c r="MX27" s="345">
        <v>20911461</v>
      </c>
      <c r="MY27" s="345">
        <v>12268527</v>
      </c>
      <c r="MZ27" s="349">
        <v>49322984</v>
      </c>
      <c r="NA27" s="354">
        <v>49322984</v>
      </c>
      <c r="NB27" s="348">
        <v>0</v>
      </c>
      <c r="NC27" s="345">
        <v>0</v>
      </c>
      <c r="ND27" s="349">
        <v>0</v>
      </c>
      <c r="NE27" s="413">
        <v>0</v>
      </c>
      <c r="NF27" s="345">
        <v>2422184</v>
      </c>
      <c r="NG27" s="345">
        <v>6052927</v>
      </c>
      <c r="NH27" s="345">
        <v>9558046</v>
      </c>
      <c r="NI27" s="345">
        <v>16775117</v>
      </c>
      <c r="NJ27" s="345">
        <v>6047324</v>
      </c>
      <c r="NK27" s="349">
        <v>40855598</v>
      </c>
      <c r="NL27" s="347">
        <v>40855598</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419661</v>
      </c>
      <c r="OE27" s="345">
        <v>2278194</v>
      </c>
      <c r="OF27" s="345">
        <v>1324777</v>
      </c>
      <c r="OG27" s="349">
        <v>4022632</v>
      </c>
      <c r="OH27" s="350">
        <v>4022632</v>
      </c>
      <c r="OI27" s="348">
        <v>1685841</v>
      </c>
      <c r="OJ27" s="345">
        <v>3915325</v>
      </c>
      <c r="OK27" s="346">
        <v>5601166</v>
      </c>
      <c r="OL27" s="351">
        <v>0</v>
      </c>
      <c r="OM27" s="345">
        <v>41300085</v>
      </c>
      <c r="ON27" s="345">
        <v>59397734</v>
      </c>
      <c r="OO27" s="345">
        <v>66654979</v>
      </c>
      <c r="OP27" s="345">
        <v>82172402</v>
      </c>
      <c r="OQ27" s="345">
        <v>46168986</v>
      </c>
      <c r="OR27" s="349">
        <v>295694186</v>
      </c>
      <c r="OS27" s="354">
        <v>301295352</v>
      </c>
    </row>
    <row r="28" spans="2:409" s="70" customFormat="1" ht="21" customHeight="1" x14ac:dyDescent="0.2">
      <c r="B28" s="410" t="s">
        <v>23</v>
      </c>
      <c r="C28" s="326">
        <v>3600876</v>
      </c>
      <c r="D28" s="327">
        <v>7789748</v>
      </c>
      <c r="E28" s="328">
        <v>11390624</v>
      </c>
      <c r="F28" s="329">
        <v>0</v>
      </c>
      <c r="G28" s="327">
        <v>54373657</v>
      </c>
      <c r="H28" s="327">
        <v>66481316</v>
      </c>
      <c r="I28" s="327">
        <v>50860282</v>
      </c>
      <c r="J28" s="327">
        <v>53321655</v>
      </c>
      <c r="K28" s="327">
        <v>36828068</v>
      </c>
      <c r="L28" s="367">
        <v>261864978</v>
      </c>
      <c r="M28" s="330">
        <v>273255602</v>
      </c>
      <c r="N28" s="326">
        <v>1286268</v>
      </c>
      <c r="O28" s="327">
        <v>3127829</v>
      </c>
      <c r="P28" s="328">
        <v>4414097</v>
      </c>
      <c r="Q28" s="326">
        <v>0</v>
      </c>
      <c r="R28" s="327">
        <v>12987385</v>
      </c>
      <c r="S28" s="327">
        <v>19403312</v>
      </c>
      <c r="T28" s="327">
        <v>13693947</v>
      </c>
      <c r="U28" s="327">
        <v>19731593</v>
      </c>
      <c r="V28" s="327">
        <v>15312231</v>
      </c>
      <c r="W28" s="328">
        <v>81128468</v>
      </c>
      <c r="X28" s="330">
        <v>85542565</v>
      </c>
      <c r="Y28" s="326">
        <v>0</v>
      </c>
      <c r="Z28" s="327">
        <v>0</v>
      </c>
      <c r="AA28" s="328">
        <v>0</v>
      </c>
      <c r="AB28" s="326">
        <v>0</v>
      </c>
      <c r="AC28" s="327">
        <v>5715724</v>
      </c>
      <c r="AD28" s="327">
        <v>7826009</v>
      </c>
      <c r="AE28" s="327">
        <v>6654329</v>
      </c>
      <c r="AF28" s="327">
        <v>10900246</v>
      </c>
      <c r="AG28" s="327">
        <v>9438014</v>
      </c>
      <c r="AH28" s="328">
        <v>40534322</v>
      </c>
      <c r="AI28" s="330">
        <v>40534322</v>
      </c>
      <c r="AJ28" s="326">
        <v>0</v>
      </c>
      <c r="AK28" s="327">
        <v>0</v>
      </c>
      <c r="AL28" s="328">
        <v>0</v>
      </c>
      <c r="AM28" s="326">
        <v>0</v>
      </c>
      <c r="AN28" s="327">
        <v>0</v>
      </c>
      <c r="AO28" s="327">
        <v>476684</v>
      </c>
      <c r="AP28" s="327">
        <v>174054</v>
      </c>
      <c r="AQ28" s="327">
        <v>1536662</v>
      </c>
      <c r="AR28" s="327">
        <v>1752436</v>
      </c>
      <c r="AS28" s="328">
        <v>3939836</v>
      </c>
      <c r="AT28" s="330">
        <v>3939836</v>
      </c>
      <c r="AU28" s="326">
        <v>852542</v>
      </c>
      <c r="AV28" s="327">
        <v>2215346</v>
      </c>
      <c r="AW28" s="328">
        <v>3067888</v>
      </c>
      <c r="AX28" s="326">
        <v>0</v>
      </c>
      <c r="AY28" s="327">
        <v>4288768</v>
      </c>
      <c r="AZ28" s="327">
        <v>7826431</v>
      </c>
      <c r="BA28" s="327">
        <v>4108837</v>
      </c>
      <c r="BB28" s="327">
        <v>4096486</v>
      </c>
      <c r="BC28" s="327">
        <v>2307527</v>
      </c>
      <c r="BD28" s="328">
        <v>22628049</v>
      </c>
      <c r="BE28" s="330">
        <v>25695937</v>
      </c>
      <c r="BF28" s="326">
        <v>173200</v>
      </c>
      <c r="BG28" s="327">
        <v>723809</v>
      </c>
      <c r="BH28" s="331">
        <v>897009</v>
      </c>
      <c r="BI28" s="332">
        <v>0</v>
      </c>
      <c r="BJ28" s="327">
        <v>324544</v>
      </c>
      <c r="BK28" s="327">
        <v>632536</v>
      </c>
      <c r="BL28" s="327">
        <v>496726</v>
      </c>
      <c r="BM28" s="327">
        <v>395329</v>
      </c>
      <c r="BN28" s="327">
        <v>111040</v>
      </c>
      <c r="BO28" s="328">
        <v>1960175</v>
      </c>
      <c r="BP28" s="330">
        <v>2857184</v>
      </c>
      <c r="BQ28" s="326">
        <v>260526</v>
      </c>
      <c r="BR28" s="327">
        <v>188674</v>
      </c>
      <c r="BS28" s="328">
        <v>449200</v>
      </c>
      <c r="BT28" s="326">
        <v>0</v>
      </c>
      <c r="BU28" s="327">
        <v>2658349</v>
      </c>
      <c r="BV28" s="327">
        <v>2641652</v>
      </c>
      <c r="BW28" s="327">
        <v>2260001</v>
      </c>
      <c r="BX28" s="327">
        <v>2802870</v>
      </c>
      <c r="BY28" s="327">
        <v>1703214</v>
      </c>
      <c r="BZ28" s="328">
        <v>12066086</v>
      </c>
      <c r="CA28" s="330">
        <v>12515286</v>
      </c>
      <c r="CB28" s="326">
        <v>89468</v>
      </c>
      <c r="CC28" s="327">
        <v>445647</v>
      </c>
      <c r="CD28" s="328">
        <v>535115</v>
      </c>
      <c r="CE28" s="326">
        <v>0</v>
      </c>
      <c r="CF28" s="327">
        <v>18109193</v>
      </c>
      <c r="CG28" s="327">
        <v>21817515</v>
      </c>
      <c r="CH28" s="327">
        <v>14953706</v>
      </c>
      <c r="CI28" s="327">
        <v>10481669</v>
      </c>
      <c r="CJ28" s="327">
        <v>4396479</v>
      </c>
      <c r="CK28" s="328">
        <v>69758562</v>
      </c>
      <c r="CL28" s="330">
        <v>70293677</v>
      </c>
      <c r="CM28" s="326">
        <v>0</v>
      </c>
      <c r="CN28" s="327">
        <v>0</v>
      </c>
      <c r="CO28" s="328">
        <v>0</v>
      </c>
      <c r="CP28" s="332">
        <v>0</v>
      </c>
      <c r="CQ28" s="327">
        <v>15662490</v>
      </c>
      <c r="CR28" s="327">
        <v>18579656</v>
      </c>
      <c r="CS28" s="327">
        <v>12415687</v>
      </c>
      <c r="CT28" s="327">
        <v>8516877</v>
      </c>
      <c r="CU28" s="327">
        <v>3833193</v>
      </c>
      <c r="CV28" s="328">
        <v>59007903</v>
      </c>
      <c r="CW28" s="330">
        <v>59007903</v>
      </c>
      <c r="CX28" s="326">
        <v>89468</v>
      </c>
      <c r="CY28" s="327">
        <v>445647</v>
      </c>
      <c r="CZ28" s="328">
        <v>535115</v>
      </c>
      <c r="DA28" s="326">
        <v>0</v>
      </c>
      <c r="DB28" s="327">
        <v>2446703</v>
      </c>
      <c r="DC28" s="327">
        <v>3237859</v>
      </c>
      <c r="DD28" s="327">
        <v>2538019</v>
      </c>
      <c r="DE28" s="327">
        <v>1964792</v>
      </c>
      <c r="DF28" s="327">
        <v>563286</v>
      </c>
      <c r="DG28" s="328">
        <v>10750659</v>
      </c>
      <c r="DH28" s="330">
        <v>11285774</v>
      </c>
      <c r="DI28" s="326">
        <v>28503</v>
      </c>
      <c r="DJ28" s="327">
        <v>45119</v>
      </c>
      <c r="DK28" s="331">
        <v>73622</v>
      </c>
      <c r="DL28" s="332">
        <v>0</v>
      </c>
      <c r="DM28" s="327">
        <v>2152049</v>
      </c>
      <c r="DN28" s="327">
        <v>2583005</v>
      </c>
      <c r="DO28" s="327">
        <v>5741702</v>
      </c>
      <c r="DP28" s="327">
        <v>2632101</v>
      </c>
      <c r="DQ28" s="327">
        <v>3151213</v>
      </c>
      <c r="DR28" s="328">
        <v>16260070</v>
      </c>
      <c r="DS28" s="330">
        <v>16333692</v>
      </c>
      <c r="DT28" s="326">
        <v>28503</v>
      </c>
      <c r="DU28" s="327">
        <v>45119</v>
      </c>
      <c r="DV28" s="328">
        <v>73622</v>
      </c>
      <c r="DW28" s="326">
        <v>0</v>
      </c>
      <c r="DX28" s="327">
        <v>2122037</v>
      </c>
      <c r="DY28" s="327">
        <v>2583005</v>
      </c>
      <c r="DZ28" s="327">
        <v>5741702</v>
      </c>
      <c r="EA28" s="327">
        <v>2397638</v>
      </c>
      <c r="EB28" s="327">
        <v>2769630</v>
      </c>
      <c r="EC28" s="328">
        <v>15614012</v>
      </c>
      <c r="ED28" s="330">
        <v>15687634</v>
      </c>
      <c r="EE28" s="326">
        <v>0</v>
      </c>
      <c r="EF28" s="331">
        <v>0</v>
      </c>
      <c r="EG28" s="328">
        <v>0</v>
      </c>
      <c r="EH28" s="326">
        <v>0</v>
      </c>
      <c r="EI28" s="327">
        <v>30012</v>
      </c>
      <c r="EJ28" s="327">
        <v>0</v>
      </c>
      <c r="EK28" s="327">
        <v>0</v>
      </c>
      <c r="EL28" s="327">
        <v>234463</v>
      </c>
      <c r="EM28" s="327">
        <v>381583</v>
      </c>
      <c r="EN28" s="331">
        <v>646058</v>
      </c>
      <c r="EO28" s="330">
        <v>646058</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003901</v>
      </c>
      <c r="FM28" s="327">
        <v>2440468</v>
      </c>
      <c r="FN28" s="328">
        <v>3444369</v>
      </c>
      <c r="FO28" s="326">
        <v>0</v>
      </c>
      <c r="FP28" s="327">
        <v>2829759</v>
      </c>
      <c r="FQ28" s="327">
        <v>6132347</v>
      </c>
      <c r="FR28" s="327">
        <v>3585789</v>
      </c>
      <c r="FS28" s="327">
        <v>3532456</v>
      </c>
      <c r="FT28" s="327">
        <v>2273599</v>
      </c>
      <c r="FU28" s="328">
        <v>18353950</v>
      </c>
      <c r="FV28" s="330">
        <v>21798319</v>
      </c>
      <c r="FW28" s="333">
        <v>567003</v>
      </c>
      <c r="FX28" s="327">
        <v>1849258</v>
      </c>
      <c r="FY28" s="331">
        <v>2416261</v>
      </c>
      <c r="FZ28" s="332">
        <v>0</v>
      </c>
      <c r="GA28" s="327">
        <v>2290669</v>
      </c>
      <c r="GB28" s="327">
        <v>5853354</v>
      </c>
      <c r="GC28" s="327">
        <v>3529104</v>
      </c>
      <c r="GD28" s="327">
        <v>3532456</v>
      </c>
      <c r="GE28" s="327">
        <v>2061451</v>
      </c>
      <c r="GF28" s="328">
        <v>17267034</v>
      </c>
      <c r="GG28" s="334">
        <v>19683295</v>
      </c>
      <c r="GH28" s="333">
        <v>67128</v>
      </c>
      <c r="GI28" s="327">
        <v>91890</v>
      </c>
      <c r="GJ28" s="331">
        <v>159018</v>
      </c>
      <c r="GK28" s="332">
        <v>0</v>
      </c>
      <c r="GL28" s="327">
        <v>93590</v>
      </c>
      <c r="GM28" s="327">
        <v>17403</v>
      </c>
      <c r="GN28" s="327">
        <v>56685</v>
      </c>
      <c r="GO28" s="327">
        <v>0</v>
      </c>
      <c r="GP28" s="327">
        <v>44748</v>
      </c>
      <c r="GQ28" s="328">
        <v>212426</v>
      </c>
      <c r="GR28" s="330">
        <v>371444</v>
      </c>
      <c r="GS28" s="326">
        <v>369770</v>
      </c>
      <c r="GT28" s="327">
        <v>499320</v>
      </c>
      <c r="GU28" s="328">
        <v>869090</v>
      </c>
      <c r="GV28" s="326">
        <v>0</v>
      </c>
      <c r="GW28" s="327">
        <v>445500</v>
      </c>
      <c r="GX28" s="327">
        <v>261590</v>
      </c>
      <c r="GY28" s="327">
        <v>0</v>
      </c>
      <c r="GZ28" s="327">
        <v>0</v>
      </c>
      <c r="HA28" s="327">
        <v>167400</v>
      </c>
      <c r="HB28" s="331">
        <v>874490</v>
      </c>
      <c r="HC28" s="330">
        <v>1743580</v>
      </c>
      <c r="HD28" s="326">
        <v>479703</v>
      </c>
      <c r="HE28" s="327">
        <v>305331</v>
      </c>
      <c r="HF28" s="331">
        <v>785034</v>
      </c>
      <c r="HG28" s="332">
        <v>0</v>
      </c>
      <c r="HH28" s="327">
        <v>10044858</v>
      </c>
      <c r="HI28" s="327">
        <v>7930599</v>
      </c>
      <c r="HJ28" s="327">
        <v>7653314</v>
      </c>
      <c r="HK28" s="327">
        <v>13149789</v>
      </c>
      <c r="HL28" s="327">
        <v>9613176</v>
      </c>
      <c r="HM28" s="328">
        <v>48391736</v>
      </c>
      <c r="HN28" s="329">
        <v>49176770</v>
      </c>
      <c r="HO28" s="333">
        <v>713033</v>
      </c>
      <c r="HP28" s="327">
        <v>1425354</v>
      </c>
      <c r="HQ28" s="328">
        <v>2138387</v>
      </c>
      <c r="HR28" s="326">
        <v>0</v>
      </c>
      <c r="HS28" s="327">
        <v>8250413</v>
      </c>
      <c r="HT28" s="327">
        <v>8614538</v>
      </c>
      <c r="HU28" s="327">
        <v>5231824</v>
      </c>
      <c r="HV28" s="327">
        <v>3794047</v>
      </c>
      <c r="HW28" s="327">
        <v>2081370</v>
      </c>
      <c r="HX28" s="331">
        <v>27972192</v>
      </c>
      <c r="HY28" s="330">
        <v>30110579</v>
      </c>
      <c r="HZ28" s="358">
        <v>0</v>
      </c>
      <c r="IA28" s="356">
        <v>0</v>
      </c>
      <c r="IB28" s="358">
        <v>0</v>
      </c>
      <c r="IC28" s="355">
        <v>0</v>
      </c>
      <c r="ID28" s="356">
        <v>15360379</v>
      </c>
      <c r="IE28" s="357">
        <v>10907214</v>
      </c>
      <c r="IF28" s="358">
        <v>12020484</v>
      </c>
      <c r="IG28" s="356">
        <v>9769248</v>
      </c>
      <c r="IH28" s="358">
        <v>2844588</v>
      </c>
      <c r="II28" s="359">
        <v>50901913</v>
      </c>
      <c r="IJ28" s="358">
        <v>50901913</v>
      </c>
      <c r="IK28" s="342">
        <v>0</v>
      </c>
      <c r="IL28" s="343">
        <v>0</v>
      </c>
      <c r="IM28" s="344">
        <v>0</v>
      </c>
      <c r="IN28" s="404">
        <v>0</v>
      </c>
      <c r="IO28" s="345">
        <v>0</v>
      </c>
      <c r="IP28" s="345">
        <v>0</v>
      </c>
      <c r="IQ28" s="345">
        <v>166411</v>
      </c>
      <c r="IR28" s="345">
        <v>0</v>
      </c>
      <c r="IS28" s="345">
        <v>269267</v>
      </c>
      <c r="IT28" s="346">
        <v>435678</v>
      </c>
      <c r="IU28" s="347">
        <v>435678</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4490057</v>
      </c>
      <c r="JL28" s="345">
        <v>4305547</v>
      </c>
      <c r="JM28" s="345">
        <v>3530537</v>
      </c>
      <c r="JN28" s="345">
        <v>2781055</v>
      </c>
      <c r="JO28" s="345">
        <v>709734</v>
      </c>
      <c r="JP28" s="349">
        <v>15816930</v>
      </c>
      <c r="JQ28" s="347">
        <v>15816930</v>
      </c>
      <c r="JR28" s="348">
        <v>0</v>
      </c>
      <c r="JS28" s="345">
        <v>0</v>
      </c>
      <c r="JT28" s="346">
        <v>0</v>
      </c>
      <c r="JU28" s="351">
        <v>0</v>
      </c>
      <c r="JV28" s="345">
        <v>0</v>
      </c>
      <c r="JW28" s="345">
        <v>0</v>
      </c>
      <c r="JX28" s="345">
        <v>432743</v>
      </c>
      <c r="JY28" s="345">
        <v>314136</v>
      </c>
      <c r="JZ28" s="345">
        <v>0</v>
      </c>
      <c r="KA28" s="349">
        <v>746879</v>
      </c>
      <c r="KB28" s="347">
        <v>746879</v>
      </c>
      <c r="KC28" s="352">
        <v>0</v>
      </c>
      <c r="KD28" s="353">
        <v>0</v>
      </c>
      <c r="KE28" s="349">
        <v>0</v>
      </c>
      <c r="KF28" s="351">
        <v>0</v>
      </c>
      <c r="KG28" s="345">
        <v>640530</v>
      </c>
      <c r="KH28" s="345">
        <v>785040</v>
      </c>
      <c r="KI28" s="345">
        <v>1235267</v>
      </c>
      <c r="KJ28" s="345">
        <v>0</v>
      </c>
      <c r="KK28" s="345">
        <v>0</v>
      </c>
      <c r="KL28" s="349">
        <v>2660837</v>
      </c>
      <c r="KM28" s="354">
        <v>2660837</v>
      </c>
      <c r="KN28" s="342">
        <v>0</v>
      </c>
      <c r="KO28" s="343">
        <v>0</v>
      </c>
      <c r="KP28" s="344">
        <v>0</v>
      </c>
      <c r="KQ28" s="413">
        <v>0</v>
      </c>
      <c r="KR28" s="345">
        <v>10229792</v>
      </c>
      <c r="KS28" s="345">
        <v>5816627</v>
      </c>
      <c r="KT28" s="345">
        <v>6159218</v>
      </c>
      <c r="KU28" s="345">
        <v>5834624</v>
      </c>
      <c r="KV28" s="345">
        <v>1822215</v>
      </c>
      <c r="KW28" s="349">
        <v>29862476</v>
      </c>
      <c r="KX28" s="347">
        <v>29862476</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0</v>
      </c>
      <c r="MA28" s="345">
        <v>496308</v>
      </c>
      <c r="MB28" s="345">
        <v>839433</v>
      </c>
      <c r="MC28" s="345">
        <v>43372</v>
      </c>
      <c r="MD28" s="349">
        <v>1379113</v>
      </c>
      <c r="ME28" s="350">
        <v>1379113</v>
      </c>
      <c r="MF28" s="348">
        <v>0</v>
      </c>
      <c r="MG28" s="345">
        <v>0</v>
      </c>
      <c r="MH28" s="349">
        <v>0</v>
      </c>
      <c r="MI28" s="413">
        <v>0</v>
      </c>
      <c r="MJ28" s="345">
        <v>5436522</v>
      </c>
      <c r="MK28" s="345">
        <v>11369188</v>
      </c>
      <c r="ML28" s="345">
        <v>39968136</v>
      </c>
      <c r="MM28" s="345">
        <v>64106895</v>
      </c>
      <c r="MN28" s="345">
        <v>44820487</v>
      </c>
      <c r="MO28" s="349">
        <v>165701228</v>
      </c>
      <c r="MP28" s="354">
        <v>165701228</v>
      </c>
      <c r="MQ28" s="348">
        <v>0</v>
      </c>
      <c r="MR28" s="345">
        <v>0</v>
      </c>
      <c r="MS28" s="349">
        <v>0</v>
      </c>
      <c r="MT28" s="413">
        <v>0</v>
      </c>
      <c r="MU28" s="345">
        <v>685056</v>
      </c>
      <c r="MV28" s="345">
        <v>3297984</v>
      </c>
      <c r="MW28" s="345">
        <v>27281799</v>
      </c>
      <c r="MX28" s="345">
        <v>43384640</v>
      </c>
      <c r="MY28" s="345">
        <v>30051335</v>
      </c>
      <c r="MZ28" s="349">
        <v>104700814</v>
      </c>
      <c r="NA28" s="354">
        <v>104700814</v>
      </c>
      <c r="NB28" s="348">
        <v>0</v>
      </c>
      <c r="NC28" s="345">
        <v>0</v>
      </c>
      <c r="ND28" s="349">
        <v>0</v>
      </c>
      <c r="NE28" s="413">
        <v>0</v>
      </c>
      <c r="NF28" s="345">
        <v>4751466</v>
      </c>
      <c r="NG28" s="345">
        <v>8071204</v>
      </c>
      <c r="NH28" s="345">
        <v>12686337</v>
      </c>
      <c r="NI28" s="345">
        <v>18704168</v>
      </c>
      <c r="NJ28" s="345">
        <v>10585410</v>
      </c>
      <c r="NK28" s="349">
        <v>54798585</v>
      </c>
      <c r="NL28" s="347">
        <v>54798585</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2018087</v>
      </c>
      <c r="OF28" s="345">
        <v>4183742</v>
      </c>
      <c r="OG28" s="349">
        <v>6201829</v>
      </c>
      <c r="OH28" s="350">
        <v>6201829</v>
      </c>
      <c r="OI28" s="348">
        <v>3600876</v>
      </c>
      <c r="OJ28" s="345">
        <v>7789748</v>
      </c>
      <c r="OK28" s="346">
        <v>11390624</v>
      </c>
      <c r="OL28" s="351">
        <v>0</v>
      </c>
      <c r="OM28" s="345">
        <v>75170558</v>
      </c>
      <c r="ON28" s="345">
        <v>88757718</v>
      </c>
      <c r="OO28" s="345">
        <v>102848902</v>
      </c>
      <c r="OP28" s="345">
        <v>127197798</v>
      </c>
      <c r="OQ28" s="345">
        <v>84493143</v>
      </c>
      <c r="OR28" s="349">
        <v>478468119</v>
      </c>
      <c r="OS28" s="354">
        <v>489858743</v>
      </c>
    </row>
    <row r="29" spans="2:409" s="70" customFormat="1" ht="21" customHeight="1" x14ac:dyDescent="0.2">
      <c r="B29" s="410" t="s">
        <v>24</v>
      </c>
      <c r="C29" s="326">
        <v>2692194</v>
      </c>
      <c r="D29" s="327">
        <v>4429371</v>
      </c>
      <c r="E29" s="328">
        <v>7121565</v>
      </c>
      <c r="F29" s="329">
        <v>0</v>
      </c>
      <c r="G29" s="327">
        <v>31047190</v>
      </c>
      <c r="H29" s="327">
        <v>33203039</v>
      </c>
      <c r="I29" s="327">
        <v>26699435</v>
      </c>
      <c r="J29" s="327">
        <v>31092624</v>
      </c>
      <c r="K29" s="327">
        <v>21405756</v>
      </c>
      <c r="L29" s="367">
        <v>143448044</v>
      </c>
      <c r="M29" s="330">
        <v>150569609</v>
      </c>
      <c r="N29" s="326">
        <v>706163</v>
      </c>
      <c r="O29" s="327">
        <v>1178761</v>
      </c>
      <c r="P29" s="328">
        <v>1884924</v>
      </c>
      <c r="Q29" s="326">
        <v>0</v>
      </c>
      <c r="R29" s="327">
        <v>6416379</v>
      </c>
      <c r="S29" s="327">
        <v>9041903</v>
      </c>
      <c r="T29" s="327">
        <v>8219557</v>
      </c>
      <c r="U29" s="327">
        <v>11598647</v>
      </c>
      <c r="V29" s="327">
        <v>9522043</v>
      </c>
      <c r="W29" s="328">
        <v>44798529</v>
      </c>
      <c r="X29" s="330">
        <v>46683453</v>
      </c>
      <c r="Y29" s="326">
        <v>0</v>
      </c>
      <c r="Z29" s="327">
        <v>0</v>
      </c>
      <c r="AA29" s="328">
        <v>0</v>
      </c>
      <c r="AB29" s="326">
        <v>0</v>
      </c>
      <c r="AC29" s="327">
        <v>2497208</v>
      </c>
      <c r="AD29" s="327">
        <v>3736723</v>
      </c>
      <c r="AE29" s="327">
        <v>4124910</v>
      </c>
      <c r="AF29" s="327">
        <v>6889874</v>
      </c>
      <c r="AG29" s="327">
        <v>5044714</v>
      </c>
      <c r="AH29" s="328">
        <v>22293429</v>
      </c>
      <c r="AI29" s="330">
        <v>22293429</v>
      </c>
      <c r="AJ29" s="326">
        <v>0</v>
      </c>
      <c r="AK29" s="327">
        <v>0</v>
      </c>
      <c r="AL29" s="328">
        <v>0</v>
      </c>
      <c r="AM29" s="326">
        <v>0</v>
      </c>
      <c r="AN29" s="327">
        <v>0</v>
      </c>
      <c r="AO29" s="327">
        <v>213005</v>
      </c>
      <c r="AP29" s="327">
        <v>414633</v>
      </c>
      <c r="AQ29" s="327">
        <v>548747</v>
      </c>
      <c r="AR29" s="327">
        <v>1481736</v>
      </c>
      <c r="AS29" s="328">
        <v>2658121</v>
      </c>
      <c r="AT29" s="330">
        <v>2658121</v>
      </c>
      <c r="AU29" s="326">
        <v>410398</v>
      </c>
      <c r="AV29" s="327">
        <v>967609</v>
      </c>
      <c r="AW29" s="328">
        <v>1378007</v>
      </c>
      <c r="AX29" s="326">
        <v>0</v>
      </c>
      <c r="AY29" s="327">
        <v>2591435</v>
      </c>
      <c r="AZ29" s="327">
        <v>3579405</v>
      </c>
      <c r="BA29" s="327">
        <v>2285911</v>
      </c>
      <c r="BB29" s="327">
        <v>2468600</v>
      </c>
      <c r="BC29" s="327">
        <v>1918954</v>
      </c>
      <c r="BD29" s="328">
        <v>12844305</v>
      </c>
      <c r="BE29" s="330">
        <v>14222312</v>
      </c>
      <c r="BF29" s="326">
        <v>29741</v>
      </c>
      <c r="BG29" s="327">
        <v>23639</v>
      </c>
      <c r="BH29" s="331">
        <v>53380</v>
      </c>
      <c r="BI29" s="332">
        <v>0</v>
      </c>
      <c r="BJ29" s="327">
        <v>120670</v>
      </c>
      <c r="BK29" s="327">
        <v>243748</v>
      </c>
      <c r="BL29" s="327">
        <v>165997</v>
      </c>
      <c r="BM29" s="327">
        <v>155640</v>
      </c>
      <c r="BN29" s="327">
        <v>147800</v>
      </c>
      <c r="BO29" s="328">
        <v>833855</v>
      </c>
      <c r="BP29" s="330">
        <v>887235</v>
      </c>
      <c r="BQ29" s="326">
        <v>266024</v>
      </c>
      <c r="BR29" s="327">
        <v>187513</v>
      </c>
      <c r="BS29" s="328">
        <v>453537</v>
      </c>
      <c r="BT29" s="326">
        <v>0</v>
      </c>
      <c r="BU29" s="327">
        <v>1207066</v>
      </c>
      <c r="BV29" s="327">
        <v>1269022</v>
      </c>
      <c r="BW29" s="327">
        <v>1228106</v>
      </c>
      <c r="BX29" s="327">
        <v>1535786</v>
      </c>
      <c r="BY29" s="327">
        <v>928839</v>
      </c>
      <c r="BZ29" s="328">
        <v>6168819</v>
      </c>
      <c r="CA29" s="330">
        <v>6622356</v>
      </c>
      <c r="CB29" s="326">
        <v>268981</v>
      </c>
      <c r="CC29" s="327">
        <v>638279</v>
      </c>
      <c r="CD29" s="328">
        <v>907260</v>
      </c>
      <c r="CE29" s="326">
        <v>0</v>
      </c>
      <c r="CF29" s="327">
        <v>9821830</v>
      </c>
      <c r="CG29" s="327">
        <v>9294931</v>
      </c>
      <c r="CH29" s="327">
        <v>5169554</v>
      </c>
      <c r="CI29" s="327">
        <v>4311254</v>
      </c>
      <c r="CJ29" s="327">
        <v>2052318</v>
      </c>
      <c r="CK29" s="328">
        <v>30649887</v>
      </c>
      <c r="CL29" s="330">
        <v>31557147</v>
      </c>
      <c r="CM29" s="326">
        <v>0</v>
      </c>
      <c r="CN29" s="327">
        <v>0</v>
      </c>
      <c r="CO29" s="328">
        <v>0</v>
      </c>
      <c r="CP29" s="332">
        <v>0</v>
      </c>
      <c r="CQ29" s="327">
        <v>6688460</v>
      </c>
      <c r="CR29" s="327">
        <v>6804415</v>
      </c>
      <c r="CS29" s="327">
        <v>3102396</v>
      </c>
      <c r="CT29" s="327">
        <v>2956847</v>
      </c>
      <c r="CU29" s="327">
        <v>1197300</v>
      </c>
      <c r="CV29" s="328">
        <v>20749418</v>
      </c>
      <c r="CW29" s="330">
        <v>20749418</v>
      </c>
      <c r="CX29" s="326">
        <v>268981</v>
      </c>
      <c r="CY29" s="327">
        <v>638279</v>
      </c>
      <c r="CZ29" s="328">
        <v>907260</v>
      </c>
      <c r="DA29" s="326">
        <v>0</v>
      </c>
      <c r="DB29" s="327">
        <v>3133370</v>
      </c>
      <c r="DC29" s="327">
        <v>2490516</v>
      </c>
      <c r="DD29" s="327">
        <v>2067158</v>
      </c>
      <c r="DE29" s="327">
        <v>1354407</v>
      </c>
      <c r="DF29" s="327">
        <v>855018</v>
      </c>
      <c r="DG29" s="328">
        <v>9900469</v>
      </c>
      <c r="DH29" s="330">
        <v>10807729</v>
      </c>
      <c r="DI29" s="326">
        <v>30716</v>
      </c>
      <c r="DJ29" s="327">
        <v>45386</v>
      </c>
      <c r="DK29" s="331">
        <v>76102</v>
      </c>
      <c r="DL29" s="332">
        <v>0</v>
      </c>
      <c r="DM29" s="327">
        <v>1032526</v>
      </c>
      <c r="DN29" s="327">
        <v>1618833</v>
      </c>
      <c r="DO29" s="327">
        <v>2191385</v>
      </c>
      <c r="DP29" s="327">
        <v>1938184</v>
      </c>
      <c r="DQ29" s="327">
        <v>1523228</v>
      </c>
      <c r="DR29" s="328">
        <v>8304156</v>
      </c>
      <c r="DS29" s="330">
        <v>8380258</v>
      </c>
      <c r="DT29" s="326">
        <v>30716</v>
      </c>
      <c r="DU29" s="327">
        <v>45386</v>
      </c>
      <c r="DV29" s="328">
        <v>76102</v>
      </c>
      <c r="DW29" s="326">
        <v>0</v>
      </c>
      <c r="DX29" s="327">
        <v>819937</v>
      </c>
      <c r="DY29" s="327">
        <v>1618833</v>
      </c>
      <c r="DZ29" s="327">
        <v>1986112</v>
      </c>
      <c r="EA29" s="327">
        <v>1938184</v>
      </c>
      <c r="EB29" s="327">
        <v>1315305</v>
      </c>
      <c r="EC29" s="328">
        <v>7678371</v>
      </c>
      <c r="ED29" s="330">
        <v>7754473</v>
      </c>
      <c r="EE29" s="326">
        <v>0</v>
      </c>
      <c r="EF29" s="331">
        <v>0</v>
      </c>
      <c r="EG29" s="328">
        <v>0</v>
      </c>
      <c r="EH29" s="326">
        <v>0</v>
      </c>
      <c r="EI29" s="327">
        <v>212589</v>
      </c>
      <c r="EJ29" s="327">
        <v>0</v>
      </c>
      <c r="EK29" s="327">
        <v>205273</v>
      </c>
      <c r="EL29" s="327">
        <v>0</v>
      </c>
      <c r="EM29" s="327">
        <v>207923</v>
      </c>
      <c r="EN29" s="331">
        <v>625785</v>
      </c>
      <c r="EO29" s="330">
        <v>625785</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432293</v>
      </c>
      <c r="FM29" s="327">
        <v>1061256</v>
      </c>
      <c r="FN29" s="328">
        <v>1493549</v>
      </c>
      <c r="FO29" s="326">
        <v>0</v>
      </c>
      <c r="FP29" s="327">
        <v>1503623</v>
      </c>
      <c r="FQ29" s="327">
        <v>2542535</v>
      </c>
      <c r="FR29" s="327">
        <v>1734358</v>
      </c>
      <c r="FS29" s="327">
        <v>1797542</v>
      </c>
      <c r="FT29" s="327">
        <v>1090431</v>
      </c>
      <c r="FU29" s="328">
        <v>8668489</v>
      </c>
      <c r="FV29" s="330">
        <v>10162038</v>
      </c>
      <c r="FW29" s="333">
        <v>340803</v>
      </c>
      <c r="FX29" s="327">
        <v>593820</v>
      </c>
      <c r="FY29" s="331">
        <v>934623</v>
      </c>
      <c r="FZ29" s="332">
        <v>0</v>
      </c>
      <c r="GA29" s="327">
        <v>1062509</v>
      </c>
      <c r="GB29" s="327">
        <v>2371787</v>
      </c>
      <c r="GC29" s="327">
        <v>1703074</v>
      </c>
      <c r="GD29" s="327">
        <v>1551680</v>
      </c>
      <c r="GE29" s="327">
        <v>1090431</v>
      </c>
      <c r="GF29" s="328">
        <v>7779481</v>
      </c>
      <c r="GG29" s="334">
        <v>8714104</v>
      </c>
      <c r="GH29" s="333">
        <v>0</v>
      </c>
      <c r="GI29" s="327">
        <v>64666</v>
      </c>
      <c r="GJ29" s="331">
        <v>64666</v>
      </c>
      <c r="GK29" s="332">
        <v>0</v>
      </c>
      <c r="GL29" s="327">
        <v>107514</v>
      </c>
      <c r="GM29" s="327">
        <v>123948</v>
      </c>
      <c r="GN29" s="327">
        <v>31284</v>
      </c>
      <c r="GO29" s="327">
        <v>36432</v>
      </c>
      <c r="GP29" s="327">
        <v>0</v>
      </c>
      <c r="GQ29" s="328">
        <v>299178</v>
      </c>
      <c r="GR29" s="330">
        <v>363844</v>
      </c>
      <c r="GS29" s="326">
        <v>91490</v>
      </c>
      <c r="GT29" s="327">
        <v>402770</v>
      </c>
      <c r="GU29" s="328">
        <v>494260</v>
      </c>
      <c r="GV29" s="326">
        <v>0</v>
      </c>
      <c r="GW29" s="327">
        <v>333600</v>
      </c>
      <c r="GX29" s="327">
        <v>46800</v>
      </c>
      <c r="GY29" s="327">
        <v>0</v>
      </c>
      <c r="GZ29" s="327">
        <v>209430</v>
      </c>
      <c r="HA29" s="327">
        <v>0</v>
      </c>
      <c r="HB29" s="331">
        <v>589830</v>
      </c>
      <c r="HC29" s="330">
        <v>1084090</v>
      </c>
      <c r="HD29" s="326">
        <v>762115</v>
      </c>
      <c r="HE29" s="327">
        <v>857531</v>
      </c>
      <c r="HF29" s="331">
        <v>1619646</v>
      </c>
      <c r="HG29" s="332">
        <v>0</v>
      </c>
      <c r="HH29" s="327">
        <v>7116422</v>
      </c>
      <c r="HI29" s="327">
        <v>6541259</v>
      </c>
      <c r="HJ29" s="327">
        <v>6244179</v>
      </c>
      <c r="HK29" s="327">
        <v>9495934</v>
      </c>
      <c r="HL29" s="327">
        <v>6077885</v>
      </c>
      <c r="HM29" s="328">
        <v>35475679</v>
      </c>
      <c r="HN29" s="329">
        <v>37095325</v>
      </c>
      <c r="HO29" s="333">
        <v>491926</v>
      </c>
      <c r="HP29" s="327">
        <v>648158</v>
      </c>
      <c r="HQ29" s="328">
        <v>1140084</v>
      </c>
      <c r="HR29" s="326">
        <v>0</v>
      </c>
      <c r="HS29" s="327">
        <v>5156410</v>
      </c>
      <c r="HT29" s="327">
        <v>4163578</v>
      </c>
      <c r="HU29" s="327">
        <v>3140402</v>
      </c>
      <c r="HV29" s="327">
        <v>1951063</v>
      </c>
      <c r="HW29" s="327">
        <v>1139851</v>
      </c>
      <c r="HX29" s="331">
        <v>15551304</v>
      </c>
      <c r="HY29" s="330">
        <v>16691388</v>
      </c>
      <c r="HZ29" s="335">
        <v>94497</v>
      </c>
      <c r="IA29" s="336">
        <v>255953</v>
      </c>
      <c r="IB29" s="337">
        <v>350450</v>
      </c>
      <c r="IC29" s="338">
        <v>0</v>
      </c>
      <c r="ID29" s="336">
        <v>4571515</v>
      </c>
      <c r="IE29" s="339">
        <v>6377731</v>
      </c>
      <c r="IF29" s="337">
        <v>5458814</v>
      </c>
      <c r="IG29" s="336">
        <v>6268340</v>
      </c>
      <c r="IH29" s="337">
        <v>1148189</v>
      </c>
      <c r="II29" s="340">
        <v>23824589</v>
      </c>
      <c r="IJ29" s="341">
        <v>24175039</v>
      </c>
      <c r="IK29" s="342">
        <v>0</v>
      </c>
      <c r="IL29" s="343">
        <v>0</v>
      </c>
      <c r="IM29" s="344">
        <v>0</v>
      </c>
      <c r="IN29" s="404">
        <v>0</v>
      </c>
      <c r="IO29" s="345">
        <v>136619</v>
      </c>
      <c r="IP29" s="345">
        <v>219274</v>
      </c>
      <c r="IQ29" s="345">
        <v>526622</v>
      </c>
      <c r="IR29" s="345">
        <v>1801736</v>
      </c>
      <c r="IS29" s="345">
        <v>0</v>
      </c>
      <c r="IT29" s="346">
        <v>2684251</v>
      </c>
      <c r="IU29" s="347">
        <v>2684251</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780549</v>
      </c>
      <c r="JL29" s="345">
        <v>1964197</v>
      </c>
      <c r="JM29" s="345">
        <v>1699348</v>
      </c>
      <c r="JN29" s="345">
        <v>847441</v>
      </c>
      <c r="JO29" s="345">
        <v>49027</v>
      </c>
      <c r="JP29" s="349">
        <v>6340562</v>
      </c>
      <c r="JQ29" s="347">
        <v>6340562</v>
      </c>
      <c r="JR29" s="348">
        <v>0</v>
      </c>
      <c r="JS29" s="345">
        <v>0</v>
      </c>
      <c r="JT29" s="346">
        <v>0</v>
      </c>
      <c r="JU29" s="351">
        <v>0</v>
      </c>
      <c r="JV29" s="345">
        <v>992561</v>
      </c>
      <c r="JW29" s="345">
        <v>932001</v>
      </c>
      <c r="JX29" s="345">
        <v>444379</v>
      </c>
      <c r="JY29" s="345">
        <v>881186</v>
      </c>
      <c r="JZ29" s="345">
        <v>185761</v>
      </c>
      <c r="KA29" s="349">
        <v>3435888</v>
      </c>
      <c r="KB29" s="347">
        <v>3435888</v>
      </c>
      <c r="KC29" s="352">
        <v>94497</v>
      </c>
      <c r="KD29" s="353">
        <v>255953</v>
      </c>
      <c r="KE29" s="349">
        <v>350450</v>
      </c>
      <c r="KF29" s="351">
        <v>0</v>
      </c>
      <c r="KG29" s="345">
        <v>1405425</v>
      </c>
      <c r="KH29" s="345">
        <v>1981031</v>
      </c>
      <c r="KI29" s="345">
        <v>1303602</v>
      </c>
      <c r="KJ29" s="345">
        <v>1607349</v>
      </c>
      <c r="KK29" s="345">
        <v>689080</v>
      </c>
      <c r="KL29" s="349">
        <v>6986487</v>
      </c>
      <c r="KM29" s="354">
        <v>7336937</v>
      </c>
      <c r="KN29" s="342">
        <v>0</v>
      </c>
      <c r="KO29" s="343">
        <v>0</v>
      </c>
      <c r="KP29" s="344">
        <v>0</v>
      </c>
      <c r="KQ29" s="413">
        <v>0</v>
      </c>
      <c r="KR29" s="345">
        <v>256361</v>
      </c>
      <c r="KS29" s="345">
        <v>1281228</v>
      </c>
      <c r="KT29" s="345">
        <v>1484863</v>
      </c>
      <c r="KU29" s="345">
        <v>1130628</v>
      </c>
      <c r="KV29" s="345">
        <v>224321</v>
      </c>
      <c r="KW29" s="349">
        <v>4377401</v>
      </c>
      <c r="KX29" s="347">
        <v>4377401</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3991447</v>
      </c>
      <c r="MK29" s="345">
        <v>2291569</v>
      </c>
      <c r="ML29" s="345">
        <v>13824236</v>
      </c>
      <c r="MM29" s="345">
        <v>37916774</v>
      </c>
      <c r="MN29" s="345">
        <v>18109686</v>
      </c>
      <c r="MO29" s="349">
        <v>76133712</v>
      </c>
      <c r="MP29" s="354">
        <v>76133712</v>
      </c>
      <c r="MQ29" s="348">
        <v>0</v>
      </c>
      <c r="MR29" s="345">
        <v>0</v>
      </c>
      <c r="MS29" s="349">
        <v>0</v>
      </c>
      <c r="MT29" s="413">
        <v>0</v>
      </c>
      <c r="MU29" s="345">
        <v>257157</v>
      </c>
      <c r="MV29" s="345">
        <v>0</v>
      </c>
      <c r="MW29" s="345">
        <v>7399827</v>
      </c>
      <c r="MX29" s="345">
        <v>26735413</v>
      </c>
      <c r="MY29" s="345">
        <v>16151526</v>
      </c>
      <c r="MZ29" s="349">
        <v>50543923</v>
      </c>
      <c r="NA29" s="354">
        <v>50543923</v>
      </c>
      <c r="NB29" s="348">
        <v>0</v>
      </c>
      <c r="NC29" s="345">
        <v>0</v>
      </c>
      <c r="ND29" s="349">
        <v>0</v>
      </c>
      <c r="NE29" s="413">
        <v>0</v>
      </c>
      <c r="NF29" s="345">
        <v>3734290</v>
      </c>
      <c r="NG29" s="345">
        <v>2291569</v>
      </c>
      <c r="NH29" s="345">
        <v>6424409</v>
      </c>
      <c r="NI29" s="345">
        <v>11181361</v>
      </c>
      <c r="NJ29" s="345">
        <v>1958160</v>
      </c>
      <c r="NK29" s="349">
        <v>25589789</v>
      </c>
      <c r="NL29" s="347">
        <v>25589789</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0</v>
      </c>
      <c r="OG29" s="349">
        <v>0</v>
      </c>
      <c r="OH29" s="350">
        <v>0</v>
      </c>
      <c r="OI29" s="348">
        <v>2786691</v>
      </c>
      <c r="OJ29" s="345">
        <v>4685324</v>
      </c>
      <c r="OK29" s="346">
        <v>7472015</v>
      </c>
      <c r="OL29" s="351">
        <v>0</v>
      </c>
      <c r="OM29" s="345">
        <v>39610152</v>
      </c>
      <c r="ON29" s="345">
        <v>41872339</v>
      </c>
      <c r="OO29" s="345">
        <v>45982485</v>
      </c>
      <c r="OP29" s="345">
        <v>75277738</v>
      </c>
      <c r="OQ29" s="345">
        <v>40663631</v>
      </c>
      <c r="OR29" s="349">
        <v>243406345</v>
      </c>
      <c r="OS29" s="354">
        <v>250878360</v>
      </c>
    </row>
    <row r="30" spans="2:409" s="70" customFormat="1" ht="21" customHeight="1" x14ac:dyDescent="0.2">
      <c r="B30" s="410" t="s">
        <v>25</v>
      </c>
      <c r="C30" s="326">
        <v>2336123</v>
      </c>
      <c r="D30" s="327">
        <v>4762198</v>
      </c>
      <c r="E30" s="328">
        <v>7098321</v>
      </c>
      <c r="F30" s="329">
        <v>0</v>
      </c>
      <c r="G30" s="327">
        <v>30963425</v>
      </c>
      <c r="H30" s="327">
        <v>39515090</v>
      </c>
      <c r="I30" s="327">
        <v>27873163</v>
      </c>
      <c r="J30" s="327">
        <v>31269382</v>
      </c>
      <c r="K30" s="327">
        <v>15734629</v>
      </c>
      <c r="L30" s="367">
        <v>145355689</v>
      </c>
      <c r="M30" s="330">
        <v>152454010</v>
      </c>
      <c r="N30" s="326">
        <v>828378</v>
      </c>
      <c r="O30" s="327">
        <v>1634446</v>
      </c>
      <c r="P30" s="328">
        <v>2462824</v>
      </c>
      <c r="Q30" s="326">
        <v>0</v>
      </c>
      <c r="R30" s="327">
        <v>8910575</v>
      </c>
      <c r="S30" s="327">
        <v>13130264</v>
      </c>
      <c r="T30" s="327">
        <v>9738254</v>
      </c>
      <c r="U30" s="327">
        <v>12342944</v>
      </c>
      <c r="V30" s="327">
        <v>8598951</v>
      </c>
      <c r="W30" s="328">
        <v>52720988</v>
      </c>
      <c r="X30" s="330">
        <v>55183812</v>
      </c>
      <c r="Y30" s="326">
        <v>0</v>
      </c>
      <c r="Z30" s="327">
        <v>0</v>
      </c>
      <c r="AA30" s="328">
        <v>0</v>
      </c>
      <c r="AB30" s="326">
        <v>0</v>
      </c>
      <c r="AC30" s="327">
        <v>4540938</v>
      </c>
      <c r="AD30" s="327">
        <v>6740906</v>
      </c>
      <c r="AE30" s="327">
        <v>6171687</v>
      </c>
      <c r="AF30" s="327">
        <v>7761390</v>
      </c>
      <c r="AG30" s="327">
        <v>5524064</v>
      </c>
      <c r="AH30" s="328">
        <v>30738985</v>
      </c>
      <c r="AI30" s="330">
        <v>30738985</v>
      </c>
      <c r="AJ30" s="326">
        <v>0</v>
      </c>
      <c r="AK30" s="327">
        <v>0</v>
      </c>
      <c r="AL30" s="328">
        <v>0</v>
      </c>
      <c r="AM30" s="326">
        <v>0</v>
      </c>
      <c r="AN30" s="327">
        <v>176083</v>
      </c>
      <c r="AO30" s="327">
        <v>469525</v>
      </c>
      <c r="AP30" s="327">
        <v>626223</v>
      </c>
      <c r="AQ30" s="327">
        <v>1033528</v>
      </c>
      <c r="AR30" s="327">
        <v>993172</v>
      </c>
      <c r="AS30" s="328">
        <v>3298531</v>
      </c>
      <c r="AT30" s="330">
        <v>3298531</v>
      </c>
      <c r="AU30" s="326">
        <v>626833</v>
      </c>
      <c r="AV30" s="327">
        <v>1343006</v>
      </c>
      <c r="AW30" s="328">
        <v>1969839</v>
      </c>
      <c r="AX30" s="326">
        <v>0</v>
      </c>
      <c r="AY30" s="327">
        <v>3069951</v>
      </c>
      <c r="AZ30" s="327">
        <v>4516707</v>
      </c>
      <c r="BA30" s="327">
        <v>1881184</v>
      </c>
      <c r="BB30" s="327">
        <v>2210389</v>
      </c>
      <c r="BC30" s="327">
        <v>1252598</v>
      </c>
      <c r="BD30" s="328">
        <v>12930829</v>
      </c>
      <c r="BE30" s="330">
        <v>14900668</v>
      </c>
      <c r="BF30" s="326">
        <v>53493</v>
      </c>
      <c r="BG30" s="327">
        <v>156182</v>
      </c>
      <c r="BH30" s="331">
        <v>209675</v>
      </c>
      <c r="BI30" s="332">
        <v>0</v>
      </c>
      <c r="BJ30" s="327">
        <v>48841</v>
      </c>
      <c r="BK30" s="327">
        <v>492722</v>
      </c>
      <c r="BL30" s="327">
        <v>80607</v>
      </c>
      <c r="BM30" s="327">
        <v>227254</v>
      </c>
      <c r="BN30" s="327">
        <v>167717</v>
      </c>
      <c r="BO30" s="328">
        <v>1017141</v>
      </c>
      <c r="BP30" s="330">
        <v>1226816</v>
      </c>
      <c r="BQ30" s="326">
        <v>148052</v>
      </c>
      <c r="BR30" s="327">
        <v>135258</v>
      </c>
      <c r="BS30" s="328">
        <v>283310</v>
      </c>
      <c r="BT30" s="326">
        <v>0</v>
      </c>
      <c r="BU30" s="327">
        <v>1074762</v>
      </c>
      <c r="BV30" s="327">
        <v>910404</v>
      </c>
      <c r="BW30" s="327">
        <v>978553</v>
      </c>
      <c r="BX30" s="327">
        <v>1110383</v>
      </c>
      <c r="BY30" s="327">
        <v>661400</v>
      </c>
      <c r="BZ30" s="328">
        <v>4735502</v>
      </c>
      <c r="CA30" s="330">
        <v>5018812</v>
      </c>
      <c r="CB30" s="326">
        <v>21895</v>
      </c>
      <c r="CC30" s="327">
        <v>305236</v>
      </c>
      <c r="CD30" s="328">
        <v>327131</v>
      </c>
      <c r="CE30" s="326">
        <v>0</v>
      </c>
      <c r="CF30" s="327">
        <v>11236987</v>
      </c>
      <c r="CG30" s="327">
        <v>13243706</v>
      </c>
      <c r="CH30" s="327">
        <v>8225964</v>
      </c>
      <c r="CI30" s="327">
        <v>6476114</v>
      </c>
      <c r="CJ30" s="327">
        <v>1544095</v>
      </c>
      <c r="CK30" s="328">
        <v>40726866</v>
      </c>
      <c r="CL30" s="330">
        <v>41053997</v>
      </c>
      <c r="CM30" s="326">
        <v>0</v>
      </c>
      <c r="CN30" s="327">
        <v>0</v>
      </c>
      <c r="CO30" s="328">
        <v>0</v>
      </c>
      <c r="CP30" s="332">
        <v>0</v>
      </c>
      <c r="CQ30" s="327">
        <v>9341419</v>
      </c>
      <c r="CR30" s="327">
        <v>8538197</v>
      </c>
      <c r="CS30" s="327">
        <v>6222418</v>
      </c>
      <c r="CT30" s="327">
        <v>5234259</v>
      </c>
      <c r="CU30" s="327">
        <v>1373044</v>
      </c>
      <c r="CV30" s="328">
        <v>30709337</v>
      </c>
      <c r="CW30" s="330">
        <v>30709337</v>
      </c>
      <c r="CX30" s="326">
        <v>21895</v>
      </c>
      <c r="CY30" s="327">
        <v>305236</v>
      </c>
      <c r="CZ30" s="328">
        <v>327131</v>
      </c>
      <c r="DA30" s="326">
        <v>0</v>
      </c>
      <c r="DB30" s="327">
        <v>1895568</v>
      </c>
      <c r="DC30" s="327">
        <v>4705509</v>
      </c>
      <c r="DD30" s="327">
        <v>2003546</v>
      </c>
      <c r="DE30" s="327">
        <v>1241855</v>
      </c>
      <c r="DF30" s="327">
        <v>171051</v>
      </c>
      <c r="DG30" s="328">
        <v>10017529</v>
      </c>
      <c r="DH30" s="330">
        <v>10344660</v>
      </c>
      <c r="DI30" s="326">
        <v>0</v>
      </c>
      <c r="DJ30" s="327">
        <v>27354</v>
      </c>
      <c r="DK30" s="331">
        <v>27354</v>
      </c>
      <c r="DL30" s="332">
        <v>0</v>
      </c>
      <c r="DM30" s="327">
        <v>945214</v>
      </c>
      <c r="DN30" s="327">
        <v>2824621</v>
      </c>
      <c r="DO30" s="327">
        <v>2690071</v>
      </c>
      <c r="DP30" s="327">
        <v>3549884</v>
      </c>
      <c r="DQ30" s="327">
        <v>375099</v>
      </c>
      <c r="DR30" s="328">
        <v>10384889</v>
      </c>
      <c r="DS30" s="330">
        <v>10412243</v>
      </c>
      <c r="DT30" s="326">
        <v>0</v>
      </c>
      <c r="DU30" s="327">
        <v>27354</v>
      </c>
      <c r="DV30" s="328">
        <v>27354</v>
      </c>
      <c r="DW30" s="326">
        <v>0</v>
      </c>
      <c r="DX30" s="327">
        <v>879690</v>
      </c>
      <c r="DY30" s="327">
        <v>2182344</v>
      </c>
      <c r="DZ30" s="327">
        <v>2218313</v>
      </c>
      <c r="EA30" s="327">
        <v>2847259</v>
      </c>
      <c r="EB30" s="327">
        <v>375099</v>
      </c>
      <c r="EC30" s="328">
        <v>8502705</v>
      </c>
      <c r="ED30" s="330">
        <v>8530059</v>
      </c>
      <c r="EE30" s="326">
        <v>0</v>
      </c>
      <c r="EF30" s="331">
        <v>0</v>
      </c>
      <c r="EG30" s="328">
        <v>0</v>
      </c>
      <c r="EH30" s="326">
        <v>0</v>
      </c>
      <c r="EI30" s="327">
        <v>65524</v>
      </c>
      <c r="EJ30" s="327">
        <v>642277</v>
      </c>
      <c r="EK30" s="327">
        <v>471758</v>
      </c>
      <c r="EL30" s="327">
        <v>702625</v>
      </c>
      <c r="EM30" s="327">
        <v>0</v>
      </c>
      <c r="EN30" s="331">
        <v>1882184</v>
      </c>
      <c r="EO30" s="330">
        <v>1882184</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636203</v>
      </c>
      <c r="FM30" s="327">
        <v>1367141</v>
      </c>
      <c r="FN30" s="328">
        <v>2003344</v>
      </c>
      <c r="FO30" s="326">
        <v>0</v>
      </c>
      <c r="FP30" s="327">
        <v>1570025</v>
      </c>
      <c r="FQ30" s="327">
        <v>4196909</v>
      </c>
      <c r="FR30" s="327">
        <v>2167792</v>
      </c>
      <c r="FS30" s="327">
        <v>2186319</v>
      </c>
      <c r="FT30" s="327">
        <v>1083357</v>
      </c>
      <c r="FU30" s="328">
        <v>11204402</v>
      </c>
      <c r="FV30" s="330">
        <v>13207746</v>
      </c>
      <c r="FW30" s="333">
        <v>504533</v>
      </c>
      <c r="FX30" s="327">
        <v>1160849</v>
      </c>
      <c r="FY30" s="331">
        <v>1665382</v>
      </c>
      <c r="FZ30" s="332">
        <v>0</v>
      </c>
      <c r="GA30" s="327">
        <v>995276</v>
      </c>
      <c r="GB30" s="327">
        <v>3909109</v>
      </c>
      <c r="GC30" s="327">
        <v>1992659</v>
      </c>
      <c r="GD30" s="327">
        <v>2169332</v>
      </c>
      <c r="GE30" s="327">
        <v>1083357</v>
      </c>
      <c r="GF30" s="328">
        <v>10149733</v>
      </c>
      <c r="GG30" s="334">
        <v>11815115</v>
      </c>
      <c r="GH30" s="333">
        <v>32670</v>
      </c>
      <c r="GI30" s="327">
        <v>45340</v>
      </c>
      <c r="GJ30" s="331">
        <v>78010</v>
      </c>
      <c r="GK30" s="332">
        <v>0</v>
      </c>
      <c r="GL30" s="327">
        <v>56349</v>
      </c>
      <c r="GM30" s="327">
        <v>0</v>
      </c>
      <c r="GN30" s="327">
        <v>127133</v>
      </c>
      <c r="GO30" s="327">
        <v>16987</v>
      </c>
      <c r="GP30" s="327">
        <v>0</v>
      </c>
      <c r="GQ30" s="328">
        <v>200469</v>
      </c>
      <c r="GR30" s="330">
        <v>278479</v>
      </c>
      <c r="GS30" s="326">
        <v>99000</v>
      </c>
      <c r="GT30" s="327">
        <v>160952</v>
      </c>
      <c r="GU30" s="328">
        <v>259952</v>
      </c>
      <c r="GV30" s="326">
        <v>0</v>
      </c>
      <c r="GW30" s="327">
        <v>518400</v>
      </c>
      <c r="GX30" s="327">
        <v>287800</v>
      </c>
      <c r="GY30" s="327">
        <v>48000</v>
      </c>
      <c r="GZ30" s="327">
        <v>0</v>
      </c>
      <c r="HA30" s="327">
        <v>0</v>
      </c>
      <c r="HB30" s="331">
        <v>854200</v>
      </c>
      <c r="HC30" s="330">
        <v>1114152</v>
      </c>
      <c r="HD30" s="326">
        <v>318093</v>
      </c>
      <c r="HE30" s="327">
        <v>498959</v>
      </c>
      <c r="HF30" s="331">
        <v>817052</v>
      </c>
      <c r="HG30" s="332">
        <v>0</v>
      </c>
      <c r="HH30" s="327">
        <v>3770400</v>
      </c>
      <c r="HI30" s="327">
        <v>1681211</v>
      </c>
      <c r="HJ30" s="327">
        <v>2484446</v>
      </c>
      <c r="HK30" s="327">
        <v>4658353</v>
      </c>
      <c r="HL30" s="327">
        <v>3199154</v>
      </c>
      <c r="HM30" s="328">
        <v>15793564</v>
      </c>
      <c r="HN30" s="329">
        <v>16610616</v>
      </c>
      <c r="HO30" s="333">
        <v>531554</v>
      </c>
      <c r="HP30" s="327">
        <v>929062</v>
      </c>
      <c r="HQ30" s="328">
        <v>1460616</v>
      </c>
      <c r="HR30" s="326">
        <v>0</v>
      </c>
      <c r="HS30" s="327">
        <v>4530224</v>
      </c>
      <c r="HT30" s="327">
        <v>4438379</v>
      </c>
      <c r="HU30" s="327">
        <v>2566636</v>
      </c>
      <c r="HV30" s="327">
        <v>2055768</v>
      </c>
      <c r="HW30" s="327">
        <v>933973</v>
      </c>
      <c r="HX30" s="331">
        <v>14524980</v>
      </c>
      <c r="HY30" s="330">
        <v>15985596</v>
      </c>
      <c r="HZ30" s="358">
        <v>90910</v>
      </c>
      <c r="IA30" s="356">
        <v>84979</v>
      </c>
      <c r="IB30" s="358">
        <v>175889</v>
      </c>
      <c r="IC30" s="355">
        <v>0</v>
      </c>
      <c r="ID30" s="356">
        <v>7783955</v>
      </c>
      <c r="IE30" s="357">
        <v>4604455</v>
      </c>
      <c r="IF30" s="358">
        <v>5782718</v>
      </c>
      <c r="IG30" s="356">
        <v>2974225</v>
      </c>
      <c r="IH30" s="358">
        <v>929301</v>
      </c>
      <c r="II30" s="359">
        <v>22074654</v>
      </c>
      <c r="IJ30" s="358">
        <v>22250543</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4046399</v>
      </c>
      <c r="JL30" s="345">
        <v>2945732</v>
      </c>
      <c r="JM30" s="345">
        <v>1663904</v>
      </c>
      <c r="JN30" s="345">
        <v>424026</v>
      </c>
      <c r="JO30" s="345">
        <v>29305</v>
      </c>
      <c r="JP30" s="349">
        <v>9109366</v>
      </c>
      <c r="JQ30" s="347">
        <v>9109366</v>
      </c>
      <c r="JR30" s="348">
        <v>0</v>
      </c>
      <c r="JS30" s="345">
        <v>0</v>
      </c>
      <c r="JT30" s="346">
        <v>0</v>
      </c>
      <c r="JU30" s="351">
        <v>0</v>
      </c>
      <c r="JV30" s="345">
        <v>0</v>
      </c>
      <c r="JW30" s="345">
        <v>0</v>
      </c>
      <c r="JX30" s="345">
        <v>0</v>
      </c>
      <c r="JY30" s="345">
        <v>0</v>
      </c>
      <c r="JZ30" s="345">
        <v>0</v>
      </c>
      <c r="KA30" s="349">
        <v>0</v>
      </c>
      <c r="KB30" s="347">
        <v>0</v>
      </c>
      <c r="KC30" s="352">
        <v>90910</v>
      </c>
      <c r="KD30" s="353">
        <v>84979</v>
      </c>
      <c r="KE30" s="349">
        <v>175889</v>
      </c>
      <c r="KF30" s="351">
        <v>0</v>
      </c>
      <c r="KG30" s="345">
        <v>666513</v>
      </c>
      <c r="KH30" s="345">
        <v>564399</v>
      </c>
      <c r="KI30" s="345">
        <v>1041692</v>
      </c>
      <c r="KJ30" s="345">
        <v>861356</v>
      </c>
      <c r="KK30" s="345">
        <v>315148</v>
      </c>
      <c r="KL30" s="349">
        <v>3449108</v>
      </c>
      <c r="KM30" s="354">
        <v>3624997</v>
      </c>
      <c r="KN30" s="342">
        <v>0</v>
      </c>
      <c r="KO30" s="343">
        <v>0</v>
      </c>
      <c r="KP30" s="344">
        <v>0</v>
      </c>
      <c r="KQ30" s="413">
        <v>0</v>
      </c>
      <c r="KR30" s="345">
        <v>3071043</v>
      </c>
      <c r="KS30" s="345">
        <v>1094324</v>
      </c>
      <c r="KT30" s="345">
        <v>3077122</v>
      </c>
      <c r="KU30" s="345">
        <v>1688843</v>
      </c>
      <c r="KV30" s="345">
        <v>584848</v>
      </c>
      <c r="KW30" s="349">
        <v>9516180</v>
      </c>
      <c r="KX30" s="347">
        <v>9516180</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2030565</v>
      </c>
      <c r="MK30" s="345">
        <v>10592290</v>
      </c>
      <c r="ML30" s="345">
        <v>19650474</v>
      </c>
      <c r="MM30" s="345">
        <v>40996586</v>
      </c>
      <c r="MN30" s="345">
        <v>21504059</v>
      </c>
      <c r="MO30" s="349">
        <v>94773974</v>
      </c>
      <c r="MP30" s="354">
        <v>94773974</v>
      </c>
      <c r="MQ30" s="348">
        <v>0</v>
      </c>
      <c r="MR30" s="345">
        <v>0</v>
      </c>
      <c r="MS30" s="349">
        <v>0</v>
      </c>
      <c r="MT30" s="413">
        <v>0</v>
      </c>
      <c r="MU30" s="345">
        <v>193366</v>
      </c>
      <c r="MV30" s="345">
        <v>994613</v>
      </c>
      <c r="MW30" s="345">
        <v>14758203</v>
      </c>
      <c r="MX30" s="345">
        <v>23697690</v>
      </c>
      <c r="MY30" s="345">
        <v>15232834</v>
      </c>
      <c r="MZ30" s="349">
        <v>54876706</v>
      </c>
      <c r="NA30" s="354">
        <v>54876706</v>
      </c>
      <c r="NB30" s="348">
        <v>0</v>
      </c>
      <c r="NC30" s="345">
        <v>0</v>
      </c>
      <c r="ND30" s="349">
        <v>0</v>
      </c>
      <c r="NE30" s="413">
        <v>0</v>
      </c>
      <c r="NF30" s="345">
        <v>1837199</v>
      </c>
      <c r="NG30" s="345">
        <v>9597677</v>
      </c>
      <c r="NH30" s="345">
        <v>4892271</v>
      </c>
      <c r="NI30" s="345">
        <v>17298896</v>
      </c>
      <c r="NJ30" s="345">
        <v>5395134</v>
      </c>
      <c r="NK30" s="349">
        <v>39021177</v>
      </c>
      <c r="NL30" s="347">
        <v>39021177</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876091</v>
      </c>
      <c r="OG30" s="349">
        <v>876091</v>
      </c>
      <c r="OH30" s="350">
        <v>876091</v>
      </c>
      <c r="OI30" s="348">
        <v>2427033</v>
      </c>
      <c r="OJ30" s="345">
        <v>4847177</v>
      </c>
      <c r="OK30" s="346">
        <v>7274210</v>
      </c>
      <c r="OL30" s="351">
        <v>0</v>
      </c>
      <c r="OM30" s="345">
        <v>40777945</v>
      </c>
      <c r="ON30" s="345">
        <v>54711835</v>
      </c>
      <c r="OO30" s="345">
        <v>53306355</v>
      </c>
      <c r="OP30" s="345">
        <v>75240193</v>
      </c>
      <c r="OQ30" s="345">
        <v>38167989</v>
      </c>
      <c r="OR30" s="349">
        <v>262204317</v>
      </c>
      <c r="OS30" s="354">
        <v>269478527</v>
      </c>
    </row>
    <row r="31" spans="2:409" s="70" customFormat="1" ht="21" customHeight="1" x14ac:dyDescent="0.2">
      <c r="B31" s="410" t="s">
        <v>26</v>
      </c>
      <c r="C31" s="326">
        <v>1945911</v>
      </c>
      <c r="D31" s="327">
        <v>2813169</v>
      </c>
      <c r="E31" s="328">
        <v>4759080</v>
      </c>
      <c r="F31" s="329">
        <v>0</v>
      </c>
      <c r="G31" s="327">
        <v>25467235</v>
      </c>
      <c r="H31" s="327">
        <v>29358264</v>
      </c>
      <c r="I31" s="327">
        <v>23603126</v>
      </c>
      <c r="J31" s="327">
        <v>19460749</v>
      </c>
      <c r="K31" s="327">
        <v>20779300</v>
      </c>
      <c r="L31" s="367">
        <v>118668674</v>
      </c>
      <c r="M31" s="330">
        <v>123427754</v>
      </c>
      <c r="N31" s="326">
        <v>450241</v>
      </c>
      <c r="O31" s="327">
        <v>462381</v>
      </c>
      <c r="P31" s="328">
        <v>912622</v>
      </c>
      <c r="Q31" s="326">
        <v>0</v>
      </c>
      <c r="R31" s="327">
        <v>6103025</v>
      </c>
      <c r="S31" s="327">
        <v>9281298</v>
      </c>
      <c r="T31" s="327">
        <v>7187604</v>
      </c>
      <c r="U31" s="327">
        <v>5737623</v>
      </c>
      <c r="V31" s="327">
        <v>11434693</v>
      </c>
      <c r="W31" s="328">
        <v>39744243</v>
      </c>
      <c r="X31" s="330">
        <v>40656865</v>
      </c>
      <c r="Y31" s="326">
        <v>0</v>
      </c>
      <c r="Z31" s="327">
        <v>0</v>
      </c>
      <c r="AA31" s="328">
        <v>0</v>
      </c>
      <c r="AB31" s="326">
        <v>0</v>
      </c>
      <c r="AC31" s="327">
        <v>2537980</v>
      </c>
      <c r="AD31" s="327">
        <v>5004372</v>
      </c>
      <c r="AE31" s="327">
        <v>3782099</v>
      </c>
      <c r="AF31" s="327">
        <v>2587857</v>
      </c>
      <c r="AG31" s="327">
        <v>6936952</v>
      </c>
      <c r="AH31" s="328">
        <v>20849260</v>
      </c>
      <c r="AI31" s="330">
        <v>20849260</v>
      </c>
      <c r="AJ31" s="326">
        <v>0</v>
      </c>
      <c r="AK31" s="327">
        <v>0</v>
      </c>
      <c r="AL31" s="328">
        <v>0</v>
      </c>
      <c r="AM31" s="326">
        <v>0</v>
      </c>
      <c r="AN31" s="327">
        <v>0</v>
      </c>
      <c r="AO31" s="327">
        <v>108664</v>
      </c>
      <c r="AP31" s="327">
        <v>316240</v>
      </c>
      <c r="AQ31" s="327">
        <v>611629</v>
      </c>
      <c r="AR31" s="327">
        <v>1120212</v>
      </c>
      <c r="AS31" s="328">
        <v>2156745</v>
      </c>
      <c r="AT31" s="330">
        <v>2156745</v>
      </c>
      <c r="AU31" s="326">
        <v>320324</v>
      </c>
      <c r="AV31" s="327">
        <v>380325</v>
      </c>
      <c r="AW31" s="328">
        <v>700649</v>
      </c>
      <c r="AX31" s="326">
        <v>0</v>
      </c>
      <c r="AY31" s="327">
        <v>2539123</v>
      </c>
      <c r="AZ31" s="327">
        <v>3309198</v>
      </c>
      <c r="BA31" s="327">
        <v>1612233</v>
      </c>
      <c r="BB31" s="327">
        <v>1722470</v>
      </c>
      <c r="BC31" s="327">
        <v>2567249</v>
      </c>
      <c r="BD31" s="328">
        <v>11750273</v>
      </c>
      <c r="BE31" s="330">
        <v>12450922</v>
      </c>
      <c r="BF31" s="326">
        <v>29718</v>
      </c>
      <c r="BG31" s="327">
        <v>54318</v>
      </c>
      <c r="BH31" s="331">
        <v>84036</v>
      </c>
      <c r="BI31" s="332">
        <v>0</v>
      </c>
      <c r="BJ31" s="327">
        <v>83869</v>
      </c>
      <c r="BK31" s="327">
        <v>121429</v>
      </c>
      <c r="BL31" s="327">
        <v>227181</v>
      </c>
      <c r="BM31" s="327">
        <v>65393</v>
      </c>
      <c r="BN31" s="327">
        <v>166832</v>
      </c>
      <c r="BO31" s="328">
        <v>664704</v>
      </c>
      <c r="BP31" s="330">
        <v>748740</v>
      </c>
      <c r="BQ31" s="326">
        <v>100199</v>
      </c>
      <c r="BR31" s="327">
        <v>27738</v>
      </c>
      <c r="BS31" s="328">
        <v>127937</v>
      </c>
      <c r="BT31" s="326">
        <v>0</v>
      </c>
      <c r="BU31" s="327">
        <v>942053</v>
      </c>
      <c r="BV31" s="327">
        <v>737635</v>
      </c>
      <c r="BW31" s="327">
        <v>1249851</v>
      </c>
      <c r="BX31" s="327">
        <v>750274</v>
      </c>
      <c r="BY31" s="327">
        <v>643448</v>
      </c>
      <c r="BZ31" s="328">
        <v>4323261</v>
      </c>
      <c r="CA31" s="330">
        <v>4451198</v>
      </c>
      <c r="CB31" s="326">
        <v>179697</v>
      </c>
      <c r="CC31" s="327">
        <v>215207</v>
      </c>
      <c r="CD31" s="328">
        <v>394904</v>
      </c>
      <c r="CE31" s="326">
        <v>0</v>
      </c>
      <c r="CF31" s="327">
        <v>7110106</v>
      </c>
      <c r="CG31" s="327">
        <v>8526314</v>
      </c>
      <c r="CH31" s="327">
        <v>4468401</v>
      </c>
      <c r="CI31" s="327">
        <v>2946703</v>
      </c>
      <c r="CJ31" s="327">
        <v>2397752</v>
      </c>
      <c r="CK31" s="328">
        <v>25449276</v>
      </c>
      <c r="CL31" s="330">
        <v>25844180</v>
      </c>
      <c r="CM31" s="326">
        <v>0</v>
      </c>
      <c r="CN31" s="327">
        <v>0</v>
      </c>
      <c r="CO31" s="328">
        <v>0</v>
      </c>
      <c r="CP31" s="332">
        <v>0</v>
      </c>
      <c r="CQ31" s="327">
        <v>6328011</v>
      </c>
      <c r="CR31" s="327">
        <v>6779214</v>
      </c>
      <c r="CS31" s="327">
        <v>3381956</v>
      </c>
      <c r="CT31" s="327">
        <v>1941073</v>
      </c>
      <c r="CU31" s="327">
        <v>1807958</v>
      </c>
      <c r="CV31" s="328">
        <v>20238212</v>
      </c>
      <c r="CW31" s="330">
        <v>20238212</v>
      </c>
      <c r="CX31" s="326">
        <v>179697</v>
      </c>
      <c r="CY31" s="327">
        <v>215207</v>
      </c>
      <c r="CZ31" s="328">
        <v>394904</v>
      </c>
      <c r="DA31" s="326">
        <v>0</v>
      </c>
      <c r="DB31" s="327">
        <v>782095</v>
      </c>
      <c r="DC31" s="327">
        <v>1747100</v>
      </c>
      <c r="DD31" s="327">
        <v>1086445</v>
      </c>
      <c r="DE31" s="327">
        <v>1005630</v>
      </c>
      <c r="DF31" s="327">
        <v>589794</v>
      </c>
      <c r="DG31" s="328">
        <v>5211064</v>
      </c>
      <c r="DH31" s="330">
        <v>5605968</v>
      </c>
      <c r="DI31" s="326">
        <v>0</v>
      </c>
      <c r="DJ31" s="327">
        <v>0</v>
      </c>
      <c r="DK31" s="331">
        <v>0</v>
      </c>
      <c r="DL31" s="332">
        <v>0</v>
      </c>
      <c r="DM31" s="327">
        <v>970620</v>
      </c>
      <c r="DN31" s="327">
        <v>1675543</v>
      </c>
      <c r="DO31" s="327">
        <v>2220999</v>
      </c>
      <c r="DP31" s="327">
        <v>2202140</v>
      </c>
      <c r="DQ31" s="327">
        <v>1321959</v>
      </c>
      <c r="DR31" s="328">
        <v>8391261</v>
      </c>
      <c r="DS31" s="330">
        <v>8391261</v>
      </c>
      <c r="DT31" s="326">
        <v>0</v>
      </c>
      <c r="DU31" s="327">
        <v>0</v>
      </c>
      <c r="DV31" s="328">
        <v>0</v>
      </c>
      <c r="DW31" s="326">
        <v>0</v>
      </c>
      <c r="DX31" s="327">
        <v>895438</v>
      </c>
      <c r="DY31" s="327">
        <v>1555026</v>
      </c>
      <c r="DZ31" s="327">
        <v>2098558</v>
      </c>
      <c r="EA31" s="327">
        <v>1809984</v>
      </c>
      <c r="EB31" s="327">
        <v>1221896</v>
      </c>
      <c r="EC31" s="328">
        <v>7580902</v>
      </c>
      <c r="ED31" s="330">
        <v>7580902</v>
      </c>
      <c r="EE31" s="326">
        <v>0</v>
      </c>
      <c r="EF31" s="331">
        <v>0</v>
      </c>
      <c r="EG31" s="328">
        <v>0</v>
      </c>
      <c r="EH31" s="326">
        <v>0</v>
      </c>
      <c r="EI31" s="327">
        <v>75182</v>
      </c>
      <c r="EJ31" s="327">
        <v>120517</v>
      </c>
      <c r="EK31" s="327">
        <v>122441</v>
      </c>
      <c r="EL31" s="327">
        <v>392156</v>
      </c>
      <c r="EM31" s="327">
        <v>100063</v>
      </c>
      <c r="EN31" s="331">
        <v>810359</v>
      </c>
      <c r="EO31" s="330">
        <v>810359</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510409</v>
      </c>
      <c r="FM31" s="327">
        <v>1248779</v>
      </c>
      <c r="FN31" s="328">
        <v>1759188</v>
      </c>
      <c r="FO31" s="326">
        <v>0</v>
      </c>
      <c r="FP31" s="327">
        <v>1341810</v>
      </c>
      <c r="FQ31" s="327">
        <v>3002456</v>
      </c>
      <c r="FR31" s="327">
        <v>1650631</v>
      </c>
      <c r="FS31" s="327">
        <v>1693067</v>
      </c>
      <c r="FT31" s="327">
        <v>1532423</v>
      </c>
      <c r="FU31" s="328">
        <v>9220387</v>
      </c>
      <c r="FV31" s="330">
        <v>10979575</v>
      </c>
      <c r="FW31" s="333">
        <v>409199</v>
      </c>
      <c r="FX31" s="327">
        <v>727332</v>
      </c>
      <c r="FY31" s="331">
        <v>1136531</v>
      </c>
      <c r="FZ31" s="332">
        <v>0</v>
      </c>
      <c r="GA31" s="327">
        <v>947016</v>
      </c>
      <c r="GB31" s="327">
        <v>2440955</v>
      </c>
      <c r="GC31" s="327">
        <v>1376281</v>
      </c>
      <c r="GD31" s="327">
        <v>1490020</v>
      </c>
      <c r="GE31" s="327">
        <v>1507475</v>
      </c>
      <c r="GF31" s="328">
        <v>7761747</v>
      </c>
      <c r="GG31" s="334">
        <v>8898278</v>
      </c>
      <c r="GH31" s="333">
        <v>0</v>
      </c>
      <c r="GI31" s="327">
        <v>52983</v>
      </c>
      <c r="GJ31" s="331">
        <v>52983</v>
      </c>
      <c r="GK31" s="332">
        <v>0</v>
      </c>
      <c r="GL31" s="327">
        <v>81889</v>
      </c>
      <c r="GM31" s="327">
        <v>201960</v>
      </c>
      <c r="GN31" s="327">
        <v>58350</v>
      </c>
      <c r="GO31" s="327">
        <v>203047</v>
      </c>
      <c r="GP31" s="327">
        <v>24948</v>
      </c>
      <c r="GQ31" s="328">
        <v>570194</v>
      </c>
      <c r="GR31" s="330">
        <v>623177</v>
      </c>
      <c r="GS31" s="326">
        <v>101210</v>
      </c>
      <c r="GT31" s="327">
        <v>468464</v>
      </c>
      <c r="GU31" s="328">
        <v>569674</v>
      </c>
      <c r="GV31" s="326">
        <v>0</v>
      </c>
      <c r="GW31" s="327">
        <v>312905</v>
      </c>
      <c r="GX31" s="327">
        <v>359541</v>
      </c>
      <c r="GY31" s="327">
        <v>216000</v>
      </c>
      <c r="GZ31" s="327">
        <v>0</v>
      </c>
      <c r="HA31" s="327">
        <v>0</v>
      </c>
      <c r="HB31" s="331">
        <v>888446</v>
      </c>
      <c r="HC31" s="330">
        <v>1458120</v>
      </c>
      <c r="HD31" s="326">
        <v>429307</v>
      </c>
      <c r="HE31" s="327">
        <v>298078</v>
      </c>
      <c r="HF31" s="331">
        <v>727385</v>
      </c>
      <c r="HG31" s="332">
        <v>0</v>
      </c>
      <c r="HH31" s="327">
        <v>5907958</v>
      </c>
      <c r="HI31" s="327">
        <v>3038932</v>
      </c>
      <c r="HJ31" s="327">
        <v>5710654</v>
      </c>
      <c r="HK31" s="327">
        <v>5479460</v>
      </c>
      <c r="HL31" s="327">
        <v>2940480</v>
      </c>
      <c r="HM31" s="328">
        <v>23077484</v>
      </c>
      <c r="HN31" s="329">
        <v>23804869</v>
      </c>
      <c r="HO31" s="333">
        <v>376257</v>
      </c>
      <c r="HP31" s="327">
        <v>588724</v>
      </c>
      <c r="HQ31" s="328">
        <v>964981</v>
      </c>
      <c r="HR31" s="326">
        <v>0</v>
      </c>
      <c r="HS31" s="327">
        <v>4033716</v>
      </c>
      <c r="HT31" s="327">
        <v>3833721</v>
      </c>
      <c r="HU31" s="327">
        <v>2364837</v>
      </c>
      <c r="HV31" s="327">
        <v>1401756</v>
      </c>
      <c r="HW31" s="327">
        <v>1151993</v>
      </c>
      <c r="HX31" s="331">
        <v>12786023</v>
      </c>
      <c r="HY31" s="330">
        <v>13751004</v>
      </c>
      <c r="HZ31" s="335">
        <v>0</v>
      </c>
      <c r="IA31" s="336">
        <v>0</v>
      </c>
      <c r="IB31" s="337">
        <v>0</v>
      </c>
      <c r="IC31" s="338">
        <v>0</v>
      </c>
      <c r="ID31" s="336">
        <v>4374795</v>
      </c>
      <c r="IE31" s="339">
        <v>8219128</v>
      </c>
      <c r="IF31" s="337">
        <v>13115654</v>
      </c>
      <c r="IG31" s="336">
        <v>4999123</v>
      </c>
      <c r="IH31" s="337">
        <v>1981790</v>
      </c>
      <c r="II31" s="340">
        <v>32690490</v>
      </c>
      <c r="IJ31" s="341">
        <v>32690490</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251905</v>
      </c>
      <c r="JL31" s="345">
        <v>2650179</v>
      </c>
      <c r="JM31" s="345">
        <v>2632624</v>
      </c>
      <c r="JN31" s="345">
        <v>1111770</v>
      </c>
      <c r="JO31" s="345">
        <v>469050</v>
      </c>
      <c r="JP31" s="349">
        <v>9115528</v>
      </c>
      <c r="JQ31" s="347">
        <v>9115528</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340848</v>
      </c>
      <c r="KH31" s="345">
        <v>1197957</v>
      </c>
      <c r="KI31" s="345">
        <v>1232145</v>
      </c>
      <c r="KJ31" s="345">
        <v>1057075</v>
      </c>
      <c r="KK31" s="345">
        <v>335463</v>
      </c>
      <c r="KL31" s="349">
        <v>4163488</v>
      </c>
      <c r="KM31" s="354">
        <v>4163488</v>
      </c>
      <c r="KN31" s="342">
        <v>0</v>
      </c>
      <c r="KO31" s="343">
        <v>0</v>
      </c>
      <c r="KP31" s="344">
        <v>0</v>
      </c>
      <c r="KQ31" s="413">
        <v>0</v>
      </c>
      <c r="KR31" s="345">
        <v>1782042</v>
      </c>
      <c r="KS31" s="345">
        <v>4370992</v>
      </c>
      <c r="KT31" s="345">
        <v>9250885</v>
      </c>
      <c r="KU31" s="345">
        <v>2830278</v>
      </c>
      <c r="KV31" s="345">
        <v>1177277</v>
      </c>
      <c r="KW31" s="349">
        <v>19411474</v>
      </c>
      <c r="KX31" s="347">
        <v>19411474</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146401</v>
      </c>
      <c r="MK31" s="345">
        <v>4644540</v>
      </c>
      <c r="ML31" s="345">
        <v>17645558</v>
      </c>
      <c r="MM31" s="345">
        <v>23086343</v>
      </c>
      <c r="MN31" s="345">
        <v>20578682</v>
      </c>
      <c r="MO31" s="349">
        <v>67101524</v>
      </c>
      <c r="MP31" s="354">
        <v>67101524</v>
      </c>
      <c r="MQ31" s="348">
        <v>0</v>
      </c>
      <c r="MR31" s="345">
        <v>0</v>
      </c>
      <c r="MS31" s="349">
        <v>0</v>
      </c>
      <c r="MT31" s="413">
        <v>0</v>
      </c>
      <c r="MU31" s="345">
        <v>509072</v>
      </c>
      <c r="MV31" s="345">
        <v>797661</v>
      </c>
      <c r="MW31" s="345">
        <v>7984096</v>
      </c>
      <c r="MX31" s="345">
        <v>17719367</v>
      </c>
      <c r="MY31" s="345">
        <v>14954041</v>
      </c>
      <c r="MZ31" s="349">
        <v>41964237</v>
      </c>
      <c r="NA31" s="354">
        <v>41964237</v>
      </c>
      <c r="NB31" s="348">
        <v>0</v>
      </c>
      <c r="NC31" s="345">
        <v>0</v>
      </c>
      <c r="ND31" s="349">
        <v>0</v>
      </c>
      <c r="NE31" s="413">
        <v>0</v>
      </c>
      <c r="NF31" s="345">
        <v>637329</v>
      </c>
      <c r="NG31" s="345">
        <v>3846879</v>
      </c>
      <c r="NH31" s="345">
        <v>9279889</v>
      </c>
      <c r="NI31" s="345">
        <v>4942728</v>
      </c>
      <c r="NJ31" s="345">
        <v>4226687</v>
      </c>
      <c r="NK31" s="349">
        <v>22933512</v>
      </c>
      <c r="NL31" s="347">
        <v>22933512</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81573</v>
      </c>
      <c r="OE31" s="345">
        <v>424248</v>
      </c>
      <c r="OF31" s="345">
        <v>1397954</v>
      </c>
      <c r="OG31" s="349">
        <v>2203775</v>
      </c>
      <c r="OH31" s="350">
        <v>2203775</v>
      </c>
      <c r="OI31" s="348">
        <v>1945911</v>
      </c>
      <c r="OJ31" s="345">
        <v>2813169</v>
      </c>
      <c r="OK31" s="346">
        <v>4759080</v>
      </c>
      <c r="OL31" s="351">
        <v>0</v>
      </c>
      <c r="OM31" s="345">
        <v>30988431</v>
      </c>
      <c r="ON31" s="345">
        <v>42221932</v>
      </c>
      <c r="OO31" s="345">
        <v>54364338</v>
      </c>
      <c r="OP31" s="345">
        <v>47546215</v>
      </c>
      <c r="OQ31" s="345">
        <v>43339772</v>
      </c>
      <c r="OR31" s="349">
        <v>218460688</v>
      </c>
      <c r="OS31" s="354">
        <v>223219768</v>
      </c>
    </row>
    <row r="32" spans="2:409" s="70" customFormat="1" ht="21" customHeight="1" x14ac:dyDescent="0.2">
      <c r="B32" s="410" t="s">
        <v>27</v>
      </c>
      <c r="C32" s="326">
        <v>3705614</v>
      </c>
      <c r="D32" s="327">
        <v>7489790</v>
      </c>
      <c r="E32" s="328">
        <v>11195404</v>
      </c>
      <c r="F32" s="329">
        <v>0</v>
      </c>
      <c r="G32" s="327">
        <v>25845155</v>
      </c>
      <c r="H32" s="327">
        <v>23560196</v>
      </c>
      <c r="I32" s="327">
        <v>22668979</v>
      </c>
      <c r="J32" s="327">
        <v>20377966</v>
      </c>
      <c r="K32" s="327">
        <v>14935143</v>
      </c>
      <c r="L32" s="367">
        <v>107387439</v>
      </c>
      <c r="M32" s="330">
        <v>118582843</v>
      </c>
      <c r="N32" s="326">
        <v>706879</v>
      </c>
      <c r="O32" s="327">
        <v>1723708</v>
      </c>
      <c r="P32" s="328">
        <v>2430587</v>
      </c>
      <c r="Q32" s="326">
        <v>0</v>
      </c>
      <c r="R32" s="327">
        <v>4559527</v>
      </c>
      <c r="S32" s="327">
        <v>6480395</v>
      </c>
      <c r="T32" s="327">
        <v>6683257</v>
      </c>
      <c r="U32" s="327">
        <v>6179371</v>
      </c>
      <c r="V32" s="327">
        <v>6952411</v>
      </c>
      <c r="W32" s="328">
        <v>30854961</v>
      </c>
      <c r="X32" s="330">
        <v>33285548</v>
      </c>
      <c r="Y32" s="326">
        <v>0</v>
      </c>
      <c r="Z32" s="327">
        <v>0</v>
      </c>
      <c r="AA32" s="328">
        <v>0</v>
      </c>
      <c r="AB32" s="326">
        <v>0</v>
      </c>
      <c r="AC32" s="327">
        <v>2315671</v>
      </c>
      <c r="AD32" s="327">
        <v>3059860</v>
      </c>
      <c r="AE32" s="327">
        <v>3815112</v>
      </c>
      <c r="AF32" s="327">
        <v>3511230</v>
      </c>
      <c r="AG32" s="327">
        <v>3431472</v>
      </c>
      <c r="AH32" s="328">
        <v>16133345</v>
      </c>
      <c r="AI32" s="330">
        <v>16133345</v>
      </c>
      <c r="AJ32" s="326">
        <v>0</v>
      </c>
      <c r="AK32" s="327">
        <v>0</v>
      </c>
      <c r="AL32" s="328">
        <v>0</v>
      </c>
      <c r="AM32" s="326">
        <v>0</v>
      </c>
      <c r="AN32" s="327">
        <v>51484</v>
      </c>
      <c r="AO32" s="327">
        <v>327391</v>
      </c>
      <c r="AP32" s="327">
        <v>206057</v>
      </c>
      <c r="AQ32" s="327">
        <v>461670</v>
      </c>
      <c r="AR32" s="327">
        <v>1164777</v>
      </c>
      <c r="AS32" s="328">
        <v>2211379</v>
      </c>
      <c r="AT32" s="330">
        <v>2211379</v>
      </c>
      <c r="AU32" s="326">
        <v>592787</v>
      </c>
      <c r="AV32" s="327">
        <v>1472379</v>
      </c>
      <c r="AW32" s="328">
        <v>2065166</v>
      </c>
      <c r="AX32" s="326">
        <v>0</v>
      </c>
      <c r="AY32" s="327">
        <v>1193934</v>
      </c>
      <c r="AZ32" s="327">
        <v>2205862</v>
      </c>
      <c r="BA32" s="327">
        <v>1640759</v>
      </c>
      <c r="BB32" s="327">
        <v>1419037</v>
      </c>
      <c r="BC32" s="327">
        <v>1692857</v>
      </c>
      <c r="BD32" s="328">
        <v>8152449</v>
      </c>
      <c r="BE32" s="330">
        <v>10217615</v>
      </c>
      <c r="BF32" s="326">
        <v>0</v>
      </c>
      <c r="BG32" s="327">
        <v>47922</v>
      </c>
      <c r="BH32" s="331">
        <v>47922</v>
      </c>
      <c r="BI32" s="332">
        <v>0</v>
      </c>
      <c r="BJ32" s="327">
        <v>115541</v>
      </c>
      <c r="BK32" s="327">
        <v>39501</v>
      </c>
      <c r="BL32" s="327">
        <v>107472</v>
      </c>
      <c r="BM32" s="327">
        <v>0</v>
      </c>
      <c r="BN32" s="327">
        <v>63999</v>
      </c>
      <c r="BO32" s="328">
        <v>326513</v>
      </c>
      <c r="BP32" s="330">
        <v>374435</v>
      </c>
      <c r="BQ32" s="326">
        <v>114092</v>
      </c>
      <c r="BR32" s="327">
        <v>203407</v>
      </c>
      <c r="BS32" s="328">
        <v>317499</v>
      </c>
      <c r="BT32" s="326">
        <v>0</v>
      </c>
      <c r="BU32" s="327">
        <v>882897</v>
      </c>
      <c r="BV32" s="327">
        <v>847781</v>
      </c>
      <c r="BW32" s="327">
        <v>913857</v>
      </c>
      <c r="BX32" s="327">
        <v>787434</v>
      </c>
      <c r="BY32" s="327">
        <v>599306</v>
      </c>
      <c r="BZ32" s="328">
        <v>4031275</v>
      </c>
      <c r="CA32" s="330">
        <v>4348774</v>
      </c>
      <c r="CB32" s="326">
        <v>409854</v>
      </c>
      <c r="CC32" s="327">
        <v>1286487</v>
      </c>
      <c r="CD32" s="328">
        <v>1696341</v>
      </c>
      <c r="CE32" s="326">
        <v>0</v>
      </c>
      <c r="CF32" s="327">
        <v>8917818</v>
      </c>
      <c r="CG32" s="327">
        <v>6231258</v>
      </c>
      <c r="CH32" s="327">
        <v>4491192</v>
      </c>
      <c r="CI32" s="327">
        <v>3815391</v>
      </c>
      <c r="CJ32" s="327">
        <v>1797714</v>
      </c>
      <c r="CK32" s="328">
        <v>25253373</v>
      </c>
      <c r="CL32" s="330">
        <v>26949714</v>
      </c>
      <c r="CM32" s="326">
        <v>0</v>
      </c>
      <c r="CN32" s="327">
        <v>0</v>
      </c>
      <c r="CO32" s="328">
        <v>0</v>
      </c>
      <c r="CP32" s="332">
        <v>0</v>
      </c>
      <c r="CQ32" s="327">
        <v>7399277</v>
      </c>
      <c r="CR32" s="327">
        <v>4059241</v>
      </c>
      <c r="CS32" s="327">
        <v>3008130</v>
      </c>
      <c r="CT32" s="327">
        <v>3610258</v>
      </c>
      <c r="CU32" s="327">
        <v>1210548</v>
      </c>
      <c r="CV32" s="328">
        <v>19287454</v>
      </c>
      <c r="CW32" s="330">
        <v>19287454</v>
      </c>
      <c r="CX32" s="326">
        <v>409854</v>
      </c>
      <c r="CY32" s="327">
        <v>1286487</v>
      </c>
      <c r="CZ32" s="328">
        <v>1696341</v>
      </c>
      <c r="DA32" s="326">
        <v>0</v>
      </c>
      <c r="DB32" s="327">
        <v>1518541</v>
      </c>
      <c r="DC32" s="327">
        <v>2172017</v>
      </c>
      <c r="DD32" s="327">
        <v>1483062</v>
      </c>
      <c r="DE32" s="327">
        <v>205133</v>
      </c>
      <c r="DF32" s="327">
        <v>587166</v>
      </c>
      <c r="DG32" s="328">
        <v>5965919</v>
      </c>
      <c r="DH32" s="330">
        <v>7662260</v>
      </c>
      <c r="DI32" s="326">
        <v>45435</v>
      </c>
      <c r="DJ32" s="327">
        <v>0</v>
      </c>
      <c r="DK32" s="331">
        <v>45435</v>
      </c>
      <c r="DL32" s="332">
        <v>0</v>
      </c>
      <c r="DM32" s="327">
        <v>517968</v>
      </c>
      <c r="DN32" s="327">
        <v>519714</v>
      </c>
      <c r="DO32" s="327">
        <v>1123401</v>
      </c>
      <c r="DP32" s="327">
        <v>754910</v>
      </c>
      <c r="DQ32" s="327">
        <v>354909</v>
      </c>
      <c r="DR32" s="328">
        <v>3270902</v>
      </c>
      <c r="DS32" s="330">
        <v>3316337</v>
      </c>
      <c r="DT32" s="326">
        <v>28826</v>
      </c>
      <c r="DU32" s="327">
        <v>0</v>
      </c>
      <c r="DV32" s="328">
        <v>28826</v>
      </c>
      <c r="DW32" s="326">
        <v>0</v>
      </c>
      <c r="DX32" s="327">
        <v>517968</v>
      </c>
      <c r="DY32" s="327">
        <v>519714</v>
      </c>
      <c r="DZ32" s="327">
        <v>1054090</v>
      </c>
      <c r="EA32" s="327">
        <v>754910</v>
      </c>
      <c r="EB32" s="327">
        <v>354909</v>
      </c>
      <c r="EC32" s="328">
        <v>3201591</v>
      </c>
      <c r="ED32" s="330">
        <v>3230417</v>
      </c>
      <c r="EE32" s="326">
        <v>16609</v>
      </c>
      <c r="EF32" s="331">
        <v>0</v>
      </c>
      <c r="EG32" s="328">
        <v>16609</v>
      </c>
      <c r="EH32" s="326">
        <v>0</v>
      </c>
      <c r="EI32" s="327">
        <v>0</v>
      </c>
      <c r="EJ32" s="327">
        <v>0</v>
      </c>
      <c r="EK32" s="327">
        <v>69311</v>
      </c>
      <c r="EL32" s="327">
        <v>0</v>
      </c>
      <c r="EM32" s="327">
        <v>0</v>
      </c>
      <c r="EN32" s="331">
        <v>69311</v>
      </c>
      <c r="EO32" s="330">
        <v>8592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1175952</v>
      </c>
      <c r="FM32" s="327">
        <v>2088016</v>
      </c>
      <c r="FN32" s="328">
        <v>3263968</v>
      </c>
      <c r="FO32" s="326">
        <v>0</v>
      </c>
      <c r="FP32" s="327">
        <v>702430</v>
      </c>
      <c r="FQ32" s="327">
        <v>1822120</v>
      </c>
      <c r="FR32" s="327">
        <v>1773114</v>
      </c>
      <c r="FS32" s="327">
        <v>1233340</v>
      </c>
      <c r="FT32" s="327">
        <v>1078961</v>
      </c>
      <c r="FU32" s="328">
        <v>6609965</v>
      </c>
      <c r="FV32" s="330">
        <v>9873933</v>
      </c>
      <c r="FW32" s="333">
        <v>506799</v>
      </c>
      <c r="FX32" s="327">
        <v>1331240</v>
      </c>
      <c r="FY32" s="331">
        <v>1838039</v>
      </c>
      <c r="FZ32" s="332">
        <v>0</v>
      </c>
      <c r="GA32" s="327">
        <v>643501</v>
      </c>
      <c r="GB32" s="327">
        <v>1678266</v>
      </c>
      <c r="GC32" s="327">
        <v>1754810</v>
      </c>
      <c r="GD32" s="327">
        <v>1233340</v>
      </c>
      <c r="GE32" s="327">
        <v>954113</v>
      </c>
      <c r="GF32" s="328">
        <v>6264030</v>
      </c>
      <c r="GG32" s="334">
        <v>8102069</v>
      </c>
      <c r="GH32" s="333">
        <v>64468</v>
      </c>
      <c r="GI32" s="327">
        <v>211918</v>
      </c>
      <c r="GJ32" s="331">
        <v>276386</v>
      </c>
      <c r="GK32" s="332">
        <v>0</v>
      </c>
      <c r="GL32" s="327">
        <v>4029</v>
      </c>
      <c r="GM32" s="327">
        <v>61954</v>
      </c>
      <c r="GN32" s="327">
        <v>18304</v>
      </c>
      <c r="GO32" s="327">
        <v>0</v>
      </c>
      <c r="GP32" s="327">
        <v>90000</v>
      </c>
      <c r="GQ32" s="328">
        <v>174287</v>
      </c>
      <c r="GR32" s="330">
        <v>450673</v>
      </c>
      <c r="GS32" s="326">
        <v>604685</v>
      </c>
      <c r="GT32" s="327">
        <v>544858</v>
      </c>
      <c r="GU32" s="328">
        <v>1149543</v>
      </c>
      <c r="GV32" s="326">
        <v>0</v>
      </c>
      <c r="GW32" s="327">
        <v>54900</v>
      </c>
      <c r="GX32" s="327">
        <v>81900</v>
      </c>
      <c r="GY32" s="327">
        <v>0</v>
      </c>
      <c r="GZ32" s="327">
        <v>0</v>
      </c>
      <c r="HA32" s="327">
        <v>34848</v>
      </c>
      <c r="HB32" s="331">
        <v>171648</v>
      </c>
      <c r="HC32" s="330">
        <v>1321191</v>
      </c>
      <c r="HD32" s="326">
        <v>737584</v>
      </c>
      <c r="HE32" s="327">
        <v>1432343</v>
      </c>
      <c r="HF32" s="331">
        <v>2169927</v>
      </c>
      <c r="HG32" s="332">
        <v>0</v>
      </c>
      <c r="HH32" s="327">
        <v>7698014</v>
      </c>
      <c r="HI32" s="327">
        <v>6011560</v>
      </c>
      <c r="HJ32" s="327">
        <v>6703321</v>
      </c>
      <c r="HK32" s="327">
        <v>7039255</v>
      </c>
      <c r="HL32" s="327">
        <v>3995142</v>
      </c>
      <c r="HM32" s="328">
        <v>31447292</v>
      </c>
      <c r="HN32" s="329">
        <v>33617219</v>
      </c>
      <c r="HO32" s="333">
        <v>629910</v>
      </c>
      <c r="HP32" s="327">
        <v>959236</v>
      </c>
      <c r="HQ32" s="328">
        <v>1589146</v>
      </c>
      <c r="HR32" s="326">
        <v>0</v>
      </c>
      <c r="HS32" s="327">
        <v>3449398</v>
      </c>
      <c r="HT32" s="327">
        <v>2495149</v>
      </c>
      <c r="HU32" s="327">
        <v>1894694</v>
      </c>
      <c r="HV32" s="327">
        <v>1355699</v>
      </c>
      <c r="HW32" s="327">
        <v>756006</v>
      </c>
      <c r="HX32" s="331">
        <v>9950946</v>
      </c>
      <c r="HY32" s="330">
        <v>11540092</v>
      </c>
      <c r="HZ32" s="358">
        <v>0</v>
      </c>
      <c r="IA32" s="356">
        <v>44866</v>
      </c>
      <c r="IB32" s="358">
        <v>44866</v>
      </c>
      <c r="IC32" s="355">
        <v>0</v>
      </c>
      <c r="ID32" s="356">
        <v>4866906</v>
      </c>
      <c r="IE32" s="357">
        <v>3079438</v>
      </c>
      <c r="IF32" s="358">
        <v>7410317</v>
      </c>
      <c r="IG32" s="356">
        <v>4553171</v>
      </c>
      <c r="IH32" s="358">
        <v>2870635</v>
      </c>
      <c r="II32" s="359">
        <v>22780467</v>
      </c>
      <c r="IJ32" s="358">
        <v>22825333</v>
      </c>
      <c r="IK32" s="342">
        <v>0</v>
      </c>
      <c r="IL32" s="343">
        <v>0</v>
      </c>
      <c r="IM32" s="344">
        <v>0</v>
      </c>
      <c r="IN32" s="404">
        <v>0</v>
      </c>
      <c r="IO32" s="345">
        <v>0</v>
      </c>
      <c r="IP32" s="345">
        <v>0</v>
      </c>
      <c r="IQ32" s="345">
        <v>170184</v>
      </c>
      <c r="IR32" s="345">
        <v>0</v>
      </c>
      <c r="IS32" s="345">
        <v>0</v>
      </c>
      <c r="IT32" s="346">
        <v>170184</v>
      </c>
      <c r="IU32" s="347">
        <v>17018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2064577</v>
      </c>
      <c r="JL32" s="345">
        <v>893811</v>
      </c>
      <c r="JM32" s="345">
        <v>731979</v>
      </c>
      <c r="JN32" s="345">
        <v>189942</v>
      </c>
      <c r="JO32" s="345">
        <v>0</v>
      </c>
      <c r="JP32" s="349">
        <v>3880309</v>
      </c>
      <c r="JQ32" s="347">
        <v>3880309</v>
      </c>
      <c r="JR32" s="348">
        <v>0</v>
      </c>
      <c r="JS32" s="345">
        <v>0</v>
      </c>
      <c r="JT32" s="346">
        <v>0</v>
      </c>
      <c r="JU32" s="351">
        <v>0</v>
      </c>
      <c r="JV32" s="345">
        <v>220779</v>
      </c>
      <c r="JW32" s="345">
        <v>48729</v>
      </c>
      <c r="JX32" s="345">
        <v>340798</v>
      </c>
      <c r="JY32" s="345">
        <v>228606</v>
      </c>
      <c r="JZ32" s="345">
        <v>0</v>
      </c>
      <c r="KA32" s="349">
        <v>838912</v>
      </c>
      <c r="KB32" s="347">
        <v>838912</v>
      </c>
      <c r="KC32" s="352">
        <v>0</v>
      </c>
      <c r="KD32" s="353">
        <v>44866</v>
      </c>
      <c r="KE32" s="349">
        <v>44866</v>
      </c>
      <c r="KF32" s="351">
        <v>0</v>
      </c>
      <c r="KG32" s="345">
        <v>1286380</v>
      </c>
      <c r="KH32" s="345">
        <v>308102</v>
      </c>
      <c r="KI32" s="345">
        <v>722383</v>
      </c>
      <c r="KJ32" s="345">
        <v>0</v>
      </c>
      <c r="KK32" s="345">
        <v>0</v>
      </c>
      <c r="KL32" s="349">
        <v>2316865</v>
      </c>
      <c r="KM32" s="354">
        <v>2361731</v>
      </c>
      <c r="KN32" s="342">
        <v>0</v>
      </c>
      <c r="KO32" s="343">
        <v>0</v>
      </c>
      <c r="KP32" s="344">
        <v>0</v>
      </c>
      <c r="KQ32" s="413">
        <v>0</v>
      </c>
      <c r="KR32" s="345">
        <v>1153401</v>
      </c>
      <c r="KS32" s="345">
        <v>1592756</v>
      </c>
      <c r="KT32" s="345">
        <v>3346972</v>
      </c>
      <c r="KU32" s="345">
        <v>1172067</v>
      </c>
      <c r="KV32" s="345">
        <v>1619767</v>
      </c>
      <c r="KW32" s="349">
        <v>8884963</v>
      </c>
      <c r="KX32" s="347">
        <v>8884963</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570873</v>
      </c>
      <c r="LQ32" s="345">
        <v>2625280</v>
      </c>
      <c r="LR32" s="345">
        <v>1250868</v>
      </c>
      <c r="LS32" s="349">
        <v>5447021</v>
      </c>
      <c r="LT32" s="347">
        <v>5447021</v>
      </c>
      <c r="LU32" s="348">
        <v>0</v>
      </c>
      <c r="LV32" s="345">
        <v>0</v>
      </c>
      <c r="LW32" s="349">
        <v>0</v>
      </c>
      <c r="LX32" s="413">
        <v>0</v>
      </c>
      <c r="LY32" s="345">
        <v>141769</v>
      </c>
      <c r="LZ32" s="345">
        <v>236040</v>
      </c>
      <c r="MA32" s="345">
        <v>527128</v>
      </c>
      <c r="MB32" s="345">
        <v>337276</v>
      </c>
      <c r="MC32" s="345">
        <v>0</v>
      </c>
      <c r="MD32" s="349">
        <v>1242213</v>
      </c>
      <c r="ME32" s="350">
        <v>1242213</v>
      </c>
      <c r="MF32" s="348">
        <v>0</v>
      </c>
      <c r="MG32" s="345">
        <v>0</v>
      </c>
      <c r="MH32" s="349">
        <v>0</v>
      </c>
      <c r="MI32" s="413">
        <v>0</v>
      </c>
      <c r="MJ32" s="345">
        <v>2313174</v>
      </c>
      <c r="MK32" s="345">
        <v>5001101</v>
      </c>
      <c r="ML32" s="345">
        <v>11831385</v>
      </c>
      <c r="MM32" s="345">
        <v>26185320</v>
      </c>
      <c r="MN32" s="345">
        <v>17800417</v>
      </c>
      <c r="MO32" s="349">
        <v>63131397</v>
      </c>
      <c r="MP32" s="354">
        <v>63131397</v>
      </c>
      <c r="MQ32" s="348">
        <v>0</v>
      </c>
      <c r="MR32" s="345">
        <v>0</v>
      </c>
      <c r="MS32" s="349">
        <v>0</v>
      </c>
      <c r="MT32" s="413">
        <v>0</v>
      </c>
      <c r="MU32" s="345">
        <v>494131</v>
      </c>
      <c r="MV32" s="345">
        <v>240550</v>
      </c>
      <c r="MW32" s="345">
        <v>7965577</v>
      </c>
      <c r="MX32" s="345">
        <v>17515981</v>
      </c>
      <c r="MY32" s="345">
        <v>11641411</v>
      </c>
      <c r="MZ32" s="349">
        <v>37857650</v>
      </c>
      <c r="NA32" s="354">
        <v>37857650</v>
      </c>
      <c r="NB32" s="348">
        <v>0</v>
      </c>
      <c r="NC32" s="345">
        <v>0</v>
      </c>
      <c r="ND32" s="349">
        <v>0</v>
      </c>
      <c r="NE32" s="413">
        <v>0</v>
      </c>
      <c r="NF32" s="345">
        <v>1819043</v>
      </c>
      <c r="NG32" s="345">
        <v>4760551</v>
      </c>
      <c r="NH32" s="345">
        <v>3865808</v>
      </c>
      <c r="NI32" s="345">
        <v>7846974</v>
      </c>
      <c r="NJ32" s="345">
        <v>4897361</v>
      </c>
      <c r="NK32" s="349">
        <v>23189737</v>
      </c>
      <c r="NL32" s="347">
        <v>23189737</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822365</v>
      </c>
      <c r="OF32" s="345">
        <v>1261645</v>
      </c>
      <c r="OG32" s="349">
        <v>2084010</v>
      </c>
      <c r="OH32" s="350">
        <v>2084010</v>
      </c>
      <c r="OI32" s="348">
        <v>3705614</v>
      </c>
      <c r="OJ32" s="345">
        <v>7534656</v>
      </c>
      <c r="OK32" s="346">
        <v>11240270</v>
      </c>
      <c r="OL32" s="351">
        <v>0</v>
      </c>
      <c r="OM32" s="345">
        <v>33025235</v>
      </c>
      <c r="ON32" s="345">
        <v>31640735</v>
      </c>
      <c r="OO32" s="345">
        <v>41910681</v>
      </c>
      <c r="OP32" s="345">
        <v>51116457</v>
      </c>
      <c r="OQ32" s="345">
        <v>35606195</v>
      </c>
      <c r="OR32" s="349">
        <v>193299303</v>
      </c>
      <c r="OS32" s="354">
        <v>204539573</v>
      </c>
    </row>
    <row r="33" spans="2:409" s="70" customFormat="1" ht="21" customHeight="1" x14ac:dyDescent="0.2">
      <c r="B33" s="410" t="s">
        <v>28</v>
      </c>
      <c r="C33" s="326">
        <v>155738</v>
      </c>
      <c r="D33" s="327">
        <v>747151</v>
      </c>
      <c r="E33" s="328">
        <v>902889</v>
      </c>
      <c r="F33" s="329">
        <v>0</v>
      </c>
      <c r="G33" s="327">
        <v>5733436</v>
      </c>
      <c r="H33" s="327">
        <v>9727615</v>
      </c>
      <c r="I33" s="327">
        <v>6767778</v>
      </c>
      <c r="J33" s="327">
        <v>6796934</v>
      </c>
      <c r="K33" s="327">
        <v>5964538</v>
      </c>
      <c r="L33" s="367">
        <v>34990301</v>
      </c>
      <c r="M33" s="330">
        <v>35893190</v>
      </c>
      <c r="N33" s="326">
        <v>37008</v>
      </c>
      <c r="O33" s="327">
        <v>109916</v>
      </c>
      <c r="P33" s="328">
        <v>146924</v>
      </c>
      <c r="Q33" s="326">
        <v>0</v>
      </c>
      <c r="R33" s="327">
        <v>963482</v>
      </c>
      <c r="S33" s="327">
        <v>2072789</v>
      </c>
      <c r="T33" s="327">
        <v>1376527</v>
      </c>
      <c r="U33" s="327">
        <v>1558137</v>
      </c>
      <c r="V33" s="327">
        <v>3056099</v>
      </c>
      <c r="W33" s="328">
        <v>9027034</v>
      </c>
      <c r="X33" s="330">
        <v>9173958</v>
      </c>
      <c r="Y33" s="326">
        <v>0</v>
      </c>
      <c r="Z33" s="327">
        <v>0</v>
      </c>
      <c r="AA33" s="328">
        <v>0</v>
      </c>
      <c r="AB33" s="326">
        <v>0</v>
      </c>
      <c r="AC33" s="327">
        <v>520290</v>
      </c>
      <c r="AD33" s="327">
        <v>1073741</v>
      </c>
      <c r="AE33" s="327">
        <v>540419</v>
      </c>
      <c r="AF33" s="327">
        <v>527061</v>
      </c>
      <c r="AG33" s="327">
        <v>1895803</v>
      </c>
      <c r="AH33" s="328">
        <v>4557314</v>
      </c>
      <c r="AI33" s="330">
        <v>4557314</v>
      </c>
      <c r="AJ33" s="326">
        <v>0</v>
      </c>
      <c r="AK33" s="327">
        <v>0</v>
      </c>
      <c r="AL33" s="328">
        <v>0</v>
      </c>
      <c r="AM33" s="326">
        <v>0</v>
      </c>
      <c r="AN33" s="327">
        <v>0</v>
      </c>
      <c r="AO33" s="327">
        <v>56501</v>
      </c>
      <c r="AP33" s="327">
        <v>162490</v>
      </c>
      <c r="AQ33" s="327">
        <v>102968</v>
      </c>
      <c r="AR33" s="327">
        <v>256115</v>
      </c>
      <c r="AS33" s="328">
        <v>578074</v>
      </c>
      <c r="AT33" s="330">
        <v>578074</v>
      </c>
      <c r="AU33" s="326">
        <v>27702</v>
      </c>
      <c r="AV33" s="327">
        <v>104552</v>
      </c>
      <c r="AW33" s="328">
        <v>132254</v>
      </c>
      <c r="AX33" s="326">
        <v>0</v>
      </c>
      <c r="AY33" s="327">
        <v>262751</v>
      </c>
      <c r="AZ33" s="327">
        <v>674683</v>
      </c>
      <c r="BA33" s="327">
        <v>428351</v>
      </c>
      <c r="BB33" s="327">
        <v>702364</v>
      </c>
      <c r="BC33" s="327">
        <v>635379</v>
      </c>
      <c r="BD33" s="328">
        <v>2703528</v>
      </c>
      <c r="BE33" s="330">
        <v>2835782</v>
      </c>
      <c r="BF33" s="326">
        <v>0</v>
      </c>
      <c r="BG33" s="327">
        <v>0</v>
      </c>
      <c r="BH33" s="331">
        <v>0</v>
      </c>
      <c r="BI33" s="332">
        <v>0</v>
      </c>
      <c r="BJ33" s="327">
        <v>23279</v>
      </c>
      <c r="BK33" s="327">
        <v>0</v>
      </c>
      <c r="BL33" s="327">
        <v>79991</v>
      </c>
      <c r="BM33" s="327">
        <v>44439</v>
      </c>
      <c r="BN33" s="327">
        <v>49942</v>
      </c>
      <c r="BO33" s="328">
        <v>197651</v>
      </c>
      <c r="BP33" s="330">
        <v>197651</v>
      </c>
      <c r="BQ33" s="326">
        <v>9306</v>
      </c>
      <c r="BR33" s="327">
        <v>5364</v>
      </c>
      <c r="BS33" s="328">
        <v>14670</v>
      </c>
      <c r="BT33" s="326">
        <v>0</v>
      </c>
      <c r="BU33" s="327">
        <v>157162</v>
      </c>
      <c r="BV33" s="327">
        <v>267864</v>
      </c>
      <c r="BW33" s="327">
        <v>165276</v>
      </c>
      <c r="BX33" s="327">
        <v>181305</v>
      </c>
      <c r="BY33" s="327">
        <v>218860</v>
      </c>
      <c r="BZ33" s="328">
        <v>990467</v>
      </c>
      <c r="CA33" s="330">
        <v>1005137</v>
      </c>
      <c r="CB33" s="326">
        <v>23483</v>
      </c>
      <c r="CC33" s="327">
        <v>175430</v>
      </c>
      <c r="CD33" s="328">
        <v>198913</v>
      </c>
      <c r="CE33" s="326">
        <v>0</v>
      </c>
      <c r="CF33" s="327">
        <v>2200413</v>
      </c>
      <c r="CG33" s="327">
        <v>3901400</v>
      </c>
      <c r="CH33" s="327">
        <v>2834786</v>
      </c>
      <c r="CI33" s="327">
        <v>2687414</v>
      </c>
      <c r="CJ33" s="327">
        <v>907165</v>
      </c>
      <c r="CK33" s="328">
        <v>12531178</v>
      </c>
      <c r="CL33" s="330">
        <v>12730091</v>
      </c>
      <c r="CM33" s="326">
        <v>0</v>
      </c>
      <c r="CN33" s="327">
        <v>0</v>
      </c>
      <c r="CO33" s="328">
        <v>0</v>
      </c>
      <c r="CP33" s="332">
        <v>0</v>
      </c>
      <c r="CQ33" s="327">
        <v>1723463</v>
      </c>
      <c r="CR33" s="327">
        <v>2826642</v>
      </c>
      <c r="CS33" s="327">
        <v>2505458</v>
      </c>
      <c r="CT33" s="327">
        <v>1601543</v>
      </c>
      <c r="CU33" s="327">
        <v>457985</v>
      </c>
      <c r="CV33" s="328">
        <v>9115091</v>
      </c>
      <c r="CW33" s="330">
        <v>9115091</v>
      </c>
      <c r="CX33" s="326">
        <v>23483</v>
      </c>
      <c r="CY33" s="327">
        <v>175430</v>
      </c>
      <c r="CZ33" s="328">
        <v>198913</v>
      </c>
      <c r="DA33" s="326">
        <v>0</v>
      </c>
      <c r="DB33" s="327">
        <v>476950</v>
      </c>
      <c r="DC33" s="327">
        <v>1074758</v>
      </c>
      <c r="DD33" s="327">
        <v>329328</v>
      </c>
      <c r="DE33" s="327">
        <v>1085871</v>
      </c>
      <c r="DF33" s="327">
        <v>449180</v>
      </c>
      <c r="DG33" s="328">
        <v>3416087</v>
      </c>
      <c r="DH33" s="330">
        <v>3615000</v>
      </c>
      <c r="DI33" s="326">
        <v>0</v>
      </c>
      <c r="DJ33" s="327">
        <v>30335</v>
      </c>
      <c r="DK33" s="331">
        <v>30335</v>
      </c>
      <c r="DL33" s="332">
        <v>0</v>
      </c>
      <c r="DM33" s="327">
        <v>127284</v>
      </c>
      <c r="DN33" s="327">
        <v>284882</v>
      </c>
      <c r="DO33" s="327">
        <v>478058</v>
      </c>
      <c r="DP33" s="327">
        <v>682793</v>
      </c>
      <c r="DQ33" s="327">
        <v>488683</v>
      </c>
      <c r="DR33" s="328">
        <v>2061700</v>
      </c>
      <c r="DS33" s="330">
        <v>2092035</v>
      </c>
      <c r="DT33" s="326">
        <v>0</v>
      </c>
      <c r="DU33" s="327">
        <v>30335</v>
      </c>
      <c r="DV33" s="328">
        <v>30335</v>
      </c>
      <c r="DW33" s="326">
        <v>0</v>
      </c>
      <c r="DX33" s="327">
        <v>127284</v>
      </c>
      <c r="DY33" s="327">
        <v>242578</v>
      </c>
      <c r="DZ33" s="327">
        <v>237696</v>
      </c>
      <c r="EA33" s="327">
        <v>610199</v>
      </c>
      <c r="EB33" s="327">
        <v>454032</v>
      </c>
      <c r="EC33" s="328">
        <v>1671789</v>
      </c>
      <c r="ED33" s="330">
        <v>1702124</v>
      </c>
      <c r="EE33" s="326">
        <v>0</v>
      </c>
      <c r="EF33" s="331">
        <v>0</v>
      </c>
      <c r="EG33" s="328">
        <v>0</v>
      </c>
      <c r="EH33" s="326">
        <v>0</v>
      </c>
      <c r="EI33" s="327">
        <v>0</v>
      </c>
      <c r="EJ33" s="327">
        <v>42304</v>
      </c>
      <c r="EK33" s="327">
        <v>240362</v>
      </c>
      <c r="EL33" s="327">
        <v>72594</v>
      </c>
      <c r="EM33" s="327">
        <v>34651</v>
      </c>
      <c r="EN33" s="331">
        <v>389911</v>
      </c>
      <c r="EO33" s="330">
        <v>389911</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53802</v>
      </c>
      <c r="FM33" s="327">
        <v>330160</v>
      </c>
      <c r="FN33" s="328">
        <v>383962</v>
      </c>
      <c r="FO33" s="326">
        <v>0</v>
      </c>
      <c r="FP33" s="327">
        <v>290357</v>
      </c>
      <c r="FQ33" s="327">
        <v>952899</v>
      </c>
      <c r="FR33" s="327">
        <v>514878</v>
      </c>
      <c r="FS33" s="327">
        <v>743276</v>
      </c>
      <c r="FT33" s="327">
        <v>422960</v>
      </c>
      <c r="FU33" s="328">
        <v>2924370</v>
      </c>
      <c r="FV33" s="330">
        <v>3308332</v>
      </c>
      <c r="FW33" s="333">
        <v>53802</v>
      </c>
      <c r="FX33" s="327">
        <v>138694</v>
      </c>
      <c r="FY33" s="331">
        <v>192496</v>
      </c>
      <c r="FZ33" s="332">
        <v>0</v>
      </c>
      <c r="GA33" s="327">
        <v>290357</v>
      </c>
      <c r="GB33" s="327">
        <v>907755</v>
      </c>
      <c r="GC33" s="327">
        <v>514878</v>
      </c>
      <c r="GD33" s="327">
        <v>614576</v>
      </c>
      <c r="GE33" s="327">
        <v>422960</v>
      </c>
      <c r="GF33" s="328">
        <v>2750526</v>
      </c>
      <c r="GG33" s="334">
        <v>2943022</v>
      </c>
      <c r="GH33" s="333">
        <v>0</v>
      </c>
      <c r="GI33" s="327">
        <v>47916</v>
      </c>
      <c r="GJ33" s="331">
        <v>47916</v>
      </c>
      <c r="GK33" s="332">
        <v>0</v>
      </c>
      <c r="GL33" s="327">
        <v>0</v>
      </c>
      <c r="GM33" s="327">
        <v>45144</v>
      </c>
      <c r="GN33" s="327">
        <v>0</v>
      </c>
      <c r="GO33" s="327">
        <v>0</v>
      </c>
      <c r="GP33" s="327">
        <v>0</v>
      </c>
      <c r="GQ33" s="328">
        <v>45144</v>
      </c>
      <c r="GR33" s="330">
        <v>93060</v>
      </c>
      <c r="GS33" s="326">
        <v>0</v>
      </c>
      <c r="GT33" s="327">
        <v>143550</v>
      </c>
      <c r="GU33" s="328">
        <v>143550</v>
      </c>
      <c r="GV33" s="326">
        <v>0</v>
      </c>
      <c r="GW33" s="327">
        <v>0</v>
      </c>
      <c r="GX33" s="327">
        <v>0</v>
      </c>
      <c r="GY33" s="327">
        <v>0</v>
      </c>
      <c r="GZ33" s="327">
        <v>128700</v>
      </c>
      <c r="HA33" s="327">
        <v>0</v>
      </c>
      <c r="HB33" s="331">
        <v>128700</v>
      </c>
      <c r="HC33" s="330">
        <v>272250</v>
      </c>
      <c r="HD33" s="326">
        <v>0</v>
      </c>
      <c r="HE33" s="327">
        <v>0</v>
      </c>
      <c r="HF33" s="331">
        <v>0</v>
      </c>
      <c r="HG33" s="332">
        <v>0</v>
      </c>
      <c r="HH33" s="327">
        <v>965353</v>
      </c>
      <c r="HI33" s="327">
        <v>1199872</v>
      </c>
      <c r="HJ33" s="327">
        <v>712492</v>
      </c>
      <c r="HK33" s="327">
        <v>605827</v>
      </c>
      <c r="HL33" s="327">
        <v>726141</v>
      </c>
      <c r="HM33" s="328">
        <v>4209685</v>
      </c>
      <c r="HN33" s="329">
        <v>4209685</v>
      </c>
      <c r="HO33" s="333">
        <v>41445</v>
      </c>
      <c r="HP33" s="327">
        <v>101310</v>
      </c>
      <c r="HQ33" s="328">
        <v>142755</v>
      </c>
      <c r="HR33" s="326">
        <v>0</v>
      </c>
      <c r="HS33" s="327">
        <v>1186547</v>
      </c>
      <c r="HT33" s="327">
        <v>1315773</v>
      </c>
      <c r="HU33" s="327">
        <v>851037</v>
      </c>
      <c r="HV33" s="327">
        <v>519487</v>
      </c>
      <c r="HW33" s="327">
        <v>363490</v>
      </c>
      <c r="HX33" s="331">
        <v>4236334</v>
      </c>
      <c r="HY33" s="330">
        <v>4379089</v>
      </c>
      <c r="HZ33" s="335">
        <v>0</v>
      </c>
      <c r="IA33" s="336">
        <v>0</v>
      </c>
      <c r="IB33" s="337">
        <v>0</v>
      </c>
      <c r="IC33" s="338">
        <v>0</v>
      </c>
      <c r="ID33" s="336">
        <v>1515222</v>
      </c>
      <c r="IE33" s="339">
        <v>1752738</v>
      </c>
      <c r="IF33" s="337">
        <v>1298251</v>
      </c>
      <c r="IG33" s="336">
        <v>1397066</v>
      </c>
      <c r="IH33" s="337">
        <v>1246896</v>
      </c>
      <c r="II33" s="340">
        <v>7210173</v>
      </c>
      <c r="IJ33" s="341">
        <v>7210173</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923097</v>
      </c>
      <c r="JL33" s="345">
        <v>442167</v>
      </c>
      <c r="JM33" s="345">
        <v>396295</v>
      </c>
      <c r="JN33" s="345">
        <v>172899</v>
      </c>
      <c r="JO33" s="345">
        <v>40104</v>
      </c>
      <c r="JP33" s="349">
        <v>1974562</v>
      </c>
      <c r="JQ33" s="347">
        <v>1974562</v>
      </c>
      <c r="JR33" s="348">
        <v>0</v>
      </c>
      <c r="JS33" s="345">
        <v>0</v>
      </c>
      <c r="JT33" s="346">
        <v>0</v>
      </c>
      <c r="JU33" s="351">
        <v>0</v>
      </c>
      <c r="JV33" s="345">
        <v>321075</v>
      </c>
      <c r="JW33" s="345">
        <v>200506</v>
      </c>
      <c r="JX33" s="345">
        <v>109546</v>
      </c>
      <c r="JY33" s="345">
        <v>335927</v>
      </c>
      <c r="JZ33" s="345">
        <v>0</v>
      </c>
      <c r="KA33" s="349">
        <v>967054</v>
      </c>
      <c r="KB33" s="347">
        <v>967054</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271050</v>
      </c>
      <c r="KS33" s="345">
        <v>1110065</v>
      </c>
      <c r="KT33" s="345">
        <v>792410</v>
      </c>
      <c r="KU33" s="345">
        <v>888240</v>
      </c>
      <c r="KV33" s="345">
        <v>1206792</v>
      </c>
      <c r="KW33" s="349">
        <v>4268557</v>
      </c>
      <c r="KX33" s="347">
        <v>4268557</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0</v>
      </c>
      <c r="LR33" s="345">
        <v>0</v>
      </c>
      <c r="LS33" s="349">
        <v>0</v>
      </c>
      <c r="LT33" s="347">
        <v>0</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967682</v>
      </c>
      <c r="MK33" s="345">
        <v>2922021</v>
      </c>
      <c r="ML33" s="345">
        <v>5815426</v>
      </c>
      <c r="MM33" s="345">
        <v>7698456</v>
      </c>
      <c r="MN33" s="345">
        <v>6329966</v>
      </c>
      <c r="MO33" s="349">
        <v>23733551</v>
      </c>
      <c r="MP33" s="354">
        <v>23733551</v>
      </c>
      <c r="MQ33" s="348">
        <v>0</v>
      </c>
      <c r="MR33" s="345">
        <v>0</v>
      </c>
      <c r="MS33" s="349">
        <v>0</v>
      </c>
      <c r="MT33" s="413">
        <v>0</v>
      </c>
      <c r="MU33" s="345">
        <v>0</v>
      </c>
      <c r="MV33" s="345">
        <v>273669</v>
      </c>
      <c r="MW33" s="345">
        <v>3312577</v>
      </c>
      <c r="MX33" s="345">
        <v>6008481</v>
      </c>
      <c r="MY33" s="345">
        <v>5165341</v>
      </c>
      <c r="MZ33" s="349">
        <v>14760068</v>
      </c>
      <c r="NA33" s="354">
        <v>14760068</v>
      </c>
      <c r="NB33" s="348">
        <v>0</v>
      </c>
      <c r="NC33" s="345">
        <v>0</v>
      </c>
      <c r="ND33" s="349">
        <v>0</v>
      </c>
      <c r="NE33" s="413">
        <v>0</v>
      </c>
      <c r="NF33" s="345">
        <v>967682</v>
      </c>
      <c r="NG33" s="345">
        <v>2648352</v>
      </c>
      <c r="NH33" s="345">
        <v>2502849</v>
      </c>
      <c r="NI33" s="345">
        <v>1689975</v>
      </c>
      <c r="NJ33" s="345">
        <v>1164625</v>
      </c>
      <c r="NK33" s="349">
        <v>8973483</v>
      </c>
      <c r="NL33" s="347">
        <v>8973483</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0</v>
      </c>
      <c r="OF33" s="345">
        <v>0</v>
      </c>
      <c r="OG33" s="349">
        <v>0</v>
      </c>
      <c r="OH33" s="350">
        <v>0</v>
      </c>
      <c r="OI33" s="348">
        <v>155738</v>
      </c>
      <c r="OJ33" s="345">
        <v>747151</v>
      </c>
      <c r="OK33" s="346">
        <v>902889</v>
      </c>
      <c r="OL33" s="351">
        <v>0</v>
      </c>
      <c r="OM33" s="345">
        <v>8216340</v>
      </c>
      <c r="ON33" s="345">
        <v>14402374</v>
      </c>
      <c r="OO33" s="345">
        <v>13881455</v>
      </c>
      <c r="OP33" s="345">
        <v>15892456</v>
      </c>
      <c r="OQ33" s="345">
        <v>13541400</v>
      </c>
      <c r="OR33" s="349">
        <v>65934025</v>
      </c>
      <c r="OS33" s="354">
        <v>66836914</v>
      </c>
    </row>
    <row r="34" spans="2:409" s="70" customFormat="1" ht="21" customHeight="1" x14ac:dyDescent="0.2">
      <c r="B34" s="410" t="s">
        <v>29</v>
      </c>
      <c r="C34" s="326">
        <v>653903</v>
      </c>
      <c r="D34" s="327">
        <v>915992</v>
      </c>
      <c r="E34" s="328">
        <v>1569895</v>
      </c>
      <c r="F34" s="329">
        <v>0</v>
      </c>
      <c r="G34" s="327">
        <v>8171378</v>
      </c>
      <c r="H34" s="327">
        <v>11249176</v>
      </c>
      <c r="I34" s="327">
        <v>10170788</v>
      </c>
      <c r="J34" s="327">
        <v>8670326</v>
      </c>
      <c r="K34" s="327">
        <v>7991507</v>
      </c>
      <c r="L34" s="367">
        <v>46253175</v>
      </c>
      <c r="M34" s="330">
        <v>47823070</v>
      </c>
      <c r="N34" s="326">
        <v>100952</v>
      </c>
      <c r="O34" s="327">
        <v>205395</v>
      </c>
      <c r="P34" s="328">
        <v>306347</v>
      </c>
      <c r="Q34" s="326">
        <v>0</v>
      </c>
      <c r="R34" s="327">
        <v>2392546</v>
      </c>
      <c r="S34" s="327">
        <v>3027642</v>
      </c>
      <c r="T34" s="327">
        <v>2105685</v>
      </c>
      <c r="U34" s="327">
        <v>3512756</v>
      </c>
      <c r="V34" s="327">
        <v>4036088</v>
      </c>
      <c r="W34" s="328">
        <v>15074717</v>
      </c>
      <c r="X34" s="330">
        <v>15381064</v>
      </c>
      <c r="Y34" s="326">
        <v>0</v>
      </c>
      <c r="Z34" s="327">
        <v>0</v>
      </c>
      <c r="AA34" s="328">
        <v>0</v>
      </c>
      <c r="AB34" s="326">
        <v>0</v>
      </c>
      <c r="AC34" s="327">
        <v>935177</v>
      </c>
      <c r="AD34" s="327">
        <v>1260823</v>
      </c>
      <c r="AE34" s="327">
        <v>1109275</v>
      </c>
      <c r="AF34" s="327">
        <v>2477502</v>
      </c>
      <c r="AG34" s="327">
        <v>2442393</v>
      </c>
      <c r="AH34" s="328">
        <v>8225170</v>
      </c>
      <c r="AI34" s="330">
        <v>8225170</v>
      </c>
      <c r="AJ34" s="326">
        <v>0</v>
      </c>
      <c r="AK34" s="327">
        <v>0</v>
      </c>
      <c r="AL34" s="328">
        <v>0</v>
      </c>
      <c r="AM34" s="326">
        <v>0</v>
      </c>
      <c r="AN34" s="327">
        <v>0</v>
      </c>
      <c r="AO34" s="327">
        <v>77225</v>
      </c>
      <c r="AP34" s="327">
        <v>0</v>
      </c>
      <c r="AQ34" s="327">
        <v>115835</v>
      </c>
      <c r="AR34" s="327">
        <v>683491</v>
      </c>
      <c r="AS34" s="328">
        <v>876551</v>
      </c>
      <c r="AT34" s="330">
        <v>876551</v>
      </c>
      <c r="AU34" s="326">
        <v>69590</v>
      </c>
      <c r="AV34" s="327">
        <v>133747</v>
      </c>
      <c r="AW34" s="328">
        <v>203337</v>
      </c>
      <c r="AX34" s="326">
        <v>0</v>
      </c>
      <c r="AY34" s="327">
        <v>936948</v>
      </c>
      <c r="AZ34" s="327">
        <v>1245320</v>
      </c>
      <c r="BA34" s="327">
        <v>566969</v>
      </c>
      <c r="BB34" s="327">
        <v>567606</v>
      </c>
      <c r="BC34" s="327">
        <v>684250</v>
      </c>
      <c r="BD34" s="328">
        <v>4001093</v>
      </c>
      <c r="BE34" s="330">
        <v>4204430</v>
      </c>
      <c r="BF34" s="326">
        <v>0</v>
      </c>
      <c r="BG34" s="327">
        <v>40337</v>
      </c>
      <c r="BH34" s="331">
        <v>40337</v>
      </c>
      <c r="BI34" s="332">
        <v>0</v>
      </c>
      <c r="BJ34" s="327">
        <v>131252</v>
      </c>
      <c r="BK34" s="327">
        <v>66113</v>
      </c>
      <c r="BL34" s="327">
        <v>91144</v>
      </c>
      <c r="BM34" s="327">
        <v>54408</v>
      </c>
      <c r="BN34" s="327">
        <v>0</v>
      </c>
      <c r="BO34" s="328">
        <v>342917</v>
      </c>
      <c r="BP34" s="330">
        <v>383254</v>
      </c>
      <c r="BQ34" s="326">
        <v>31362</v>
      </c>
      <c r="BR34" s="327">
        <v>31311</v>
      </c>
      <c r="BS34" s="328">
        <v>62673</v>
      </c>
      <c r="BT34" s="326">
        <v>0</v>
      </c>
      <c r="BU34" s="327">
        <v>389169</v>
      </c>
      <c r="BV34" s="327">
        <v>378161</v>
      </c>
      <c r="BW34" s="327">
        <v>338297</v>
      </c>
      <c r="BX34" s="327">
        <v>297405</v>
      </c>
      <c r="BY34" s="327">
        <v>225954</v>
      </c>
      <c r="BZ34" s="328">
        <v>1628986</v>
      </c>
      <c r="CA34" s="330">
        <v>1691659</v>
      </c>
      <c r="CB34" s="326">
        <v>64064</v>
      </c>
      <c r="CC34" s="327">
        <v>252821</v>
      </c>
      <c r="CD34" s="328">
        <v>316885</v>
      </c>
      <c r="CE34" s="326">
        <v>0</v>
      </c>
      <c r="CF34" s="327">
        <v>2090256</v>
      </c>
      <c r="CG34" s="327">
        <v>3564556</v>
      </c>
      <c r="CH34" s="327">
        <v>4210886</v>
      </c>
      <c r="CI34" s="327">
        <v>1467442</v>
      </c>
      <c r="CJ34" s="327">
        <v>1208103</v>
      </c>
      <c r="CK34" s="328">
        <v>12541243</v>
      </c>
      <c r="CL34" s="330">
        <v>12858128</v>
      </c>
      <c r="CM34" s="326">
        <v>0</v>
      </c>
      <c r="CN34" s="327">
        <v>0</v>
      </c>
      <c r="CO34" s="328">
        <v>0</v>
      </c>
      <c r="CP34" s="332">
        <v>0</v>
      </c>
      <c r="CQ34" s="327">
        <v>1700324</v>
      </c>
      <c r="CR34" s="327">
        <v>2632584</v>
      </c>
      <c r="CS34" s="327">
        <v>2873160</v>
      </c>
      <c r="CT34" s="327">
        <v>1262330</v>
      </c>
      <c r="CU34" s="327">
        <v>1073409</v>
      </c>
      <c r="CV34" s="328">
        <v>9541807</v>
      </c>
      <c r="CW34" s="330">
        <v>9541807</v>
      </c>
      <c r="CX34" s="326">
        <v>64064</v>
      </c>
      <c r="CY34" s="327">
        <v>252821</v>
      </c>
      <c r="CZ34" s="328">
        <v>316885</v>
      </c>
      <c r="DA34" s="326">
        <v>0</v>
      </c>
      <c r="DB34" s="327">
        <v>389932</v>
      </c>
      <c r="DC34" s="327">
        <v>931972</v>
      </c>
      <c r="DD34" s="327">
        <v>1337726</v>
      </c>
      <c r="DE34" s="327">
        <v>205112</v>
      </c>
      <c r="DF34" s="327">
        <v>134694</v>
      </c>
      <c r="DG34" s="328">
        <v>2999436</v>
      </c>
      <c r="DH34" s="330">
        <v>3316321</v>
      </c>
      <c r="DI34" s="326">
        <v>0</v>
      </c>
      <c r="DJ34" s="327">
        <v>0</v>
      </c>
      <c r="DK34" s="331">
        <v>0</v>
      </c>
      <c r="DL34" s="332">
        <v>0</v>
      </c>
      <c r="DM34" s="327">
        <v>174583</v>
      </c>
      <c r="DN34" s="327">
        <v>575858</v>
      </c>
      <c r="DO34" s="327">
        <v>1098325</v>
      </c>
      <c r="DP34" s="327">
        <v>687232</v>
      </c>
      <c r="DQ34" s="327">
        <v>440233</v>
      </c>
      <c r="DR34" s="328">
        <v>2976231</v>
      </c>
      <c r="DS34" s="330">
        <v>2976231</v>
      </c>
      <c r="DT34" s="326">
        <v>0</v>
      </c>
      <c r="DU34" s="327">
        <v>0</v>
      </c>
      <c r="DV34" s="328">
        <v>0</v>
      </c>
      <c r="DW34" s="326">
        <v>0</v>
      </c>
      <c r="DX34" s="327">
        <v>174583</v>
      </c>
      <c r="DY34" s="327">
        <v>549384</v>
      </c>
      <c r="DZ34" s="327">
        <v>1023152</v>
      </c>
      <c r="EA34" s="327">
        <v>651070</v>
      </c>
      <c r="EB34" s="327">
        <v>440233</v>
      </c>
      <c r="EC34" s="328">
        <v>2838422</v>
      </c>
      <c r="ED34" s="330">
        <v>2838422</v>
      </c>
      <c r="EE34" s="326">
        <v>0</v>
      </c>
      <c r="EF34" s="331">
        <v>0</v>
      </c>
      <c r="EG34" s="328">
        <v>0</v>
      </c>
      <c r="EH34" s="326">
        <v>0</v>
      </c>
      <c r="EI34" s="327">
        <v>0</v>
      </c>
      <c r="EJ34" s="327">
        <v>26474</v>
      </c>
      <c r="EK34" s="327">
        <v>75173</v>
      </c>
      <c r="EL34" s="327">
        <v>36162</v>
      </c>
      <c r="EM34" s="327">
        <v>0</v>
      </c>
      <c r="EN34" s="331">
        <v>137809</v>
      </c>
      <c r="EO34" s="330">
        <v>137809</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233292</v>
      </c>
      <c r="FM34" s="327">
        <v>272016</v>
      </c>
      <c r="FN34" s="328">
        <v>505308</v>
      </c>
      <c r="FO34" s="326">
        <v>0</v>
      </c>
      <c r="FP34" s="327">
        <v>598143</v>
      </c>
      <c r="FQ34" s="327">
        <v>1402915</v>
      </c>
      <c r="FR34" s="327">
        <v>733660</v>
      </c>
      <c r="FS34" s="327">
        <v>727176</v>
      </c>
      <c r="FT34" s="327">
        <v>606193</v>
      </c>
      <c r="FU34" s="328">
        <v>4068087</v>
      </c>
      <c r="FV34" s="330">
        <v>4573395</v>
      </c>
      <c r="FW34" s="333">
        <v>171060</v>
      </c>
      <c r="FX34" s="327">
        <v>257166</v>
      </c>
      <c r="FY34" s="331">
        <v>428226</v>
      </c>
      <c r="FZ34" s="332">
        <v>0</v>
      </c>
      <c r="GA34" s="327">
        <v>387003</v>
      </c>
      <c r="GB34" s="327">
        <v>1252930</v>
      </c>
      <c r="GC34" s="327">
        <v>708712</v>
      </c>
      <c r="GD34" s="327">
        <v>704604</v>
      </c>
      <c r="GE34" s="327">
        <v>606193</v>
      </c>
      <c r="GF34" s="328">
        <v>3659442</v>
      </c>
      <c r="GG34" s="334">
        <v>4087668</v>
      </c>
      <c r="GH34" s="333">
        <v>62232</v>
      </c>
      <c r="GI34" s="327">
        <v>0</v>
      </c>
      <c r="GJ34" s="331">
        <v>62232</v>
      </c>
      <c r="GK34" s="332">
        <v>0</v>
      </c>
      <c r="GL34" s="327">
        <v>31140</v>
      </c>
      <c r="GM34" s="327">
        <v>51480</v>
      </c>
      <c r="GN34" s="327">
        <v>24948</v>
      </c>
      <c r="GO34" s="327">
        <v>22572</v>
      </c>
      <c r="GP34" s="327">
        <v>0</v>
      </c>
      <c r="GQ34" s="328">
        <v>130140</v>
      </c>
      <c r="GR34" s="330">
        <v>192372</v>
      </c>
      <c r="GS34" s="326">
        <v>0</v>
      </c>
      <c r="GT34" s="327">
        <v>14850</v>
      </c>
      <c r="GU34" s="328">
        <v>14850</v>
      </c>
      <c r="GV34" s="326">
        <v>0</v>
      </c>
      <c r="GW34" s="327">
        <v>180000</v>
      </c>
      <c r="GX34" s="327">
        <v>98505</v>
      </c>
      <c r="GY34" s="327">
        <v>0</v>
      </c>
      <c r="GZ34" s="327">
        <v>0</v>
      </c>
      <c r="HA34" s="327">
        <v>0</v>
      </c>
      <c r="HB34" s="331">
        <v>278505</v>
      </c>
      <c r="HC34" s="330">
        <v>293355</v>
      </c>
      <c r="HD34" s="326">
        <v>99315</v>
      </c>
      <c r="HE34" s="327">
        <v>0</v>
      </c>
      <c r="HF34" s="331">
        <v>99315</v>
      </c>
      <c r="HG34" s="332">
        <v>0</v>
      </c>
      <c r="HH34" s="327">
        <v>1712644</v>
      </c>
      <c r="HI34" s="327">
        <v>1148095</v>
      </c>
      <c r="HJ34" s="327">
        <v>924669</v>
      </c>
      <c r="HK34" s="327">
        <v>1708304</v>
      </c>
      <c r="HL34" s="327">
        <v>1279793</v>
      </c>
      <c r="HM34" s="328">
        <v>6773505</v>
      </c>
      <c r="HN34" s="329">
        <v>6872820</v>
      </c>
      <c r="HO34" s="333">
        <v>156280</v>
      </c>
      <c r="HP34" s="327">
        <v>185760</v>
      </c>
      <c r="HQ34" s="328">
        <v>342040</v>
      </c>
      <c r="HR34" s="326">
        <v>0</v>
      </c>
      <c r="HS34" s="327">
        <v>1203206</v>
      </c>
      <c r="HT34" s="327">
        <v>1530110</v>
      </c>
      <c r="HU34" s="327">
        <v>1097563</v>
      </c>
      <c r="HV34" s="327">
        <v>567416</v>
      </c>
      <c r="HW34" s="327">
        <v>421097</v>
      </c>
      <c r="HX34" s="331">
        <v>4819392</v>
      </c>
      <c r="HY34" s="330">
        <v>5161432</v>
      </c>
      <c r="HZ34" s="358">
        <v>0</v>
      </c>
      <c r="IA34" s="356">
        <v>0</v>
      </c>
      <c r="IB34" s="358">
        <v>0</v>
      </c>
      <c r="IC34" s="355">
        <v>0</v>
      </c>
      <c r="ID34" s="356">
        <v>4072731</v>
      </c>
      <c r="IE34" s="357">
        <v>5036336</v>
      </c>
      <c r="IF34" s="358">
        <v>7868144</v>
      </c>
      <c r="IG34" s="356">
        <v>5196721</v>
      </c>
      <c r="IH34" s="358">
        <v>2549277</v>
      </c>
      <c r="II34" s="359">
        <v>24723209</v>
      </c>
      <c r="IJ34" s="358">
        <v>24723209</v>
      </c>
      <c r="IK34" s="342">
        <v>0</v>
      </c>
      <c r="IL34" s="343">
        <v>0</v>
      </c>
      <c r="IM34" s="344">
        <v>0</v>
      </c>
      <c r="IN34" s="404">
        <v>0</v>
      </c>
      <c r="IO34" s="345">
        <v>109090</v>
      </c>
      <c r="IP34" s="345">
        <v>0</v>
      </c>
      <c r="IQ34" s="345">
        <v>134296</v>
      </c>
      <c r="IR34" s="345">
        <v>0</v>
      </c>
      <c r="IS34" s="345">
        <v>0</v>
      </c>
      <c r="IT34" s="346">
        <v>243386</v>
      </c>
      <c r="IU34" s="347">
        <v>243386</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755095</v>
      </c>
      <c r="JL34" s="345">
        <v>1328153</v>
      </c>
      <c r="JM34" s="345">
        <v>846593</v>
      </c>
      <c r="JN34" s="345">
        <v>219868</v>
      </c>
      <c r="JO34" s="345">
        <v>0</v>
      </c>
      <c r="JP34" s="349">
        <v>3149709</v>
      </c>
      <c r="JQ34" s="347">
        <v>3149709</v>
      </c>
      <c r="JR34" s="348">
        <v>0</v>
      </c>
      <c r="JS34" s="345">
        <v>0</v>
      </c>
      <c r="JT34" s="346">
        <v>0</v>
      </c>
      <c r="JU34" s="351">
        <v>0</v>
      </c>
      <c r="JV34" s="345">
        <v>177765</v>
      </c>
      <c r="JW34" s="345">
        <v>106022</v>
      </c>
      <c r="JX34" s="345">
        <v>58258</v>
      </c>
      <c r="JY34" s="345">
        <v>0</v>
      </c>
      <c r="JZ34" s="345">
        <v>0</v>
      </c>
      <c r="KA34" s="349">
        <v>342045</v>
      </c>
      <c r="KB34" s="347">
        <v>342045</v>
      </c>
      <c r="KC34" s="352">
        <v>0</v>
      </c>
      <c r="KD34" s="353">
        <v>0</v>
      </c>
      <c r="KE34" s="349">
        <v>0</v>
      </c>
      <c r="KF34" s="351">
        <v>0</v>
      </c>
      <c r="KG34" s="345">
        <v>752980</v>
      </c>
      <c r="KH34" s="345">
        <v>1087714</v>
      </c>
      <c r="KI34" s="345">
        <v>1292254</v>
      </c>
      <c r="KJ34" s="345">
        <v>1773630</v>
      </c>
      <c r="KK34" s="345">
        <v>324027</v>
      </c>
      <c r="KL34" s="349">
        <v>5230605</v>
      </c>
      <c r="KM34" s="354">
        <v>5230605</v>
      </c>
      <c r="KN34" s="342">
        <v>0</v>
      </c>
      <c r="KO34" s="343">
        <v>0</v>
      </c>
      <c r="KP34" s="344">
        <v>0</v>
      </c>
      <c r="KQ34" s="413">
        <v>0</v>
      </c>
      <c r="KR34" s="345">
        <v>2277801</v>
      </c>
      <c r="KS34" s="345">
        <v>2514447</v>
      </c>
      <c r="KT34" s="345">
        <v>2239587</v>
      </c>
      <c r="KU34" s="345">
        <v>846252</v>
      </c>
      <c r="KV34" s="345">
        <v>294813</v>
      </c>
      <c r="KW34" s="349">
        <v>8172900</v>
      </c>
      <c r="KX34" s="347">
        <v>8172900</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297156</v>
      </c>
      <c r="LQ34" s="345">
        <v>2356971</v>
      </c>
      <c r="LR34" s="345">
        <v>1930437</v>
      </c>
      <c r="LS34" s="349">
        <v>7584564</v>
      </c>
      <c r="LT34" s="347">
        <v>7584564</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304407</v>
      </c>
      <c r="MK34" s="345">
        <v>1814818</v>
      </c>
      <c r="ML34" s="345">
        <v>6132414</v>
      </c>
      <c r="MM34" s="345">
        <v>12224746</v>
      </c>
      <c r="MN34" s="345">
        <v>9726988</v>
      </c>
      <c r="MO34" s="349">
        <v>31203373</v>
      </c>
      <c r="MP34" s="354">
        <v>31203373</v>
      </c>
      <c r="MQ34" s="348">
        <v>0</v>
      </c>
      <c r="MR34" s="345">
        <v>0</v>
      </c>
      <c r="MS34" s="349">
        <v>0</v>
      </c>
      <c r="MT34" s="413">
        <v>0</v>
      </c>
      <c r="MU34" s="345">
        <v>0</v>
      </c>
      <c r="MV34" s="345">
        <v>443603</v>
      </c>
      <c r="MW34" s="345">
        <v>3192202</v>
      </c>
      <c r="MX34" s="345">
        <v>7045943</v>
      </c>
      <c r="MY34" s="345">
        <v>5860039</v>
      </c>
      <c r="MZ34" s="349">
        <v>16541787</v>
      </c>
      <c r="NA34" s="354">
        <v>16541787</v>
      </c>
      <c r="NB34" s="348">
        <v>0</v>
      </c>
      <c r="NC34" s="345">
        <v>0</v>
      </c>
      <c r="ND34" s="349">
        <v>0</v>
      </c>
      <c r="NE34" s="413">
        <v>0</v>
      </c>
      <c r="NF34" s="345">
        <v>1304407</v>
      </c>
      <c r="NG34" s="345">
        <v>1371215</v>
      </c>
      <c r="NH34" s="345">
        <v>2940212</v>
      </c>
      <c r="NI34" s="345">
        <v>5178803</v>
      </c>
      <c r="NJ34" s="345">
        <v>3866949</v>
      </c>
      <c r="NK34" s="349">
        <v>14661586</v>
      </c>
      <c r="NL34" s="347">
        <v>14661586</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653903</v>
      </c>
      <c r="OJ34" s="345">
        <v>915992</v>
      </c>
      <c r="OK34" s="346">
        <v>1569895</v>
      </c>
      <c r="OL34" s="351">
        <v>0</v>
      </c>
      <c r="OM34" s="345">
        <v>13548516</v>
      </c>
      <c r="ON34" s="345">
        <v>18100330</v>
      </c>
      <c r="OO34" s="345">
        <v>24171346</v>
      </c>
      <c r="OP34" s="345">
        <v>26091793</v>
      </c>
      <c r="OQ34" s="345">
        <v>20267772</v>
      </c>
      <c r="OR34" s="349">
        <v>102179757</v>
      </c>
      <c r="OS34" s="354">
        <v>103749652</v>
      </c>
    </row>
    <row r="35" spans="2:409" s="70" customFormat="1" ht="21" customHeight="1" x14ac:dyDescent="0.2">
      <c r="B35" s="410" t="s">
        <v>30</v>
      </c>
      <c r="C35" s="326">
        <v>755207</v>
      </c>
      <c r="D35" s="327">
        <v>987351</v>
      </c>
      <c r="E35" s="368">
        <v>1742558</v>
      </c>
      <c r="F35" s="370">
        <v>0</v>
      </c>
      <c r="G35" s="369">
        <v>8428841</v>
      </c>
      <c r="H35" s="369">
        <v>8581463</v>
      </c>
      <c r="I35" s="369">
        <v>9647701</v>
      </c>
      <c r="J35" s="369">
        <v>8236248</v>
      </c>
      <c r="K35" s="369">
        <v>4131100</v>
      </c>
      <c r="L35" s="370">
        <v>39025353</v>
      </c>
      <c r="M35" s="330">
        <v>40767911</v>
      </c>
      <c r="N35" s="326">
        <v>146111</v>
      </c>
      <c r="O35" s="327">
        <v>318383</v>
      </c>
      <c r="P35" s="328">
        <v>464494</v>
      </c>
      <c r="Q35" s="326">
        <v>0</v>
      </c>
      <c r="R35" s="327">
        <v>2429114</v>
      </c>
      <c r="S35" s="327">
        <v>2060189</v>
      </c>
      <c r="T35" s="327">
        <v>3191893</v>
      </c>
      <c r="U35" s="327">
        <v>3696957</v>
      </c>
      <c r="V35" s="327">
        <v>2202164</v>
      </c>
      <c r="W35" s="328">
        <v>13580317</v>
      </c>
      <c r="X35" s="330">
        <v>14044811</v>
      </c>
      <c r="Y35" s="326">
        <v>0</v>
      </c>
      <c r="Z35" s="327">
        <v>0</v>
      </c>
      <c r="AA35" s="328">
        <v>0</v>
      </c>
      <c r="AB35" s="326">
        <v>0</v>
      </c>
      <c r="AC35" s="327">
        <v>866946</v>
      </c>
      <c r="AD35" s="327">
        <v>907689</v>
      </c>
      <c r="AE35" s="327">
        <v>1769410</v>
      </c>
      <c r="AF35" s="327">
        <v>2309676</v>
      </c>
      <c r="AG35" s="327">
        <v>1568207</v>
      </c>
      <c r="AH35" s="328">
        <v>7421928</v>
      </c>
      <c r="AI35" s="330">
        <v>7421928</v>
      </c>
      <c r="AJ35" s="326">
        <v>0</v>
      </c>
      <c r="AK35" s="327">
        <v>0</v>
      </c>
      <c r="AL35" s="328">
        <v>0</v>
      </c>
      <c r="AM35" s="326">
        <v>0</v>
      </c>
      <c r="AN35" s="327">
        <v>52487</v>
      </c>
      <c r="AO35" s="327">
        <v>54490</v>
      </c>
      <c r="AP35" s="327">
        <v>217883</v>
      </c>
      <c r="AQ35" s="327">
        <v>414035</v>
      </c>
      <c r="AR35" s="327">
        <v>168028</v>
      </c>
      <c r="AS35" s="328">
        <v>906923</v>
      </c>
      <c r="AT35" s="330">
        <v>906923</v>
      </c>
      <c r="AU35" s="326">
        <v>124614</v>
      </c>
      <c r="AV35" s="327">
        <v>293255</v>
      </c>
      <c r="AW35" s="328">
        <v>417869</v>
      </c>
      <c r="AX35" s="326">
        <v>0</v>
      </c>
      <c r="AY35" s="327">
        <v>1146566</v>
      </c>
      <c r="AZ35" s="327">
        <v>811424</v>
      </c>
      <c r="BA35" s="327">
        <v>864993</v>
      </c>
      <c r="BB35" s="327">
        <v>555141</v>
      </c>
      <c r="BC35" s="327">
        <v>344906</v>
      </c>
      <c r="BD35" s="328">
        <v>3723030</v>
      </c>
      <c r="BE35" s="330">
        <v>4140899</v>
      </c>
      <c r="BF35" s="326">
        <v>6827</v>
      </c>
      <c r="BG35" s="327">
        <v>0</v>
      </c>
      <c r="BH35" s="331">
        <v>6827</v>
      </c>
      <c r="BI35" s="332">
        <v>0</v>
      </c>
      <c r="BJ35" s="327">
        <v>-6998</v>
      </c>
      <c r="BK35" s="327">
        <v>25586</v>
      </c>
      <c r="BL35" s="327">
        <v>-1463</v>
      </c>
      <c r="BM35" s="327">
        <v>0</v>
      </c>
      <c r="BN35" s="327">
        <v>0</v>
      </c>
      <c r="BO35" s="328">
        <v>17125</v>
      </c>
      <c r="BP35" s="330">
        <v>23952</v>
      </c>
      <c r="BQ35" s="326">
        <v>14670</v>
      </c>
      <c r="BR35" s="327">
        <v>25128</v>
      </c>
      <c r="BS35" s="328">
        <v>39798</v>
      </c>
      <c r="BT35" s="326">
        <v>0</v>
      </c>
      <c r="BU35" s="327">
        <v>370113</v>
      </c>
      <c r="BV35" s="327">
        <v>261000</v>
      </c>
      <c r="BW35" s="327">
        <v>341070</v>
      </c>
      <c r="BX35" s="327">
        <v>418105</v>
      </c>
      <c r="BY35" s="327">
        <v>121023</v>
      </c>
      <c r="BZ35" s="328">
        <v>1511311</v>
      </c>
      <c r="CA35" s="330">
        <v>1551109</v>
      </c>
      <c r="CB35" s="326">
        <v>134869</v>
      </c>
      <c r="CC35" s="327">
        <v>301288</v>
      </c>
      <c r="CD35" s="328">
        <v>436157</v>
      </c>
      <c r="CE35" s="326">
        <v>0</v>
      </c>
      <c r="CF35" s="327">
        <v>2360173</v>
      </c>
      <c r="CG35" s="327">
        <v>2297853</v>
      </c>
      <c r="CH35" s="327">
        <v>1671634</v>
      </c>
      <c r="CI35" s="327">
        <v>1706432</v>
      </c>
      <c r="CJ35" s="327">
        <v>681597</v>
      </c>
      <c r="CK35" s="328">
        <v>8717689</v>
      </c>
      <c r="CL35" s="330">
        <v>9153846</v>
      </c>
      <c r="CM35" s="326">
        <v>0</v>
      </c>
      <c r="CN35" s="327">
        <v>0</v>
      </c>
      <c r="CO35" s="328">
        <v>0</v>
      </c>
      <c r="CP35" s="332">
        <v>0</v>
      </c>
      <c r="CQ35" s="327">
        <v>1934710</v>
      </c>
      <c r="CR35" s="327">
        <v>1759268</v>
      </c>
      <c r="CS35" s="327">
        <v>1454750</v>
      </c>
      <c r="CT35" s="327">
        <v>1304447</v>
      </c>
      <c r="CU35" s="327">
        <v>560764</v>
      </c>
      <c r="CV35" s="328">
        <v>7013939</v>
      </c>
      <c r="CW35" s="330">
        <v>7013939</v>
      </c>
      <c r="CX35" s="326">
        <v>134869</v>
      </c>
      <c r="CY35" s="327">
        <v>301288</v>
      </c>
      <c r="CZ35" s="328">
        <v>436157</v>
      </c>
      <c r="DA35" s="326">
        <v>0</v>
      </c>
      <c r="DB35" s="327">
        <v>425463</v>
      </c>
      <c r="DC35" s="327">
        <v>538585</v>
      </c>
      <c r="DD35" s="327">
        <v>216884</v>
      </c>
      <c r="DE35" s="327">
        <v>401985</v>
      </c>
      <c r="DF35" s="327">
        <v>120833</v>
      </c>
      <c r="DG35" s="328">
        <v>1703750</v>
      </c>
      <c r="DH35" s="330">
        <v>2139907</v>
      </c>
      <c r="DI35" s="326">
        <v>11991</v>
      </c>
      <c r="DJ35" s="327">
        <v>0</v>
      </c>
      <c r="DK35" s="331">
        <v>11991</v>
      </c>
      <c r="DL35" s="332">
        <v>0</v>
      </c>
      <c r="DM35" s="327">
        <v>233837</v>
      </c>
      <c r="DN35" s="327">
        <v>1240178</v>
      </c>
      <c r="DO35" s="327">
        <v>1711224</v>
      </c>
      <c r="DP35" s="327">
        <v>497124</v>
      </c>
      <c r="DQ35" s="327">
        <v>91985</v>
      </c>
      <c r="DR35" s="328">
        <v>3774348</v>
      </c>
      <c r="DS35" s="330">
        <v>3786339</v>
      </c>
      <c r="DT35" s="326">
        <v>11991</v>
      </c>
      <c r="DU35" s="327">
        <v>0</v>
      </c>
      <c r="DV35" s="328">
        <v>11991</v>
      </c>
      <c r="DW35" s="326">
        <v>0</v>
      </c>
      <c r="DX35" s="327">
        <v>233837</v>
      </c>
      <c r="DY35" s="327">
        <v>1062910</v>
      </c>
      <c r="DZ35" s="327">
        <v>1503760</v>
      </c>
      <c r="EA35" s="327">
        <v>474148</v>
      </c>
      <c r="EB35" s="327">
        <v>37098</v>
      </c>
      <c r="EC35" s="328">
        <v>3311753</v>
      </c>
      <c r="ED35" s="330">
        <v>3323744</v>
      </c>
      <c r="EE35" s="326">
        <v>0</v>
      </c>
      <c r="EF35" s="331">
        <v>0</v>
      </c>
      <c r="EG35" s="328">
        <v>0</v>
      </c>
      <c r="EH35" s="326">
        <v>0</v>
      </c>
      <c r="EI35" s="327">
        <v>0</v>
      </c>
      <c r="EJ35" s="327">
        <v>177268</v>
      </c>
      <c r="EK35" s="327">
        <v>207464</v>
      </c>
      <c r="EL35" s="327">
        <v>22976</v>
      </c>
      <c r="EM35" s="327">
        <v>54887</v>
      </c>
      <c r="EN35" s="331">
        <v>462595</v>
      </c>
      <c r="EO35" s="330">
        <v>462595</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294276</v>
      </c>
      <c r="FM35" s="327">
        <v>192060</v>
      </c>
      <c r="FN35" s="328">
        <v>486336</v>
      </c>
      <c r="FO35" s="326">
        <v>0</v>
      </c>
      <c r="FP35" s="327">
        <v>599770</v>
      </c>
      <c r="FQ35" s="327">
        <v>640421</v>
      </c>
      <c r="FR35" s="327">
        <v>853174</v>
      </c>
      <c r="FS35" s="327">
        <v>599279</v>
      </c>
      <c r="FT35" s="327">
        <v>388647</v>
      </c>
      <c r="FU35" s="328">
        <v>3081291</v>
      </c>
      <c r="FV35" s="330">
        <v>3567627</v>
      </c>
      <c r="FW35" s="333">
        <v>242436</v>
      </c>
      <c r="FX35" s="327">
        <v>171072</v>
      </c>
      <c r="FY35" s="331">
        <v>413508</v>
      </c>
      <c r="FZ35" s="332">
        <v>0</v>
      </c>
      <c r="GA35" s="327">
        <v>518947</v>
      </c>
      <c r="GB35" s="327">
        <v>640421</v>
      </c>
      <c r="GC35" s="327">
        <v>853174</v>
      </c>
      <c r="GD35" s="327">
        <v>577301</v>
      </c>
      <c r="GE35" s="327">
        <v>279324</v>
      </c>
      <c r="GF35" s="328">
        <v>2869167</v>
      </c>
      <c r="GG35" s="334">
        <v>3282675</v>
      </c>
      <c r="GH35" s="333">
        <v>0</v>
      </c>
      <c r="GI35" s="327">
        <v>20988</v>
      </c>
      <c r="GJ35" s="331">
        <v>20988</v>
      </c>
      <c r="GK35" s="332">
        <v>0</v>
      </c>
      <c r="GL35" s="327">
        <v>80823</v>
      </c>
      <c r="GM35" s="327">
        <v>0</v>
      </c>
      <c r="GN35" s="327">
        <v>0</v>
      </c>
      <c r="GO35" s="327">
        <v>21978</v>
      </c>
      <c r="GP35" s="327">
        <v>109323</v>
      </c>
      <c r="GQ35" s="328">
        <v>212124</v>
      </c>
      <c r="GR35" s="330">
        <v>233112</v>
      </c>
      <c r="GS35" s="326">
        <v>51840</v>
      </c>
      <c r="GT35" s="327">
        <v>0</v>
      </c>
      <c r="GU35" s="328">
        <v>51840</v>
      </c>
      <c r="GV35" s="326">
        <v>0</v>
      </c>
      <c r="GW35" s="327">
        <v>0</v>
      </c>
      <c r="GX35" s="327">
        <v>0</v>
      </c>
      <c r="GY35" s="327">
        <v>0</v>
      </c>
      <c r="GZ35" s="327">
        <v>0</v>
      </c>
      <c r="HA35" s="327">
        <v>0</v>
      </c>
      <c r="HB35" s="331">
        <v>0</v>
      </c>
      <c r="HC35" s="330">
        <v>51840</v>
      </c>
      <c r="HD35" s="326">
        <v>0</v>
      </c>
      <c r="HE35" s="327">
        <v>0</v>
      </c>
      <c r="HF35" s="331">
        <v>0</v>
      </c>
      <c r="HG35" s="332">
        <v>0</v>
      </c>
      <c r="HH35" s="327">
        <v>1470727</v>
      </c>
      <c r="HI35" s="327">
        <v>1495661</v>
      </c>
      <c r="HJ35" s="327">
        <v>1360242</v>
      </c>
      <c r="HK35" s="327">
        <v>1240312</v>
      </c>
      <c r="HL35" s="327">
        <v>535155</v>
      </c>
      <c r="HM35" s="328">
        <v>6102097</v>
      </c>
      <c r="HN35" s="329">
        <v>6102097</v>
      </c>
      <c r="HO35" s="333">
        <v>167960</v>
      </c>
      <c r="HP35" s="327">
        <v>175620</v>
      </c>
      <c r="HQ35" s="328">
        <v>343580</v>
      </c>
      <c r="HR35" s="326">
        <v>0</v>
      </c>
      <c r="HS35" s="327">
        <v>1335220</v>
      </c>
      <c r="HT35" s="327">
        <v>847161</v>
      </c>
      <c r="HU35" s="327">
        <v>859534</v>
      </c>
      <c r="HV35" s="327">
        <v>496144</v>
      </c>
      <c r="HW35" s="327">
        <v>231552</v>
      </c>
      <c r="HX35" s="331">
        <v>3769611</v>
      </c>
      <c r="HY35" s="330">
        <v>4113191</v>
      </c>
      <c r="HZ35" s="335">
        <v>0</v>
      </c>
      <c r="IA35" s="336">
        <v>0</v>
      </c>
      <c r="IB35" s="337">
        <v>0</v>
      </c>
      <c r="IC35" s="338">
        <v>0</v>
      </c>
      <c r="ID35" s="336">
        <v>2524824</v>
      </c>
      <c r="IE35" s="339">
        <v>1997439</v>
      </c>
      <c r="IF35" s="337">
        <v>1590282</v>
      </c>
      <c r="IG35" s="336">
        <v>2763583</v>
      </c>
      <c r="IH35" s="337">
        <v>480870</v>
      </c>
      <c r="II35" s="340">
        <v>9356998</v>
      </c>
      <c r="IJ35" s="341">
        <v>9356998</v>
      </c>
      <c r="IK35" s="342">
        <v>0</v>
      </c>
      <c r="IL35" s="343">
        <v>0</v>
      </c>
      <c r="IM35" s="344">
        <v>0</v>
      </c>
      <c r="IN35" s="404">
        <v>0</v>
      </c>
      <c r="IO35" s="345">
        <v>0</v>
      </c>
      <c r="IP35" s="345">
        <v>173556</v>
      </c>
      <c r="IQ35" s="345">
        <v>128349</v>
      </c>
      <c r="IR35" s="345">
        <v>0</v>
      </c>
      <c r="IS35" s="345">
        <v>0</v>
      </c>
      <c r="IT35" s="346">
        <v>301905</v>
      </c>
      <c r="IU35" s="347">
        <v>301905</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567021</v>
      </c>
      <c r="JL35" s="345">
        <v>965069</v>
      </c>
      <c r="JM35" s="345">
        <v>681984</v>
      </c>
      <c r="JN35" s="345">
        <v>540490</v>
      </c>
      <c r="JO35" s="345">
        <v>101394</v>
      </c>
      <c r="JP35" s="349">
        <v>3855958</v>
      </c>
      <c r="JQ35" s="347">
        <v>3855958</v>
      </c>
      <c r="JR35" s="348">
        <v>0</v>
      </c>
      <c r="JS35" s="345">
        <v>0</v>
      </c>
      <c r="JT35" s="346">
        <v>0</v>
      </c>
      <c r="JU35" s="351">
        <v>0</v>
      </c>
      <c r="JV35" s="345">
        <v>45471</v>
      </c>
      <c r="JW35" s="345">
        <v>236266</v>
      </c>
      <c r="JX35" s="345">
        <v>0</v>
      </c>
      <c r="JY35" s="345">
        <v>0</v>
      </c>
      <c r="JZ35" s="345">
        <v>0</v>
      </c>
      <c r="KA35" s="349">
        <v>281737</v>
      </c>
      <c r="KB35" s="347">
        <v>281737</v>
      </c>
      <c r="KC35" s="352">
        <v>0</v>
      </c>
      <c r="KD35" s="353">
        <v>0</v>
      </c>
      <c r="KE35" s="349">
        <v>0</v>
      </c>
      <c r="KF35" s="351">
        <v>0</v>
      </c>
      <c r="KG35" s="345">
        <v>0</v>
      </c>
      <c r="KH35" s="345">
        <v>0</v>
      </c>
      <c r="KI35" s="345">
        <v>274527</v>
      </c>
      <c r="KJ35" s="345">
        <v>0</v>
      </c>
      <c r="KK35" s="345">
        <v>0</v>
      </c>
      <c r="KL35" s="349">
        <v>274527</v>
      </c>
      <c r="KM35" s="354">
        <v>274527</v>
      </c>
      <c r="KN35" s="342">
        <v>0</v>
      </c>
      <c r="KO35" s="343">
        <v>0</v>
      </c>
      <c r="KP35" s="344">
        <v>0</v>
      </c>
      <c r="KQ35" s="413">
        <v>0</v>
      </c>
      <c r="KR35" s="345">
        <v>912332</v>
      </c>
      <c r="KS35" s="345">
        <v>622548</v>
      </c>
      <c r="KT35" s="345">
        <v>505422</v>
      </c>
      <c r="KU35" s="345">
        <v>2223093</v>
      </c>
      <c r="KV35" s="345">
        <v>379476</v>
      </c>
      <c r="KW35" s="349">
        <v>4642871</v>
      </c>
      <c r="KX35" s="347">
        <v>4642871</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583088</v>
      </c>
      <c r="MK35" s="345">
        <v>2664883</v>
      </c>
      <c r="ML35" s="345">
        <v>7788973</v>
      </c>
      <c r="MM35" s="345">
        <v>13716742</v>
      </c>
      <c r="MN35" s="345">
        <v>8887328</v>
      </c>
      <c r="MO35" s="349">
        <v>35641014</v>
      </c>
      <c r="MP35" s="354">
        <v>35641014</v>
      </c>
      <c r="MQ35" s="348">
        <v>0</v>
      </c>
      <c r="MR35" s="345">
        <v>0</v>
      </c>
      <c r="MS35" s="349">
        <v>0</v>
      </c>
      <c r="MT35" s="413">
        <v>0</v>
      </c>
      <c r="MU35" s="345">
        <v>0</v>
      </c>
      <c r="MV35" s="345">
        <v>1014066</v>
      </c>
      <c r="MW35" s="345">
        <v>5450016</v>
      </c>
      <c r="MX35" s="345">
        <v>8859881</v>
      </c>
      <c r="MY35" s="345">
        <v>5668797</v>
      </c>
      <c r="MZ35" s="349">
        <v>20992760</v>
      </c>
      <c r="NA35" s="354">
        <v>20992760</v>
      </c>
      <c r="NB35" s="348">
        <v>0</v>
      </c>
      <c r="NC35" s="345">
        <v>0</v>
      </c>
      <c r="ND35" s="349">
        <v>0</v>
      </c>
      <c r="NE35" s="413">
        <v>0</v>
      </c>
      <c r="NF35" s="345">
        <v>2583088</v>
      </c>
      <c r="NG35" s="345">
        <v>1650817</v>
      </c>
      <c r="NH35" s="345">
        <v>2338957</v>
      </c>
      <c r="NI35" s="345">
        <v>4842941</v>
      </c>
      <c r="NJ35" s="345">
        <v>2503416</v>
      </c>
      <c r="NK35" s="349">
        <v>13919219</v>
      </c>
      <c r="NL35" s="347">
        <v>13919219</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13920</v>
      </c>
      <c r="OF35" s="345">
        <v>715115</v>
      </c>
      <c r="OG35" s="349">
        <v>729035</v>
      </c>
      <c r="OH35" s="350">
        <v>729035</v>
      </c>
      <c r="OI35" s="348">
        <v>755207</v>
      </c>
      <c r="OJ35" s="345">
        <v>987351</v>
      </c>
      <c r="OK35" s="346">
        <v>1742558</v>
      </c>
      <c r="OL35" s="351">
        <v>0</v>
      </c>
      <c r="OM35" s="345">
        <v>13536753</v>
      </c>
      <c r="ON35" s="345">
        <v>13243785</v>
      </c>
      <c r="OO35" s="345">
        <v>19026956</v>
      </c>
      <c r="OP35" s="345">
        <v>24716573</v>
      </c>
      <c r="OQ35" s="345">
        <v>13499298</v>
      </c>
      <c r="OR35" s="349">
        <v>84023365</v>
      </c>
      <c r="OS35" s="354">
        <v>85765923</v>
      </c>
    </row>
    <row r="36" spans="2:409" s="70" customFormat="1" ht="21" customHeight="1" x14ac:dyDescent="0.2">
      <c r="B36" s="410" t="s">
        <v>31</v>
      </c>
      <c r="C36" s="326">
        <v>586947</v>
      </c>
      <c r="D36" s="327">
        <v>1020214</v>
      </c>
      <c r="E36" s="328">
        <v>1607161</v>
      </c>
      <c r="F36" s="329">
        <v>0</v>
      </c>
      <c r="G36" s="327">
        <v>7815162</v>
      </c>
      <c r="H36" s="327">
        <v>9373658</v>
      </c>
      <c r="I36" s="327">
        <v>8107192</v>
      </c>
      <c r="J36" s="327">
        <v>6073324</v>
      </c>
      <c r="K36" s="327">
        <v>3699064</v>
      </c>
      <c r="L36" s="367">
        <v>35068400</v>
      </c>
      <c r="M36" s="330">
        <v>36675561</v>
      </c>
      <c r="N36" s="326">
        <v>99778</v>
      </c>
      <c r="O36" s="327">
        <v>177594</v>
      </c>
      <c r="P36" s="328">
        <v>277372</v>
      </c>
      <c r="Q36" s="326">
        <v>0</v>
      </c>
      <c r="R36" s="327">
        <v>1456960</v>
      </c>
      <c r="S36" s="327">
        <v>1677181</v>
      </c>
      <c r="T36" s="327">
        <v>1828626</v>
      </c>
      <c r="U36" s="327">
        <v>2136117</v>
      </c>
      <c r="V36" s="327">
        <v>1558287</v>
      </c>
      <c r="W36" s="328">
        <v>8657171</v>
      </c>
      <c r="X36" s="330">
        <v>8934543</v>
      </c>
      <c r="Y36" s="326">
        <v>0</v>
      </c>
      <c r="Z36" s="327">
        <v>0</v>
      </c>
      <c r="AA36" s="328">
        <v>0</v>
      </c>
      <c r="AB36" s="326">
        <v>0</v>
      </c>
      <c r="AC36" s="327">
        <v>344078</v>
      </c>
      <c r="AD36" s="327">
        <v>702277</v>
      </c>
      <c r="AE36" s="327">
        <v>718888</v>
      </c>
      <c r="AF36" s="327">
        <v>850671</v>
      </c>
      <c r="AG36" s="327">
        <v>724446</v>
      </c>
      <c r="AH36" s="328">
        <v>3340360</v>
      </c>
      <c r="AI36" s="330">
        <v>3340360</v>
      </c>
      <c r="AJ36" s="326">
        <v>0</v>
      </c>
      <c r="AK36" s="327">
        <v>0</v>
      </c>
      <c r="AL36" s="328">
        <v>0</v>
      </c>
      <c r="AM36" s="326">
        <v>0</v>
      </c>
      <c r="AN36" s="327">
        <v>196315</v>
      </c>
      <c r="AO36" s="327">
        <v>58319</v>
      </c>
      <c r="AP36" s="327">
        <v>221029</v>
      </c>
      <c r="AQ36" s="327">
        <v>357690</v>
      </c>
      <c r="AR36" s="327">
        <v>350897</v>
      </c>
      <c r="AS36" s="328">
        <v>1184250</v>
      </c>
      <c r="AT36" s="330">
        <v>1184250</v>
      </c>
      <c r="AU36" s="326">
        <v>21582</v>
      </c>
      <c r="AV36" s="327">
        <v>116198</v>
      </c>
      <c r="AW36" s="328">
        <v>137780</v>
      </c>
      <c r="AX36" s="326">
        <v>0</v>
      </c>
      <c r="AY36" s="327">
        <v>714366</v>
      </c>
      <c r="AZ36" s="327">
        <v>640056</v>
      </c>
      <c r="BA36" s="327">
        <v>647470</v>
      </c>
      <c r="BB36" s="327">
        <v>633267</v>
      </c>
      <c r="BC36" s="327">
        <v>351311</v>
      </c>
      <c r="BD36" s="328">
        <v>2986470</v>
      </c>
      <c r="BE36" s="330">
        <v>3124250</v>
      </c>
      <c r="BF36" s="326">
        <v>43384</v>
      </c>
      <c r="BG36" s="327">
        <v>61396</v>
      </c>
      <c r="BH36" s="331">
        <v>104780</v>
      </c>
      <c r="BI36" s="332">
        <v>0</v>
      </c>
      <c r="BJ36" s="327">
        <v>105001</v>
      </c>
      <c r="BK36" s="327">
        <v>35001</v>
      </c>
      <c r="BL36" s="327">
        <v>96820</v>
      </c>
      <c r="BM36" s="327">
        <v>105002</v>
      </c>
      <c r="BN36" s="327">
        <v>0</v>
      </c>
      <c r="BO36" s="328">
        <v>341824</v>
      </c>
      <c r="BP36" s="330">
        <v>446604</v>
      </c>
      <c r="BQ36" s="326">
        <v>34812</v>
      </c>
      <c r="BR36" s="327">
        <v>0</v>
      </c>
      <c r="BS36" s="328">
        <v>34812</v>
      </c>
      <c r="BT36" s="326">
        <v>0</v>
      </c>
      <c r="BU36" s="327">
        <v>97200</v>
      </c>
      <c r="BV36" s="327">
        <v>241528</v>
      </c>
      <c r="BW36" s="327">
        <v>144419</v>
      </c>
      <c r="BX36" s="327">
        <v>189487</v>
      </c>
      <c r="BY36" s="327">
        <v>131633</v>
      </c>
      <c r="BZ36" s="328">
        <v>804267</v>
      </c>
      <c r="CA36" s="330">
        <v>839079</v>
      </c>
      <c r="CB36" s="326">
        <v>23319</v>
      </c>
      <c r="CC36" s="327">
        <v>41911</v>
      </c>
      <c r="CD36" s="328">
        <v>65230</v>
      </c>
      <c r="CE36" s="326">
        <v>0</v>
      </c>
      <c r="CF36" s="327">
        <v>3063851</v>
      </c>
      <c r="CG36" s="327">
        <v>3356905</v>
      </c>
      <c r="CH36" s="327">
        <v>2143801</v>
      </c>
      <c r="CI36" s="327">
        <v>893963</v>
      </c>
      <c r="CJ36" s="327">
        <v>839487</v>
      </c>
      <c r="CK36" s="328">
        <v>10298007</v>
      </c>
      <c r="CL36" s="330">
        <v>10363237</v>
      </c>
      <c r="CM36" s="326">
        <v>0</v>
      </c>
      <c r="CN36" s="327">
        <v>0</v>
      </c>
      <c r="CO36" s="328">
        <v>0</v>
      </c>
      <c r="CP36" s="332">
        <v>0</v>
      </c>
      <c r="CQ36" s="327">
        <v>2725393</v>
      </c>
      <c r="CR36" s="327">
        <v>2890668</v>
      </c>
      <c r="CS36" s="327">
        <v>1357678</v>
      </c>
      <c r="CT36" s="327">
        <v>682605</v>
      </c>
      <c r="CU36" s="327">
        <v>693301</v>
      </c>
      <c r="CV36" s="328">
        <v>8349645</v>
      </c>
      <c r="CW36" s="330">
        <v>8349645</v>
      </c>
      <c r="CX36" s="326">
        <v>23319</v>
      </c>
      <c r="CY36" s="327">
        <v>41911</v>
      </c>
      <c r="CZ36" s="328">
        <v>65230</v>
      </c>
      <c r="DA36" s="326">
        <v>0</v>
      </c>
      <c r="DB36" s="327">
        <v>338458</v>
      </c>
      <c r="DC36" s="327">
        <v>466237</v>
      </c>
      <c r="DD36" s="327">
        <v>786123</v>
      </c>
      <c r="DE36" s="327">
        <v>211358</v>
      </c>
      <c r="DF36" s="327">
        <v>146186</v>
      </c>
      <c r="DG36" s="328">
        <v>1948362</v>
      </c>
      <c r="DH36" s="330">
        <v>2013592</v>
      </c>
      <c r="DI36" s="326">
        <v>0</v>
      </c>
      <c r="DJ36" s="327">
        <v>50436</v>
      </c>
      <c r="DK36" s="331">
        <v>50436</v>
      </c>
      <c r="DL36" s="332">
        <v>0</v>
      </c>
      <c r="DM36" s="327">
        <v>370544</v>
      </c>
      <c r="DN36" s="327">
        <v>450569</v>
      </c>
      <c r="DO36" s="327">
        <v>1792476</v>
      </c>
      <c r="DP36" s="327">
        <v>720143</v>
      </c>
      <c r="DQ36" s="327">
        <v>220670</v>
      </c>
      <c r="DR36" s="328">
        <v>3554402</v>
      </c>
      <c r="DS36" s="330">
        <v>3604838</v>
      </c>
      <c r="DT36" s="326">
        <v>0</v>
      </c>
      <c r="DU36" s="327">
        <v>50436</v>
      </c>
      <c r="DV36" s="328">
        <v>50436</v>
      </c>
      <c r="DW36" s="326">
        <v>0</v>
      </c>
      <c r="DX36" s="327">
        <v>222651</v>
      </c>
      <c r="DY36" s="327">
        <v>402558</v>
      </c>
      <c r="DZ36" s="327">
        <v>1558524</v>
      </c>
      <c r="EA36" s="327">
        <v>720143</v>
      </c>
      <c r="EB36" s="327">
        <v>115316</v>
      </c>
      <c r="EC36" s="328">
        <v>3019192</v>
      </c>
      <c r="ED36" s="330">
        <v>3069628</v>
      </c>
      <c r="EE36" s="326">
        <v>0</v>
      </c>
      <c r="EF36" s="331">
        <v>0</v>
      </c>
      <c r="EG36" s="328">
        <v>0</v>
      </c>
      <c r="EH36" s="326">
        <v>0</v>
      </c>
      <c r="EI36" s="327">
        <v>147893</v>
      </c>
      <c r="EJ36" s="327">
        <v>48011</v>
      </c>
      <c r="EK36" s="327">
        <v>233952</v>
      </c>
      <c r="EL36" s="327">
        <v>0</v>
      </c>
      <c r="EM36" s="327">
        <v>105354</v>
      </c>
      <c r="EN36" s="331">
        <v>535210</v>
      </c>
      <c r="EO36" s="330">
        <v>53521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84090</v>
      </c>
      <c r="FM36" s="327">
        <v>467466</v>
      </c>
      <c r="FN36" s="328">
        <v>651556</v>
      </c>
      <c r="FO36" s="326">
        <v>0</v>
      </c>
      <c r="FP36" s="327">
        <v>618039</v>
      </c>
      <c r="FQ36" s="327">
        <v>972763</v>
      </c>
      <c r="FR36" s="327">
        <v>636378</v>
      </c>
      <c r="FS36" s="327">
        <v>626623</v>
      </c>
      <c r="FT36" s="327">
        <v>363374</v>
      </c>
      <c r="FU36" s="328">
        <v>3217177</v>
      </c>
      <c r="FV36" s="330">
        <v>3868733</v>
      </c>
      <c r="FW36" s="333">
        <v>132790</v>
      </c>
      <c r="FX36" s="327">
        <v>412026</v>
      </c>
      <c r="FY36" s="331">
        <v>544816</v>
      </c>
      <c r="FZ36" s="332">
        <v>0</v>
      </c>
      <c r="GA36" s="327">
        <v>385363</v>
      </c>
      <c r="GB36" s="327">
        <v>774943</v>
      </c>
      <c r="GC36" s="327">
        <v>608478</v>
      </c>
      <c r="GD36" s="327">
        <v>599343</v>
      </c>
      <c r="GE36" s="327">
        <v>363374</v>
      </c>
      <c r="GF36" s="328">
        <v>2731501</v>
      </c>
      <c r="GG36" s="334">
        <v>3276317</v>
      </c>
      <c r="GH36" s="333">
        <v>51300</v>
      </c>
      <c r="GI36" s="327">
        <v>0</v>
      </c>
      <c r="GJ36" s="331">
        <v>51300</v>
      </c>
      <c r="GK36" s="332">
        <v>0</v>
      </c>
      <c r="GL36" s="327">
        <v>34966</v>
      </c>
      <c r="GM36" s="327">
        <v>0</v>
      </c>
      <c r="GN36" s="327">
        <v>27900</v>
      </c>
      <c r="GO36" s="327">
        <v>0</v>
      </c>
      <c r="GP36" s="327">
        <v>0</v>
      </c>
      <c r="GQ36" s="328">
        <v>62866</v>
      </c>
      <c r="GR36" s="330">
        <v>114166</v>
      </c>
      <c r="GS36" s="326">
        <v>0</v>
      </c>
      <c r="GT36" s="327">
        <v>55440</v>
      </c>
      <c r="GU36" s="328">
        <v>55440</v>
      </c>
      <c r="GV36" s="326">
        <v>0</v>
      </c>
      <c r="GW36" s="327">
        <v>197710</v>
      </c>
      <c r="GX36" s="327">
        <v>197820</v>
      </c>
      <c r="GY36" s="327">
        <v>0</v>
      </c>
      <c r="GZ36" s="327">
        <v>27280</v>
      </c>
      <c r="HA36" s="327">
        <v>0</v>
      </c>
      <c r="HB36" s="331">
        <v>422810</v>
      </c>
      <c r="HC36" s="330">
        <v>478250</v>
      </c>
      <c r="HD36" s="326">
        <v>159426</v>
      </c>
      <c r="HE36" s="327">
        <v>0</v>
      </c>
      <c r="HF36" s="331">
        <v>159426</v>
      </c>
      <c r="HG36" s="332">
        <v>0</v>
      </c>
      <c r="HH36" s="327">
        <v>877281</v>
      </c>
      <c r="HI36" s="327">
        <v>1724125</v>
      </c>
      <c r="HJ36" s="327">
        <v>859473</v>
      </c>
      <c r="HK36" s="327">
        <v>1234454</v>
      </c>
      <c r="HL36" s="327">
        <v>514179</v>
      </c>
      <c r="HM36" s="328">
        <v>5209512</v>
      </c>
      <c r="HN36" s="329">
        <v>5368938</v>
      </c>
      <c r="HO36" s="333">
        <v>120334</v>
      </c>
      <c r="HP36" s="327">
        <v>282807</v>
      </c>
      <c r="HQ36" s="328">
        <v>403141</v>
      </c>
      <c r="HR36" s="326">
        <v>0</v>
      </c>
      <c r="HS36" s="327">
        <v>1428487</v>
      </c>
      <c r="HT36" s="327">
        <v>1192115</v>
      </c>
      <c r="HU36" s="327">
        <v>846438</v>
      </c>
      <c r="HV36" s="327">
        <v>462024</v>
      </c>
      <c r="HW36" s="327">
        <v>203067</v>
      </c>
      <c r="HX36" s="331">
        <v>4132131</v>
      </c>
      <c r="HY36" s="330">
        <v>4535272</v>
      </c>
      <c r="HZ36" s="358">
        <v>0</v>
      </c>
      <c r="IA36" s="356">
        <v>91877</v>
      </c>
      <c r="IB36" s="358">
        <v>91877</v>
      </c>
      <c r="IC36" s="355">
        <v>0</v>
      </c>
      <c r="ID36" s="356">
        <v>6404820</v>
      </c>
      <c r="IE36" s="357">
        <v>4794426</v>
      </c>
      <c r="IF36" s="358">
        <v>5814463</v>
      </c>
      <c r="IG36" s="356">
        <v>4588095</v>
      </c>
      <c r="IH36" s="358">
        <v>1769639</v>
      </c>
      <c r="II36" s="359">
        <v>23371443</v>
      </c>
      <c r="IJ36" s="358">
        <v>23463320</v>
      </c>
      <c r="IK36" s="342">
        <v>0</v>
      </c>
      <c r="IL36" s="343">
        <v>0</v>
      </c>
      <c r="IM36" s="344">
        <v>0</v>
      </c>
      <c r="IN36" s="404">
        <v>0</v>
      </c>
      <c r="IO36" s="345">
        <v>0</v>
      </c>
      <c r="IP36" s="345">
        <v>60426</v>
      </c>
      <c r="IQ36" s="345">
        <v>0</v>
      </c>
      <c r="IR36" s="345">
        <v>0</v>
      </c>
      <c r="IS36" s="345">
        <v>0</v>
      </c>
      <c r="IT36" s="346">
        <v>60426</v>
      </c>
      <c r="IU36" s="347">
        <v>60426</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922759</v>
      </c>
      <c r="JL36" s="345">
        <v>800412</v>
      </c>
      <c r="JM36" s="345">
        <v>660632</v>
      </c>
      <c r="JN36" s="345">
        <v>22050</v>
      </c>
      <c r="JO36" s="345">
        <v>0</v>
      </c>
      <c r="JP36" s="349">
        <v>2405853</v>
      </c>
      <c r="JQ36" s="347">
        <v>2405853</v>
      </c>
      <c r="JR36" s="348">
        <v>0</v>
      </c>
      <c r="JS36" s="345">
        <v>0</v>
      </c>
      <c r="JT36" s="346">
        <v>0</v>
      </c>
      <c r="JU36" s="351">
        <v>0</v>
      </c>
      <c r="JV36" s="345">
        <v>0</v>
      </c>
      <c r="JW36" s="345">
        <v>157313</v>
      </c>
      <c r="JX36" s="345">
        <v>46606</v>
      </c>
      <c r="JY36" s="345">
        <v>185114</v>
      </c>
      <c r="JZ36" s="345">
        <v>0</v>
      </c>
      <c r="KA36" s="349">
        <v>389033</v>
      </c>
      <c r="KB36" s="347">
        <v>389033</v>
      </c>
      <c r="KC36" s="352">
        <v>0</v>
      </c>
      <c r="KD36" s="353">
        <v>91877</v>
      </c>
      <c r="KE36" s="349">
        <v>91877</v>
      </c>
      <c r="KF36" s="351">
        <v>0</v>
      </c>
      <c r="KG36" s="345">
        <v>1657314</v>
      </c>
      <c r="KH36" s="345">
        <v>817261</v>
      </c>
      <c r="KI36" s="345">
        <v>2158930</v>
      </c>
      <c r="KJ36" s="345">
        <v>295376</v>
      </c>
      <c r="KK36" s="345">
        <v>0</v>
      </c>
      <c r="KL36" s="349">
        <v>4928881</v>
      </c>
      <c r="KM36" s="354">
        <v>5020758</v>
      </c>
      <c r="KN36" s="342">
        <v>0</v>
      </c>
      <c r="KO36" s="343">
        <v>0</v>
      </c>
      <c r="KP36" s="344">
        <v>0</v>
      </c>
      <c r="KQ36" s="413">
        <v>0</v>
      </c>
      <c r="KR36" s="345">
        <v>3824747</v>
      </c>
      <c r="KS36" s="345">
        <v>2959014</v>
      </c>
      <c r="KT36" s="345">
        <v>2948295</v>
      </c>
      <c r="KU36" s="345">
        <v>3628371</v>
      </c>
      <c r="KV36" s="345">
        <v>1769639</v>
      </c>
      <c r="KW36" s="349">
        <v>15130066</v>
      </c>
      <c r="KX36" s="347">
        <v>15130066</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457184</v>
      </c>
      <c r="LR36" s="345">
        <v>0</v>
      </c>
      <c r="LS36" s="349">
        <v>457184</v>
      </c>
      <c r="LT36" s="347">
        <v>457184</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771849</v>
      </c>
      <c r="MK36" s="345">
        <v>2865684</v>
      </c>
      <c r="ML36" s="345">
        <v>10999577</v>
      </c>
      <c r="MM36" s="345">
        <v>12063645</v>
      </c>
      <c r="MN36" s="345">
        <v>8207586</v>
      </c>
      <c r="MO36" s="349">
        <v>35908341</v>
      </c>
      <c r="MP36" s="354">
        <v>35908341</v>
      </c>
      <c r="MQ36" s="348">
        <v>0</v>
      </c>
      <c r="MR36" s="345">
        <v>0</v>
      </c>
      <c r="MS36" s="349">
        <v>0</v>
      </c>
      <c r="MT36" s="413">
        <v>0</v>
      </c>
      <c r="MU36" s="345">
        <v>433160</v>
      </c>
      <c r="MV36" s="345">
        <v>653611</v>
      </c>
      <c r="MW36" s="345">
        <v>7500791</v>
      </c>
      <c r="MX36" s="345">
        <v>6685948</v>
      </c>
      <c r="MY36" s="345">
        <v>7043443</v>
      </c>
      <c r="MZ36" s="349">
        <v>22316953</v>
      </c>
      <c r="NA36" s="354">
        <v>22316953</v>
      </c>
      <c r="NB36" s="348">
        <v>0</v>
      </c>
      <c r="NC36" s="345">
        <v>0</v>
      </c>
      <c r="ND36" s="349">
        <v>0</v>
      </c>
      <c r="NE36" s="413">
        <v>0</v>
      </c>
      <c r="NF36" s="345">
        <v>1052562</v>
      </c>
      <c r="NG36" s="345">
        <v>2212073</v>
      </c>
      <c r="NH36" s="345">
        <v>3498786</v>
      </c>
      <c r="NI36" s="345">
        <v>4576127</v>
      </c>
      <c r="NJ36" s="345">
        <v>346244</v>
      </c>
      <c r="NK36" s="349">
        <v>11685792</v>
      </c>
      <c r="NL36" s="347">
        <v>11685792</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86127</v>
      </c>
      <c r="OC36" s="345">
        <v>0</v>
      </c>
      <c r="OD36" s="345">
        <v>0</v>
      </c>
      <c r="OE36" s="345">
        <v>801570</v>
      </c>
      <c r="OF36" s="345">
        <v>817899</v>
      </c>
      <c r="OG36" s="349">
        <v>1905596</v>
      </c>
      <c r="OH36" s="350">
        <v>1905596</v>
      </c>
      <c r="OI36" s="348">
        <v>586947</v>
      </c>
      <c r="OJ36" s="345">
        <v>1112091</v>
      </c>
      <c r="OK36" s="346">
        <v>1699038</v>
      </c>
      <c r="OL36" s="351">
        <v>0</v>
      </c>
      <c r="OM36" s="345">
        <v>15991831</v>
      </c>
      <c r="ON36" s="345">
        <v>17033768</v>
      </c>
      <c r="OO36" s="345">
        <v>24921232</v>
      </c>
      <c r="OP36" s="345">
        <v>22725064</v>
      </c>
      <c r="OQ36" s="345">
        <v>13676289</v>
      </c>
      <c r="OR36" s="349">
        <v>94348184</v>
      </c>
      <c r="OS36" s="354">
        <v>96047222</v>
      </c>
    </row>
    <row r="37" spans="2:409" s="70" customFormat="1" ht="21" customHeight="1" x14ac:dyDescent="0.2">
      <c r="B37" s="410" t="s">
        <v>32</v>
      </c>
      <c r="C37" s="326">
        <v>724771</v>
      </c>
      <c r="D37" s="327">
        <v>1839016</v>
      </c>
      <c r="E37" s="368">
        <v>2563787</v>
      </c>
      <c r="F37" s="370">
        <v>0</v>
      </c>
      <c r="G37" s="369">
        <v>9725914</v>
      </c>
      <c r="H37" s="369">
        <v>11771010</v>
      </c>
      <c r="I37" s="369">
        <v>8148982</v>
      </c>
      <c r="J37" s="369">
        <v>9499984</v>
      </c>
      <c r="K37" s="369">
        <v>8988693</v>
      </c>
      <c r="L37" s="370">
        <v>48134583</v>
      </c>
      <c r="M37" s="330">
        <v>50698370</v>
      </c>
      <c r="N37" s="326">
        <v>190485</v>
      </c>
      <c r="O37" s="327">
        <v>297624</v>
      </c>
      <c r="P37" s="328">
        <v>488109</v>
      </c>
      <c r="Q37" s="326">
        <v>0</v>
      </c>
      <c r="R37" s="327">
        <v>3083644</v>
      </c>
      <c r="S37" s="327">
        <v>2501208</v>
      </c>
      <c r="T37" s="327">
        <v>2301089</v>
      </c>
      <c r="U37" s="327">
        <v>2314204</v>
      </c>
      <c r="V37" s="327">
        <v>3205816</v>
      </c>
      <c r="W37" s="328">
        <v>13405961</v>
      </c>
      <c r="X37" s="330">
        <v>13894070</v>
      </c>
      <c r="Y37" s="326">
        <v>0</v>
      </c>
      <c r="Z37" s="327">
        <v>0</v>
      </c>
      <c r="AA37" s="328">
        <v>0</v>
      </c>
      <c r="AB37" s="326">
        <v>0</v>
      </c>
      <c r="AC37" s="327">
        <v>1408737</v>
      </c>
      <c r="AD37" s="327">
        <v>1129523</v>
      </c>
      <c r="AE37" s="327">
        <v>1361085</v>
      </c>
      <c r="AF37" s="327">
        <v>822871</v>
      </c>
      <c r="AG37" s="327">
        <v>1677009</v>
      </c>
      <c r="AH37" s="328">
        <v>6399225</v>
      </c>
      <c r="AI37" s="330">
        <v>6399225</v>
      </c>
      <c r="AJ37" s="326">
        <v>0</v>
      </c>
      <c r="AK37" s="327">
        <v>0</v>
      </c>
      <c r="AL37" s="328">
        <v>0</v>
      </c>
      <c r="AM37" s="326">
        <v>0</v>
      </c>
      <c r="AN37" s="327">
        <v>0</v>
      </c>
      <c r="AO37" s="327">
        <v>0</v>
      </c>
      <c r="AP37" s="327">
        <v>86951</v>
      </c>
      <c r="AQ37" s="327">
        <v>478691</v>
      </c>
      <c r="AR37" s="327">
        <v>423800</v>
      </c>
      <c r="AS37" s="328">
        <v>989442</v>
      </c>
      <c r="AT37" s="330">
        <v>989442</v>
      </c>
      <c r="AU37" s="326">
        <v>133578</v>
      </c>
      <c r="AV37" s="327">
        <v>237369</v>
      </c>
      <c r="AW37" s="328">
        <v>370947</v>
      </c>
      <c r="AX37" s="326">
        <v>0</v>
      </c>
      <c r="AY37" s="327">
        <v>1263813</v>
      </c>
      <c r="AZ37" s="327">
        <v>1105721</v>
      </c>
      <c r="BA37" s="327">
        <v>437850</v>
      </c>
      <c r="BB37" s="327">
        <v>436552</v>
      </c>
      <c r="BC37" s="327">
        <v>695969</v>
      </c>
      <c r="BD37" s="328">
        <v>3939905</v>
      </c>
      <c r="BE37" s="330">
        <v>4310852</v>
      </c>
      <c r="BF37" s="326">
        <v>0</v>
      </c>
      <c r="BG37" s="327">
        <v>0</v>
      </c>
      <c r="BH37" s="331">
        <v>0</v>
      </c>
      <c r="BI37" s="332">
        <v>0</v>
      </c>
      <c r="BJ37" s="327">
        <v>148753</v>
      </c>
      <c r="BK37" s="327">
        <v>50556</v>
      </c>
      <c r="BL37" s="327">
        <v>0</v>
      </c>
      <c r="BM37" s="327">
        <v>111808</v>
      </c>
      <c r="BN37" s="327">
        <v>82395</v>
      </c>
      <c r="BO37" s="328">
        <v>393512</v>
      </c>
      <c r="BP37" s="330">
        <v>393512</v>
      </c>
      <c r="BQ37" s="326">
        <v>56907</v>
      </c>
      <c r="BR37" s="327">
        <v>60255</v>
      </c>
      <c r="BS37" s="328">
        <v>117162</v>
      </c>
      <c r="BT37" s="326">
        <v>0</v>
      </c>
      <c r="BU37" s="327">
        <v>262341</v>
      </c>
      <c r="BV37" s="327">
        <v>215408</v>
      </c>
      <c r="BW37" s="327">
        <v>415203</v>
      </c>
      <c r="BX37" s="327">
        <v>464282</v>
      </c>
      <c r="BY37" s="327">
        <v>326643</v>
      </c>
      <c r="BZ37" s="328">
        <v>1683877</v>
      </c>
      <c r="CA37" s="330">
        <v>1801039</v>
      </c>
      <c r="CB37" s="326">
        <v>47350</v>
      </c>
      <c r="CC37" s="327">
        <v>210636</v>
      </c>
      <c r="CD37" s="328">
        <v>257986</v>
      </c>
      <c r="CE37" s="326">
        <v>0</v>
      </c>
      <c r="CF37" s="327">
        <v>2790881</v>
      </c>
      <c r="CG37" s="327">
        <v>4497747</v>
      </c>
      <c r="CH37" s="327">
        <v>2285789</v>
      </c>
      <c r="CI37" s="327">
        <v>2116028</v>
      </c>
      <c r="CJ37" s="327">
        <v>1413988</v>
      </c>
      <c r="CK37" s="328">
        <v>13104433</v>
      </c>
      <c r="CL37" s="330">
        <v>13362419</v>
      </c>
      <c r="CM37" s="326">
        <v>0</v>
      </c>
      <c r="CN37" s="327">
        <v>0</v>
      </c>
      <c r="CO37" s="328">
        <v>0</v>
      </c>
      <c r="CP37" s="332">
        <v>0</v>
      </c>
      <c r="CQ37" s="327">
        <v>2398670</v>
      </c>
      <c r="CR37" s="327">
        <v>3821311</v>
      </c>
      <c r="CS37" s="327">
        <v>2085657</v>
      </c>
      <c r="CT37" s="327">
        <v>1665403</v>
      </c>
      <c r="CU37" s="327">
        <v>1100971</v>
      </c>
      <c r="CV37" s="328">
        <v>11072012</v>
      </c>
      <c r="CW37" s="330">
        <v>11072012</v>
      </c>
      <c r="CX37" s="326">
        <v>47350</v>
      </c>
      <c r="CY37" s="327">
        <v>210636</v>
      </c>
      <c r="CZ37" s="328">
        <v>257986</v>
      </c>
      <c r="DA37" s="326">
        <v>0</v>
      </c>
      <c r="DB37" s="327">
        <v>392211</v>
      </c>
      <c r="DC37" s="327">
        <v>676436</v>
      </c>
      <c r="DD37" s="327">
        <v>200132</v>
      </c>
      <c r="DE37" s="327">
        <v>450625</v>
      </c>
      <c r="DF37" s="327">
        <v>313017</v>
      </c>
      <c r="DG37" s="328">
        <v>2032421</v>
      </c>
      <c r="DH37" s="330">
        <v>2290407</v>
      </c>
      <c r="DI37" s="326">
        <v>0</v>
      </c>
      <c r="DJ37" s="327">
        <v>34884</v>
      </c>
      <c r="DK37" s="331">
        <v>34884</v>
      </c>
      <c r="DL37" s="332">
        <v>0</v>
      </c>
      <c r="DM37" s="327">
        <v>68781</v>
      </c>
      <c r="DN37" s="327">
        <v>759311</v>
      </c>
      <c r="DO37" s="327">
        <v>906885</v>
      </c>
      <c r="DP37" s="327">
        <v>417496</v>
      </c>
      <c r="DQ37" s="327">
        <v>842608</v>
      </c>
      <c r="DR37" s="328">
        <v>2995081</v>
      </c>
      <c r="DS37" s="330">
        <v>3029965</v>
      </c>
      <c r="DT37" s="326">
        <v>0</v>
      </c>
      <c r="DU37" s="327">
        <v>34884</v>
      </c>
      <c r="DV37" s="328">
        <v>34884</v>
      </c>
      <c r="DW37" s="326">
        <v>0</v>
      </c>
      <c r="DX37" s="327">
        <v>68781</v>
      </c>
      <c r="DY37" s="327">
        <v>608567</v>
      </c>
      <c r="DZ37" s="327">
        <v>906885</v>
      </c>
      <c r="EA37" s="327">
        <v>417496</v>
      </c>
      <c r="EB37" s="327">
        <v>673103</v>
      </c>
      <c r="EC37" s="328">
        <v>2674832</v>
      </c>
      <c r="ED37" s="330">
        <v>2709716</v>
      </c>
      <c r="EE37" s="326">
        <v>0</v>
      </c>
      <c r="EF37" s="331">
        <v>0</v>
      </c>
      <c r="EG37" s="328">
        <v>0</v>
      </c>
      <c r="EH37" s="326">
        <v>0</v>
      </c>
      <c r="EI37" s="327">
        <v>0</v>
      </c>
      <c r="EJ37" s="327">
        <v>150744</v>
      </c>
      <c r="EK37" s="327">
        <v>0</v>
      </c>
      <c r="EL37" s="327">
        <v>0</v>
      </c>
      <c r="EM37" s="327">
        <v>169505</v>
      </c>
      <c r="EN37" s="331">
        <v>320249</v>
      </c>
      <c r="EO37" s="330">
        <v>320249</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168825</v>
      </c>
      <c r="FM37" s="327">
        <v>639132</v>
      </c>
      <c r="FN37" s="328">
        <v>807957</v>
      </c>
      <c r="FO37" s="326">
        <v>0</v>
      </c>
      <c r="FP37" s="327">
        <v>668765</v>
      </c>
      <c r="FQ37" s="327">
        <v>1065554</v>
      </c>
      <c r="FR37" s="327">
        <v>811901</v>
      </c>
      <c r="FS37" s="327">
        <v>670929</v>
      </c>
      <c r="FT37" s="327">
        <v>548464</v>
      </c>
      <c r="FU37" s="328">
        <v>3765613</v>
      </c>
      <c r="FV37" s="330">
        <v>4573570</v>
      </c>
      <c r="FW37" s="333">
        <v>153480</v>
      </c>
      <c r="FX37" s="327">
        <v>517532</v>
      </c>
      <c r="FY37" s="331">
        <v>671012</v>
      </c>
      <c r="FZ37" s="332">
        <v>0</v>
      </c>
      <c r="GA37" s="327">
        <v>635325</v>
      </c>
      <c r="GB37" s="327">
        <v>1065554</v>
      </c>
      <c r="GC37" s="327">
        <v>586001</v>
      </c>
      <c r="GD37" s="327">
        <v>670929</v>
      </c>
      <c r="GE37" s="327">
        <v>548464</v>
      </c>
      <c r="GF37" s="328">
        <v>3506273</v>
      </c>
      <c r="GG37" s="334">
        <v>4177285</v>
      </c>
      <c r="GH37" s="333">
        <v>0</v>
      </c>
      <c r="GI37" s="327">
        <v>0</v>
      </c>
      <c r="GJ37" s="331">
        <v>0</v>
      </c>
      <c r="GK37" s="332">
        <v>0</v>
      </c>
      <c r="GL37" s="327">
        <v>0</v>
      </c>
      <c r="GM37" s="327">
        <v>0</v>
      </c>
      <c r="GN37" s="327">
        <v>0</v>
      </c>
      <c r="GO37" s="327">
        <v>0</v>
      </c>
      <c r="GP37" s="327">
        <v>0</v>
      </c>
      <c r="GQ37" s="328">
        <v>0</v>
      </c>
      <c r="GR37" s="330">
        <v>0</v>
      </c>
      <c r="GS37" s="326">
        <v>15345</v>
      </c>
      <c r="GT37" s="327">
        <v>121600</v>
      </c>
      <c r="GU37" s="328">
        <v>136945</v>
      </c>
      <c r="GV37" s="326">
        <v>0</v>
      </c>
      <c r="GW37" s="327">
        <v>33440</v>
      </c>
      <c r="GX37" s="327">
        <v>0</v>
      </c>
      <c r="GY37" s="327">
        <v>225900</v>
      </c>
      <c r="GZ37" s="327">
        <v>0</v>
      </c>
      <c r="HA37" s="327">
        <v>0</v>
      </c>
      <c r="HB37" s="331">
        <v>259340</v>
      </c>
      <c r="HC37" s="330">
        <v>396285</v>
      </c>
      <c r="HD37" s="326">
        <v>185511</v>
      </c>
      <c r="HE37" s="327">
        <v>360440</v>
      </c>
      <c r="HF37" s="331">
        <v>545951</v>
      </c>
      <c r="HG37" s="332">
        <v>0</v>
      </c>
      <c r="HH37" s="327">
        <v>1191874</v>
      </c>
      <c r="HI37" s="327">
        <v>1449383</v>
      </c>
      <c r="HJ37" s="327">
        <v>1098861</v>
      </c>
      <c r="HK37" s="327">
        <v>3432150</v>
      </c>
      <c r="HL37" s="327">
        <v>2566273</v>
      </c>
      <c r="HM37" s="328">
        <v>9738541</v>
      </c>
      <c r="HN37" s="329">
        <v>10284492</v>
      </c>
      <c r="HO37" s="333">
        <v>132600</v>
      </c>
      <c r="HP37" s="327">
        <v>296300</v>
      </c>
      <c r="HQ37" s="328">
        <v>428900</v>
      </c>
      <c r="HR37" s="326">
        <v>0</v>
      </c>
      <c r="HS37" s="327">
        <v>1921969</v>
      </c>
      <c r="HT37" s="327">
        <v>1497807</v>
      </c>
      <c r="HU37" s="327">
        <v>744457</v>
      </c>
      <c r="HV37" s="327">
        <v>549177</v>
      </c>
      <c r="HW37" s="327">
        <v>411544</v>
      </c>
      <c r="HX37" s="331">
        <v>5124954</v>
      </c>
      <c r="HY37" s="330">
        <v>5553854</v>
      </c>
      <c r="HZ37" s="335">
        <v>0</v>
      </c>
      <c r="IA37" s="336">
        <v>493884</v>
      </c>
      <c r="IB37" s="337">
        <v>493884</v>
      </c>
      <c r="IC37" s="338">
        <v>0</v>
      </c>
      <c r="ID37" s="336">
        <v>5390162</v>
      </c>
      <c r="IE37" s="339">
        <v>3560965</v>
      </c>
      <c r="IF37" s="337">
        <v>6305149</v>
      </c>
      <c r="IG37" s="336">
        <v>6046496</v>
      </c>
      <c r="IH37" s="337">
        <v>3197528</v>
      </c>
      <c r="II37" s="340">
        <v>24500300</v>
      </c>
      <c r="IJ37" s="341">
        <v>24994184</v>
      </c>
      <c r="IK37" s="342">
        <v>0</v>
      </c>
      <c r="IL37" s="343">
        <v>0</v>
      </c>
      <c r="IM37" s="344">
        <v>0</v>
      </c>
      <c r="IN37" s="404">
        <v>0</v>
      </c>
      <c r="IO37" s="345">
        <v>73647</v>
      </c>
      <c r="IP37" s="345">
        <v>266712</v>
      </c>
      <c r="IQ37" s="345">
        <v>191457</v>
      </c>
      <c r="IR37" s="345">
        <v>558423</v>
      </c>
      <c r="IS37" s="345">
        <v>0</v>
      </c>
      <c r="IT37" s="346">
        <v>1090239</v>
      </c>
      <c r="IU37" s="347">
        <v>1090239</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296677</v>
      </c>
      <c r="JL37" s="345">
        <v>1982818</v>
      </c>
      <c r="JM37" s="345">
        <v>398134</v>
      </c>
      <c r="JN37" s="345">
        <v>402542</v>
      </c>
      <c r="JO37" s="345">
        <v>183793</v>
      </c>
      <c r="JP37" s="349">
        <v>5263964</v>
      </c>
      <c r="JQ37" s="347">
        <v>5263964</v>
      </c>
      <c r="JR37" s="348">
        <v>0</v>
      </c>
      <c r="JS37" s="345">
        <v>0</v>
      </c>
      <c r="JT37" s="346">
        <v>0</v>
      </c>
      <c r="JU37" s="351">
        <v>0</v>
      </c>
      <c r="JV37" s="345">
        <v>531721</v>
      </c>
      <c r="JW37" s="345">
        <v>112790</v>
      </c>
      <c r="JX37" s="345">
        <v>174451</v>
      </c>
      <c r="JY37" s="345">
        <v>0</v>
      </c>
      <c r="JZ37" s="345">
        <v>164718</v>
      </c>
      <c r="KA37" s="349">
        <v>983680</v>
      </c>
      <c r="KB37" s="347">
        <v>983680</v>
      </c>
      <c r="KC37" s="352">
        <v>0</v>
      </c>
      <c r="KD37" s="353">
        <v>493884</v>
      </c>
      <c r="KE37" s="349">
        <v>493884</v>
      </c>
      <c r="KF37" s="351">
        <v>0</v>
      </c>
      <c r="KG37" s="345">
        <v>995391</v>
      </c>
      <c r="KH37" s="345">
        <v>364239</v>
      </c>
      <c r="KI37" s="345">
        <v>702401</v>
      </c>
      <c r="KJ37" s="345">
        <v>1081872</v>
      </c>
      <c r="KK37" s="345">
        <v>0</v>
      </c>
      <c r="KL37" s="349">
        <v>3143903</v>
      </c>
      <c r="KM37" s="354">
        <v>3637787</v>
      </c>
      <c r="KN37" s="342">
        <v>0</v>
      </c>
      <c r="KO37" s="343">
        <v>0</v>
      </c>
      <c r="KP37" s="344">
        <v>0</v>
      </c>
      <c r="KQ37" s="413">
        <v>0</v>
      </c>
      <c r="KR37" s="345">
        <v>1299262</v>
      </c>
      <c r="KS37" s="345">
        <v>834406</v>
      </c>
      <c r="KT37" s="345">
        <v>2171625</v>
      </c>
      <c r="KU37" s="345">
        <v>1994210</v>
      </c>
      <c r="KV37" s="345">
        <v>1155919</v>
      </c>
      <c r="KW37" s="349">
        <v>7455422</v>
      </c>
      <c r="KX37" s="347">
        <v>7455422</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93464</v>
      </c>
      <c r="LO37" s="345">
        <v>0</v>
      </c>
      <c r="LP37" s="345">
        <v>2667081</v>
      </c>
      <c r="LQ37" s="345">
        <v>2009449</v>
      </c>
      <c r="LR37" s="345">
        <v>1693098</v>
      </c>
      <c r="LS37" s="349">
        <v>6563092</v>
      </c>
      <c r="LT37" s="347">
        <v>6563092</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356594</v>
      </c>
      <c r="MK37" s="345">
        <v>1608608</v>
      </c>
      <c r="ML37" s="345">
        <v>7519442</v>
      </c>
      <c r="MM37" s="345">
        <v>13198199</v>
      </c>
      <c r="MN37" s="345">
        <v>8354356</v>
      </c>
      <c r="MO37" s="349">
        <v>33037199</v>
      </c>
      <c r="MP37" s="354">
        <v>33037199</v>
      </c>
      <c r="MQ37" s="348">
        <v>0</v>
      </c>
      <c r="MR37" s="345">
        <v>0</v>
      </c>
      <c r="MS37" s="349">
        <v>0</v>
      </c>
      <c r="MT37" s="413">
        <v>0</v>
      </c>
      <c r="MU37" s="345">
        <v>616258</v>
      </c>
      <c r="MV37" s="345">
        <v>0</v>
      </c>
      <c r="MW37" s="345">
        <v>3545775</v>
      </c>
      <c r="MX37" s="345">
        <v>7198357</v>
      </c>
      <c r="MY37" s="345">
        <v>5830919</v>
      </c>
      <c r="MZ37" s="349">
        <v>17191309</v>
      </c>
      <c r="NA37" s="354">
        <v>17191309</v>
      </c>
      <c r="NB37" s="348">
        <v>0</v>
      </c>
      <c r="NC37" s="345">
        <v>0</v>
      </c>
      <c r="ND37" s="349">
        <v>0</v>
      </c>
      <c r="NE37" s="413">
        <v>0</v>
      </c>
      <c r="NF37" s="345">
        <v>1469833</v>
      </c>
      <c r="NG37" s="345">
        <v>1304246</v>
      </c>
      <c r="NH37" s="345">
        <v>3665948</v>
      </c>
      <c r="NI37" s="345">
        <v>5999842</v>
      </c>
      <c r="NJ37" s="345">
        <v>2107079</v>
      </c>
      <c r="NK37" s="349">
        <v>14546948</v>
      </c>
      <c r="NL37" s="347">
        <v>14546948</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270503</v>
      </c>
      <c r="OC37" s="345">
        <v>304362</v>
      </c>
      <c r="OD37" s="345">
        <v>307719</v>
      </c>
      <c r="OE37" s="345">
        <v>0</v>
      </c>
      <c r="OF37" s="345">
        <v>416358</v>
      </c>
      <c r="OG37" s="349">
        <v>1298942</v>
      </c>
      <c r="OH37" s="350">
        <v>1298942</v>
      </c>
      <c r="OI37" s="348">
        <v>724771</v>
      </c>
      <c r="OJ37" s="345">
        <v>2332900</v>
      </c>
      <c r="OK37" s="346">
        <v>3057671</v>
      </c>
      <c r="OL37" s="351">
        <v>0</v>
      </c>
      <c r="OM37" s="345">
        <v>17472670</v>
      </c>
      <c r="ON37" s="345">
        <v>16940583</v>
      </c>
      <c r="OO37" s="345">
        <v>21973573</v>
      </c>
      <c r="OP37" s="345">
        <v>28744679</v>
      </c>
      <c r="OQ37" s="345">
        <v>20540577</v>
      </c>
      <c r="OR37" s="349">
        <v>105672082</v>
      </c>
      <c r="OS37" s="354">
        <v>108729753</v>
      </c>
    </row>
    <row r="38" spans="2:409" s="70" customFormat="1" ht="21" customHeight="1" x14ac:dyDescent="0.2">
      <c r="B38" s="410" t="s">
        <v>33</v>
      </c>
      <c r="C38" s="326">
        <v>972187</v>
      </c>
      <c r="D38" s="327">
        <v>2053074</v>
      </c>
      <c r="E38" s="328">
        <v>3025261</v>
      </c>
      <c r="F38" s="329">
        <v>0</v>
      </c>
      <c r="G38" s="327">
        <v>12305522</v>
      </c>
      <c r="H38" s="327">
        <v>9459212</v>
      </c>
      <c r="I38" s="327">
        <v>10165268</v>
      </c>
      <c r="J38" s="327">
        <v>4968096</v>
      </c>
      <c r="K38" s="327">
        <v>6417351</v>
      </c>
      <c r="L38" s="367">
        <v>43315449</v>
      </c>
      <c r="M38" s="330">
        <v>46340710</v>
      </c>
      <c r="N38" s="326">
        <v>381591</v>
      </c>
      <c r="O38" s="327">
        <v>743610</v>
      </c>
      <c r="P38" s="328">
        <v>1125201</v>
      </c>
      <c r="Q38" s="326">
        <v>0</v>
      </c>
      <c r="R38" s="327">
        <v>4553752</v>
      </c>
      <c r="S38" s="327">
        <v>2663738</v>
      </c>
      <c r="T38" s="327">
        <v>2519428</v>
      </c>
      <c r="U38" s="327">
        <v>909377</v>
      </c>
      <c r="V38" s="327">
        <v>2472309</v>
      </c>
      <c r="W38" s="328">
        <v>13118604</v>
      </c>
      <c r="X38" s="330">
        <v>14243805</v>
      </c>
      <c r="Y38" s="326">
        <v>0</v>
      </c>
      <c r="Z38" s="327">
        <v>0</v>
      </c>
      <c r="AA38" s="328">
        <v>0</v>
      </c>
      <c r="AB38" s="326">
        <v>0</v>
      </c>
      <c r="AC38" s="327">
        <v>1238179</v>
      </c>
      <c r="AD38" s="327">
        <v>821061</v>
      </c>
      <c r="AE38" s="327">
        <v>1199744</v>
      </c>
      <c r="AF38" s="327">
        <v>183841</v>
      </c>
      <c r="AG38" s="327">
        <v>1550086</v>
      </c>
      <c r="AH38" s="328">
        <v>4992911</v>
      </c>
      <c r="AI38" s="330">
        <v>4992911</v>
      </c>
      <c r="AJ38" s="326">
        <v>0</v>
      </c>
      <c r="AK38" s="327">
        <v>0</v>
      </c>
      <c r="AL38" s="328">
        <v>0</v>
      </c>
      <c r="AM38" s="326">
        <v>0</v>
      </c>
      <c r="AN38" s="327">
        <v>115668</v>
      </c>
      <c r="AO38" s="327">
        <v>25704</v>
      </c>
      <c r="AP38" s="327">
        <v>25704</v>
      </c>
      <c r="AQ38" s="327">
        <v>127314</v>
      </c>
      <c r="AR38" s="327">
        <v>245443</v>
      </c>
      <c r="AS38" s="328">
        <v>539833</v>
      </c>
      <c r="AT38" s="330">
        <v>539833</v>
      </c>
      <c r="AU38" s="326">
        <v>0</v>
      </c>
      <c r="AV38" s="327">
        <v>88514</v>
      </c>
      <c r="AW38" s="328">
        <v>88514</v>
      </c>
      <c r="AX38" s="326">
        <v>0</v>
      </c>
      <c r="AY38" s="327">
        <v>989846</v>
      </c>
      <c r="AZ38" s="327">
        <v>436988</v>
      </c>
      <c r="BA38" s="327">
        <v>225165</v>
      </c>
      <c r="BB38" s="327">
        <v>229146</v>
      </c>
      <c r="BC38" s="327">
        <v>328537</v>
      </c>
      <c r="BD38" s="328">
        <v>2209682</v>
      </c>
      <c r="BE38" s="330">
        <v>2298196</v>
      </c>
      <c r="BF38" s="326">
        <v>273456</v>
      </c>
      <c r="BG38" s="327">
        <v>591859</v>
      </c>
      <c r="BH38" s="331">
        <v>865315</v>
      </c>
      <c r="BI38" s="332">
        <v>0</v>
      </c>
      <c r="BJ38" s="327">
        <v>1795858</v>
      </c>
      <c r="BK38" s="327">
        <v>869150</v>
      </c>
      <c r="BL38" s="327">
        <v>595410</v>
      </c>
      <c r="BM38" s="327">
        <v>234074</v>
      </c>
      <c r="BN38" s="327">
        <v>133585</v>
      </c>
      <c r="BO38" s="328">
        <v>3628077</v>
      </c>
      <c r="BP38" s="330">
        <v>4493392</v>
      </c>
      <c r="BQ38" s="326">
        <v>108135</v>
      </c>
      <c r="BR38" s="327">
        <v>63237</v>
      </c>
      <c r="BS38" s="328">
        <v>171372</v>
      </c>
      <c r="BT38" s="326">
        <v>0</v>
      </c>
      <c r="BU38" s="327">
        <v>414201</v>
      </c>
      <c r="BV38" s="327">
        <v>510835</v>
      </c>
      <c r="BW38" s="327">
        <v>473405</v>
      </c>
      <c r="BX38" s="327">
        <v>135002</v>
      </c>
      <c r="BY38" s="327">
        <v>214658</v>
      </c>
      <c r="BZ38" s="328">
        <v>1748101</v>
      </c>
      <c r="CA38" s="330">
        <v>1919473</v>
      </c>
      <c r="CB38" s="326">
        <v>166760</v>
      </c>
      <c r="CC38" s="327">
        <v>438665</v>
      </c>
      <c r="CD38" s="328">
        <v>605425</v>
      </c>
      <c r="CE38" s="326">
        <v>0</v>
      </c>
      <c r="CF38" s="327">
        <v>2132379</v>
      </c>
      <c r="CG38" s="327">
        <v>1320273</v>
      </c>
      <c r="CH38" s="327">
        <v>1197569</v>
      </c>
      <c r="CI38" s="327">
        <v>369840</v>
      </c>
      <c r="CJ38" s="327">
        <v>764152</v>
      </c>
      <c r="CK38" s="328">
        <v>5784213</v>
      </c>
      <c r="CL38" s="330">
        <v>6389638</v>
      </c>
      <c r="CM38" s="326">
        <v>0</v>
      </c>
      <c r="CN38" s="327">
        <v>0</v>
      </c>
      <c r="CO38" s="328">
        <v>0</v>
      </c>
      <c r="CP38" s="332">
        <v>0</v>
      </c>
      <c r="CQ38" s="327">
        <v>514345</v>
      </c>
      <c r="CR38" s="327">
        <v>566663</v>
      </c>
      <c r="CS38" s="327">
        <v>582421</v>
      </c>
      <c r="CT38" s="327">
        <v>302396</v>
      </c>
      <c r="CU38" s="327">
        <v>539030</v>
      </c>
      <c r="CV38" s="328">
        <v>2504855</v>
      </c>
      <c r="CW38" s="330">
        <v>2504855</v>
      </c>
      <c r="CX38" s="326">
        <v>166760</v>
      </c>
      <c r="CY38" s="327">
        <v>438665</v>
      </c>
      <c r="CZ38" s="328">
        <v>605425</v>
      </c>
      <c r="DA38" s="326">
        <v>0</v>
      </c>
      <c r="DB38" s="327">
        <v>1618034</v>
      </c>
      <c r="DC38" s="327">
        <v>753610</v>
      </c>
      <c r="DD38" s="327">
        <v>615148</v>
      </c>
      <c r="DE38" s="327">
        <v>67444</v>
      </c>
      <c r="DF38" s="327">
        <v>225122</v>
      </c>
      <c r="DG38" s="328">
        <v>3279358</v>
      </c>
      <c r="DH38" s="330">
        <v>3884783</v>
      </c>
      <c r="DI38" s="326">
        <v>0</v>
      </c>
      <c r="DJ38" s="327">
        <v>0</v>
      </c>
      <c r="DK38" s="331">
        <v>0</v>
      </c>
      <c r="DL38" s="332">
        <v>0</v>
      </c>
      <c r="DM38" s="327">
        <v>250783</v>
      </c>
      <c r="DN38" s="327">
        <v>449949</v>
      </c>
      <c r="DO38" s="327">
        <v>991046</v>
      </c>
      <c r="DP38" s="327">
        <v>1183134</v>
      </c>
      <c r="DQ38" s="327">
        <v>291843</v>
      </c>
      <c r="DR38" s="328">
        <v>3166755</v>
      </c>
      <c r="DS38" s="330">
        <v>3166755</v>
      </c>
      <c r="DT38" s="326">
        <v>0</v>
      </c>
      <c r="DU38" s="327">
        <v>0</v>
      </c>
      <c r="DV38" s="328">
        <v>0</v>
      </c>
      <c r="DW38" s="326">
        <v>0</v>
      </c>
      <c r="DX38" s="327">
        <v>61160</v>
      </c>
      <c r="DY38" s="327">
        <v>252848</v>
      </c>
      <c r="DZ38" s="327">
        <v>991046</v>
      </c>
      <c r="EA38" s="327">
        <v>976194</v>
      </c>
      <c r="EB38" s="327">
        <v>291843</v>
      </c>
      <c r="EC38" s="328">
        <v>2573091</v>
      </c>
      <c r="ED38" s="330">
        <v>2573091</v>
      </c>
      <c r="EE38" s="326">
        <v>0</v>
      </c>
      <c r="EF38" s="331">
        <v>0</v>
      </c>
      <c r="EG38" s="328">
        <v>0</v>
      </c>
      <c r="EH38" s="326">
        <v>0</v>
      </c>
      <c r="EI38" s="327">
        <v>189623</v>
      </c>
      <c r="EJ38" s="327">
        <v>197101</v>
      </c>
      <c r="EK38" s="327">
        <v>0</v>
      </c>
      <c r="EL38" s="327">
        <v>206940</v>
      </c>
      <c r="EM38" s="327">
        <v>0</v>
      </c>
      <c r="EN38" s="331">
        <v>593664</v>
      </c>
      <c r="EO38" s="330">
        <v>593664</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153474</v>
      </c>
      <c r="FM38" s="327">
        <v>353873</v>
      </c>
      <c r="FN38" s="328">
        <v>507347</v>
      </c>
      <c r="FO38" s="326">
        <v>0</v>
      </c>
      <c r="FP38" s="327">
        <v>658950</v>
      </c>
      <c r="FQ38" s="327">
        <v>706698</v>
      </c>
      <c r="FR38" s="327">
        <v>410583</v>
      </c>
      <c r="FS38" s="327">
        <v>235362</v>
      </c>
      <c r="FT38" s="327">
        <v>450855</v>
      </c>
      <c r="FU38" s="328">
        <v>2462448</v>
      </c>
      <c r="FV38" s="330">
        <v>2969795</v>
      </c>
      <c r="FW38" s="333">
        <v>153474</v>
      </c>
      <c r="FX38" s="327">
        <v>346151</v>
      </c>
      <c r="FY38" s="331">
        <v>499625</v>
      </c>
      <c r="FZ38" s="332">
        <v>0</v>
      </c>
      <c r="GA38" s="327">
        <v>599586</v>
      </c>
      <c r="GB38" s="327">
        <v>493488</v>
      </c>
      <c r="GC38" s="327">
        <v>386363</v>
      </c>
      <c r="GD38" s="327">
        <v>210810</v>
      </c>
      <c r="GE38" s="327">
        <v>450855</v>
      </c>
      <c r="GF38" s="328">
        <v>2141102</v>
      </c>
      <c r="GG38" s="334">
        <v>2640727</v>
      </c>
      <c r="GH38" s="333">
        <v>0</v>
      </c>
      <c r="GI38" s="327">
        <v>7722</v>
      </c>
      <c r="GJ38" s="331">
        <v>7722</v>
      </c>
      <c r="GK38" s="332">
        <v>0</v>
      </c>
      <c r="GL38" s="327">
        <v>59364</v>
      </c>
      <c r="GM38" s="327">
        <v>73710</v>
      </c>
      <c r="GN38" s="327">
        <v>24220</v>
      </c>
      <c r="GO38" s="327">
        <v>24552</v>
      </c>
      <c r="GP38" s="327">
        <v>0</v>
      </c>
      <c r="GQ38" s="328">
        <v>181846</v>
      </c>
      <c r="GR38" s="330">
        <v>189568</v>
      </c>
      <c r="GS38" s="326">
        <v>0</v>
      </c>
      <c r="GT38" s="327">
        <v>0</v>
      </c>
      <c r="GU38" s="328">
        <v>0</v>
      </c>
      <c r="GV38" s="326">
        <v>0</v>
      </c>
      <c r="GW38" s="327">
        <v>0</v>
      </c>
      <c r="GX38" s="327">
        <v>139500</v>
      </c>
      <c r="GY38" s="327">
        <v>0</v>
      </c>
      <c r="GZ38" s="327">
        <v>0</v>
      </c>
      <c r="HA38" s="327">
        <v>0</v>
      </c>
      <c r="HB38" s="331">
        <v>139500</v>
      </c>
      <c r="HC38" s="330">
        <v>139500</v>
      </c>
      <c r="HD38" s="326">
        <v>129568</v>
      </c>
      <c r="HE38" s="327">
        <v>285200</v>
      </c>
      <c r="HF38" s="331">
        <v>414768</v>
      </c>
      <c r="HG38" s="332">
        <v>0</v>
      </c>
      <c r="HH38" s="327">
        <v>2885266</v>
      </c>
      <c r="HI38" s="327">
        <v>3476594</v>
      </c>
      <c r="HJ38" s="327">
        <v>4352346</v>
      </c>
      <c r="HK38" s="327">
        <v>1975301</v>
      </c>
      <c r="HL38" s="327">
        <v>2084880</v>
      </c>
      <c r="HM38" s="328">
        <v>14774387</v>
      </c>
      <c r="HN38" s="329">
        <v>15189155</v>
      </c>
      <c r="HO38" s="333">
        <v>140794</v>
      </c>
      <c r="HP38" s="327">
        <v>231726</v>
      </c>
      <c r="HQ38" s="328">
        <v>372520</v>
      </c>
      <c r="HR38" s="326">
        <v>0</v>
      </c>
      <c r="HS38" s="327">
        <v>1824392</v>
      </c>
      <c r="HT38" s="327">
        <v>841960</v>
      </c>
      <c r="HU38" s="327">
        <v>694296</v>
      </c>
      <c r="HV38" s="327">
        <v>295082</v>
      </c>
      <c r="HW38" s="327">
        <v>353312</v>
      </c>
      <c r="HX38" s="331">
        <v>4009042</v>
      </c>
      <c r="HY38" s="330">
        <v>4381562</v>
      </c>
      <c r="HZ38" s="358">
        <v>0</v>
      </c>
      <c r="IA38" s="356">
        <v>246338</v>
      </c>
      <c r="IB38" s="358">
        <v>246338</v>
      </c>
      <c r="IC38" s="338">
        <v>0</v>
      </c>
      <c r="ID38" s="336">
        <v>1896642</v>
      </c>
      <c r="IE38" s="339">
        <v>2009430</v>
      </c>
      <c r="IF38" s="337">
        <v>2600494</v>
      </c>
      <c r="IG38" s="336">
        <v>1107288</v>
      </c>
      <c r="IH38" s="337">
        <v>868298</v>
      </c>
      <c r="II38" s="340">
        <v>8482152</v>
      </c>
      <c r="IJ38" s="358">
        <v>8728490</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376298</v>
      </c>
      <c r="JL38" s="345">
        <v>1194555</v>
      </c>
      <c r="JM38" s="345">
        <v>518737</v>
      </c>
      <c r="JN38" s="345">
        <v>537864</v>
      </c>
      <c r="JO38" s="345">
        <v>89433</v>
      </c>
      <c r="JP38" s="349">
        <v>3716887</v>
      </c>
      <c r="JQ38" s="347">
        <v>3716887</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46338</v>
      </c>
      <c r="KP38" s="344">
        <v>246338</v>
      </c>
      <c r="KQ38" s="413">
        <v>0</v>
      </c>
      <c r="KR38" s="345">
        <v>520344</v>
      </c>
      <c r="KS38" s="345">
        <v>814875</v>
      </c>
      <c r="KT38" s="345">
        <v>2081757</v>
      </c>
      <c r="KU38" s="345">
        <v>569424</v>
      </c>
      <c r="KV38" s="345">
        <v>778865</v>
      </c>
      <c r="KW38" s="349">
        <v>4765265</v>
      </c>
      <c r="KX38" s="347">
        <v>5011603</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2661925</v>
      </c>
      <c r="MK38" s="345">
        <v>5920714</v>
      </c>
      <c r="ML38" s="345">
        <v>13765311</v>
      </c>
      <c r="MM38" s="345">
        <v>17311196</v>
      </c>
      <c r="MN38" s="345">
        <v>12165923</v>
      </c>
      <c r="MO38" s="349">
        <v>51825069</v>
      </c>
      <c r="MP38" s="354">
        <v>51825069</v>
      </c>
      <c r="MQ38" s="348">
        <v>0</v>
      </c>
      <c r="MR38" s="345">
        <v>0</v>
      </c>
      <c r="MS38" s="349">
        <v>0</v>
      </c>
      <c r="MT38" s="413">
        <v>0</v>
      </c>
      <c r="MU38" s="345">
        <v>0</v>
      </c>
      <c r="MV38" s="345">
        <v>1133394</v>
      </c>
      <c r="MW38" s="345">
        <v>6537237</v>
      </c>
      <c r="MX38" s="345">
        <v>8375896</v>
      </c>
      <c r="MY38" s="345">
        <v>5670822</v>
      </c>
      <c r="MZ38" s="349">
        <v>21717349</v>
      </c>
      <c r="NA38" s="354">
        <v>21717349</v>
      </c>
      <c r="NB38" s="348">
        <v>0</v>
      </c>
      <c r="NC38" s="345">
        <v>0</v>
      </c>
      <c r="ND38" s="349">
        <v>0</v>
      </c>
      <c r="NE38" s="413">
        <v>0</v>
      </c>
      <c r="NF38" s="345">
        <v>1662387</v>
      </c>
      <c r="NG38" s="345">
        <v>2828634</v>
      </c>
      <c r="NH38" s="345">
        <v>3587999</v>
      </c>
      <c r="NI38" s="345">
        <v>5337726</v>
      </c>
      <c r="NJ38" s="345">
        <v>2389897</v>
      </c>
      <c r="NK38" s="349">
        <v>15806643</v>
      </c>
      <c r="NL38" s="347">
        <v>15806643</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999538</v>
      </c>
      <c r="OC38" s="345">
        <v>1958686</v>
      </c>
      <c r="OD38" s="345">
        <v>3640075</v>
      </c>
      <c r="OE38" s="345">
        <v>3597574</v>
      </c>
      <c r="OF38" s="345">
        <v>4105204</v>
      </c>
      <c r="OG38" s="349">
        <v>14301077</v>
      </c>
      <c r="OH38" s="350">
        <v>14301077</v>
      </c>
      <c r="OI38" s="348">
        <v>972187</v>
      </c>
      <c r="OJ38" s="345">
        <v>2299412</v>
      </c>
      <c r="OK38" s="346">
        <v>3271599</v>
      </c>
      <c r="OL38" s="351">
        <v>0</v>
      </c>
      <c r="OM38" s="345">
        <v>16864089</v>
      </c>
      <c r="ON38" s="345">
        <v>17389356</v>
      </c>
      <c r="OO38" s="345">
        <v>26531073</v>
      </c>
      <c r="OP38" s="345">
        <v>23386580</v>
      </c>
      <c r="OQ38" s="345">
        <v>19451572</v>
      </c>
      <c r="OR38" s="349">
        <v>103622670</v>
      </c>
      <c r="OS38" s="354">
        <v>106894269</v>
      </c>
    </row>
    <row r="39" spans="2:409" s="70" customFormat="1" ht="21" customHeight="1" x14ac:dyDescent="0.2">
      <c r="B39" s="410" t="s">
        <v>34</v>
      </c>
      <c r="C39" s="326">
        <v>521563</v>
      </c>
      <c r="D39" s="327">
        <v>1068161</v>
      </c>
      <c r="E39" s="368">
        <v>1589724</v>
      </c>
      <c r="F39" s="370">
        <v>0</v>
      </c>
      <c r="G39" s="369">
        <v>8953321</v>
      </c>
      <c r="H39" s="369">
        <v>6012093</v>
      </c>
      <c r="I39" s="369">
        <v>4451386</v>
      </c>
      <c r="J39" s="369">
        <v>4834030</v>
      </c>
      <c r="K39" s="369">
        <v>3855701</v>
      </c>
      <c r="L39" s="370">
        <v>28106531</v>
      </c>
      <c r="M39" s="330">
        <v>29696255</v>
      </c>
      <c r="N39" s="326">
        <v>121473</v>
      </c>
      <c r="O39" s="327">
        <v>253066</v>
      </c>
      <c r="P39" s="328">
        <v>374539</v>
      </c>
      <c r="Q39" s="326">
        <v>0</v>
      </c>
      <c r="R39" s="327">
        <v>2112903</v>
      </c>
      <c r="S39" s="327">
        <v>1454158</v>
      </c>
      <c r="T39" s="327">
        <v>702148</v>
      </c>
      <c r="U39" s="327">
        <v>1568752</v>
      </c>
      <c r="V39" s="327">
        <v>1749753</v>
      </c>
      <c r="W39" s="328">
        <v>7587714</v>
      </c>
      <c r="X39" s="330">
        <v>7962253</v>
      </c>
      <c r="Y39" s="326">
        <v>0</v>
      </c>
      <c r="Z39" s="327">
        <v>0</v>
      </c>
      <c r="AA39" s="328">
        <v>0</v>
      </c>
      <c r="AB39" s="326">
        <v>0</v>
      </c>
      <c r="AC39" s="327">
        <v>586636</v>
      </c>
      <c r="AD39" s="327">
        <v>453031</v>
      </c>
      <c r="AE39" s="327">
        <v>301764</v>
      </c>
      <c r="AF39" s="327">
        <v>882628</v>
      </c>
      <c r="AG39" s="327">
        <v>485873</v>
      </c>
      <c r="AH39" s="328">
        <v>2709932</v>
      </c>
      <c r="AI39" s="330">
        <v>2709932</v>
      </c>
      <c r="AJ39" s="326">
        <v>0</v>
      </c>
      <c r="AK39" s="327">
        <v>0</v>
      </c>
      <c r="AL39" s="328">
        <v>0</v>
      </c>
      <c r="AM39" s="326">
        <v>0</v>
      </c>
      <c r="AN39" s="327">
        <v>0</v>
      </c>
      <c r="AO39" s="327">
        <v>63054</v>
      </c>
      <c r="AP39" s="327">
        <v>0</v>
      </c>
      <c r="AQ39" s="327">
        <v>64260</v>
      </c>
      <c r="AR39" s="327">
        <v>573651</v>
      </c>
      <c r="AS39" s="328">
        <v>700965</v>
      </c>
      <c r="AT39" s="330">
        <v>700965</v>
      </c>
      <c r="AU39" s="326">
        <v>32004</v>
      </c>
      <c r="AV39" s="327">
        <v>185116</v>
      </c>
      <c r="AW39" s="328">
        <v>217120</v>
      </c>
      <c r="AX39" s="326">
        <v>0</v>
      </c>
      <c r="AY39" s="327">
        <v>863391</v>
      </c>
      <c r="AZ39" s="327">
        <v>553752</v>
      </c>
      <c r="BA39" s="327">
        <v>176534</v>
      </c>
      <c r="BB39" s="327">
        <v>394362</v>
      </c>
      <c r="BC39" s="327">
        <v>402936</v>
      </c>
      <c r="BD39" s="328">
        <v>2390975</v>
      </c>
      <c r="BE39" s="330">
        <v>2608095</v>
      </c>
      <c r="BF39" s="326">
        <v>33804</v>
      </c>
      <c r="BG39" s="327">
        <v>0</v>
      </c>
      <c r="BH39" s="331">
        <v>33804</v>
      </c>
      <c r="BI39" s="332">
        <v>0</v>
      </c>
      <c r="BJ39" s="327">
        <v>263817</v>
      </c>
      <c r="BK39" s="327">
        <v>79502</v>
      </c>
      <c r="BL39" s="327">
        <v>133209</v>
      </c>
      <c r="BM39" s="327">
        <v>27630</v>
      </c>
      <c r="BN39" s="327">
        <v>110178</v>
      </c>
      <c r="BO39" s="328">
        <v>614336</v>
      </c>
      <c r="BP39" s="330">
        <v>648140</v>
      </c>
      <c r="BQ39" s="326">
        <v>55665</v>
      </c>
      <c r="BR39" s="327">
        <v>67950</v>
      </c>
      <c r="BS39" s="328">
        <v>123615</v>
      </c>
      <c r="BT39" s="326">
        <v>0</v>
      </c>
      <c r="BU39" s="327">
        <v>399059</v>
      </c>
      <c r="BV39" s="327">
        <v>304819</v>
      </c>
      <c r="BW39" s="327">
        <v>90641</v>
      </c>
      <c r="BX39" s="327">
        <v>199872</v>
      </c>
      <c r="BY39" s="327">
        <v>177115</v>
      </c>
      <c r="BZ39" s="328">
        <v>1171506</v>
      </c>
      <c r="CA39" s="330">
        <v>1295121</v>
      </c>
      <c r="CB39" s="326">
        <v>0</v>
      </c>
      <c r="CC39" s="327">
        <v>128340</v>
      </c>
      <c r="CD39" s="328">
        <v>128340</v>
      </c>
      <c r="CE39" s="326">
        <v>0</v>
      </c>
      <c r="CF39" s="327">
        <v>2572336</v>
      </c>
      <c r="CG39" s="327">
        <v>1714269</v>
      </c>
      <c r="CH39" s="327">
        <v>2106276</v>
      </c>
      <c r="CI39" s="327">
        <v>787713</v>
      </c>
      <c r="CJ39" s="327">
        <v>274527</v>
      </c>
      <c r="CK39" s="328">
        <v>7455121</v>
      </c>
      <c r="CL39" s="330">
        <v>7583461</v>
      </c>
      <c r="CM39" s="326">
        <v>0</v>
      </c>
      <c r="CN39" s="327">
        <v>0</v>
      </c>
      <c r="CO39" s="328">
        <v>0</v>
      </c>
      <c r="CP39" s="332">
        <v>0</v>
      </c>
      <c r="CQ39" s="327">
        <v>2086156</v>
      </c>
      <c r="CR39" s="327">
        <v>1528626</v>
      </c>
      <c r="CS39" s="327">
        <v>1929634</v>
      </c>
      <c r="CT39" s="327">
        <v>745944</v>
      </c>
      <c r="CU39" s="327">
        <v>274527</v>
      </c>
      <c r="CV39" s="328">
        <v>6564887</v>
      </c>
      <c r="CW39" s="330">
        <v>6564887</v>
      </c>
      <c r="CX39" s="326">
        <v>0</v>
      </c>
      <c r="CY39" s="327">
        <v>128340</v>
      </c>
      <c r="CZ39" s="328">
        <v>128340</v>
      </c>
      <c r="DA39" s="326">
        <v>0</v>
      </c>
      <c r="DB39" s="327">
        <v>486180</v>
      </c>
      <c r="DC39" s="327">
        <v>185643</v>
      </c>
      <c r="DD39" s="327">
        <v>176642</v>
      </c>
      <c r="DE39" s="327">
        <v>41769</v>
      </c>
      <c r="DF39" s="327">
        <v>0</v>
      </c>
      <c r="DG39" s="328">
        <v>890234</v>
      </c>
      <c r="DH39" s="330">
        <v>1018574</v>
      </c>
      <c r="DI39" s="326">
        <v>0</v>
      </c>
      <c r="DJ39" s="327">
        <v>0</v>
      </c>
      <c r="DK39" s="331">
        <v>0</v>
      </c>
      <c r="DL39" s="332">
        <v>0</v>
      </c>
      <c r="DM39" s="327">
        <v>201483</v>
      </c>
      <c r="DN39" s="327">
        <v>108666</v>
      </c>
      <c r="DO39" s="327">
        <v>386568</v>
      </c>
      <c r="DP39" s="327">
        <v>574704</v>
      </c>
      <c r="DQ39" s="327">
        <v>122832</v>
      </c>
      <c r="DR39" s="328">
        <v>1394253</v>
      </c>
      <c r="DS39" s="330">
        <v>1394253</v>
      </c>
      <c r="DT39" s="326">
        <v>0</v>
      </c>
      <c r="DU39" s="327">
        <v>0</v>
      </c>
      <c r="DV39" s="328">
        <v>0</v>
      </c>
      <c r="DW39" s="326">
        <v>0</v>
      </c>
      <c r="DX39" s="327">
        <v>165456</v>
      </c>
      <c r="DY39" s="327">
        <v>35091</v>
      </c>
      <c r="DZ39" s="327">
        <v>386568</v>
      </c>
      <c r="EA39" s="327">
        <v>574704</v>
      </c>
      <c r="EB39" s="327">
        <v>122832</v>
      </c>
      <c r="EC39" s="328">
        <v>1284651</v>
      </c>
      <c r="ED39" s="330">
        <v>1284651</v>
      </c>
      <c r="EE39" s="326">
        <v>0</v>
      </c>
      <c r="EF39" s="331">
        <v>0</v>
      </c>
      <c r="EG39" s="328">
        <v>0</v>
      </c>
      <c r="EH39" s="326">
        <v>0</v>
      </c>
      <c r="EI39" s="327">
        <v>36027</v>
      </c>
      <c r="EJ39" s="327">
        <v>73575</v>
      </c>
      <c r="EK39" s="327">
        <v>0</v>
      </c>
      <c r="EL39" s="327">
        <v>0</v>
      </c>
      <c r="EM39" s="327">
        <v>0</v>
      </c>
      <c r="EN39" s="331">
        <v>109602</v>
      </c>
      <c r="EO39" s="330">
        <v>109602</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82206</v>
      </c>
      <c r="FM39" s="327">
        <v>260920</v>
      </c>
      <c r="FN39" s="328">
        <v>343126</v>
      </c>
      <c r="FO39" s="326">
        <v>0</v>
      </c>
      <c r="FP39" s="327">
        <v>558312</v>
      </c>
      <c r="FQ39" s="327">
        <v>757157</v>
      </c>
      <c r="FR39" s="327">
        <v>479597</v>
      </c>
      <c r="FS39" s="327">
        <v>355782</v>
      </c>
      <c r="FT39" s="327">
        <v>232322</v>
      </c>
      <c r="FU39" s="328">
        <v>2383170</v>
      </c>
      <c r="FV39" s="330">
        <v>2726296</v>
      </c>
      <c r="FW39" s="333">
        <v>82206</v>
      </c>
      <c r="FX39" s="327">
        <v>160660</v>
      </c>
      <c r="FY39" s="331">
        <v>242866</v>
      </c>
      <c r="FZ39" s="332">
        <v>0</v>
      </c>
      <c r="GA39" s="327">
        <v>440304</v>
      </c>
      <c r="GB39" s="327">
        <v>595787</v>
      </c>
      <c r="GC39" s="327">
        <v>462173</v>
      </c>
      <c r="GD39" s="327">
        <v>355782</v>
      </c>
      <c r="GE39" s="327">
        <v>232322</v>
      </c>
      <c r="GF39" s="328">
        <v>2086368</v>
      </c>
      <c r="GG39" s="334">
        <v>2329234</v>
      </c>
      <c r="GH39" s="333">
        <v>0</v>
      </c>
      <c r="GI39" s="327">
        <v>43560</v>
      </c>
      <c r="GJ39" s="331">
        <v>43560</v>
      </c>
      <c r="GK39" s="332">
        <v>0</v>
      </c>
      <c r="GL39" s="327">
        <v>38808</v>
      </c>
      <c r="GM39" s="327">
        <v>0</v>
      </c>
      <c r="GN39" s="327">
        <v>17424</v>
      </c>
      <c r="GO39" s="327">
        <v>0</v>
      </c>
      <c r="GP39" s="327">
        <v>0</v>
      </c>
      <c r="GQ39" s="328">
        <v>56232</v>
      </c>
      <c r="GR39" s="330">
        <v>99792</v>
      </c>
      <c r="GS39" s="326">
        <v>0</v>
      </c>
      <c r="GT39" s="327">
        <v>56700</v>
      </c>
      <c r="GU39" s="328">
        <v>56700</v>
      </c>
      <c r="GV39" s="326">
        <v>0</v>
      </c>
      <c r="GW39" s="327">
        <v>79200</v>
      </c>
      <c r="GX39" s="327">
        <v>161370</v>
      </c>
      <c r="GY39" s="327">
        <v>0</v>
      </c>
      <c r="GZ39" s="327">
        <v>0</v>
      </c>
      <c r="HA39" s="327">
        <v>0</v>
      </c>
      <c r="HB39" s="331">
        <v>240570</v>
      </c>
      <c r="HC39" s="330">
        <v>297270</v>
      </c>
      <c r="HD39" s="326">
        <v>244164</v>
      </c>
      <c r="HE39" s="327">
        <v>306495</v>
      </c>
      <c r="HF39" s="331">
        <v>550659</v>
      </c>
      <c r="HG39" s="332">
        <v>0</v>
      </c>
      <c r="HH39" s="327">
        <v>2315829</v>
      </c>
      <c r="HI39" s="327">
        <v>1345774</v>
      </c>
      <c r="HJ39" s="327">
        <v>351001</v>
      </c>
      <c r="HK39" s="327">
        <v>1192720</v>
      </c>
      <c r="HL39" s="327">
        <v>1308364</v>
      </c>
      <c r="HM39" s="328">
        <v>6513688</v>
      </c>
      <c r="HN39" s="329">
        <v>7064347</v>
      </c>
      <c r="HO39" s="333">
        <v>73720</v>
      </c>
      <c r="HP39" s="327">
        <v>119340</v>
      </c>
      <c r="HQ39" s="328">
        <v>193060</v>
      </c>
      <c r="HR39" s="326">
        <v>0</v>
      </c>
      <c r="HS39" s="327">
        <v>1192458</v>
      </c>
      <c r="HT39" s="327">
        <v>632069</v>
      </c>
      <c r="HU39" s="327">
        <v>425796</v>
      </c>
      <c r="HV39" s="327">
        <v>354359</v>
      </c>
      <c r="HW39" s="327">
        <v>167903</v>
      </c>
      <c r="HX39" s="331">
        <v>2772585</v>
      </c>
      <c r="HY39" s="330">
        <v>2965645</v>
      </c>
      <c r="HZ39" s="335">
        <v>100296</v>
      </c>
      <c r="IA39" s="336">
        <v>167598</v>
      </c>
      <c r="IB39" s="337">
        <v>267894</v>
      </c>
      <c r="IC39" s="338">
        <v>0</v>
      </c>
      <c r="ID39" s="336">
        <v>4557512</v>
      </c>
      <c r="IE39" s="339">
        <v>3634075</v>
      </c>
      <c r="IF39" s="337">
        <v>3009731</v>
      </c>
      <c r="IG39" s="336">
        <v>1844730</v>
      </c>
      <c r="IH39" s="337">
        <v>814091</v>
      </c>
      <c r="II39" s="340">
        <v>13860139</v>
      </c>
      <c r="IJ39" s="341">
        <v>14128033</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544487</v>
      </c>
      <c r="JL39" s="345">
        <v>248253</v>
      </c>
      <c r="JM39" s="345">
        <v>412938</v>
      </c>
      <c r="JN39" s="345">
        <v>92925</v>
      </c>
      <c r="JO39" s="345">
        <v>0</v>
      </c>
      <c r="JP39" s="349">
        <v>1298603</v>
      </c>
      <c r="JQ39" s="347">
        <v>1298603</v>
      </c>
      <c r="JR39" s="348">
        <v>0</v>
      </c>
      <c r="JS39" s="345">
        <v>0</v>
      </c>
      <c r="JT39" s="346">
        <v>0</v>
      </c>
      <c r="JU39" s="351">
        <v>0</v>
      </c>
      <c r="JV39" s="345">
        <v>0</v>
      </c>
      <c r="JW39" s="345">
        <v>0</v>
      </c>
      <c r="JX39" s="345">
        <v>0</v>
      </c>
      <c r="JY39" s="345">
        <v>0</v>
      </c>
      <c r="JZ39" s="345">
        <v>114737</v>
      </c>
      <c r="KA39" s="349">
        <v>114737</v>
      </c>
      <c r="KB39" s="347">
        <v>114737</v>
      </c>
      <c r="KC39" s="352">
        <v>100296</v>
      </c>
      <c r="KD39" s="353">
        <v>167598</v>
      </c>
      <c r="KE39" s="349">
        <v>267894</v>
      </c>
      <c r="KF39" s="351">
        <v>0</v>
      </c>
      <c r="KG39" s="345">
        <v>1002120</v>
      </c>
      <c r="KH39" s="345">
        <v>1163506</v>
      </c>
      <c r="KI39" s="345">
        <v>1246812</v>
      </c>
      <c r="KJ39" s="345">
        <v>547164</v>
      </c>
      <c r="KK39" s="345">
        <v>0</v>
      </c>
      <c r="KL39" s="349">
        <v>3959602</v>
      </c>
      <c r="KM39" s="354">
        <v>4227496</v>
      </c>
      <c r="KN39" s="342">
        <v>0</v>
      </c>
      <c r="KO39" s="343">
        <v>0</v>
      </c>
      <c r="KP39" s="344">
        <v>0</v>
      </c>
      <c r="KQ39" s="413">
        <v>0</v>
      </c>
      <c r="KR39" s="345">
        <v>1490373</v>
      </c>
      <c r="KS39" s="345">
        <v>885276</v>
      </c>
      <c r="KT39" s="345">
        <v>0</v>
      </c>
      <c r="KU39" s="345">
        <v>570267</v>
      </c>
      <c r="KV39" s="345">
        <v>0</v>
      </c>
      <c r="KW39" s="349">
        <v>2945916</v>
      </c>
      <c r="KX39" s="347">
        <v>2945916</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1520532</v>
      </c>
      <c r="LZ39" s="345">
        <v>1337040</v>
      </c>
      <c r="MA39" s="345">
        <v>1349981</v>
      </c>
      <c r="MB39" s="345">
        <v>634374</v>
      </c>
      <c r="MC39" s="345">
        <v>699354</v>
      </c>
      <c r="MD39" s="349">
        <v>5541281</v>
      </c>
      <c r="ME39" s="350">
        <v>5541281</v>
      </c>
      <c r="MF39" s="348">
        <v>0</v>
      </c>
      <c r="MG39" s="345">
        <v>0</v>
      </c>
      <c r="MH39" s="349">
        <v>0</v>
      </c>
      <c r="MI39" s="413">
        <v>0</v>
      </c>
      <c r="MJ39" s="345">
        <v>3060224</v>
      </c>
      <c r="MK39" s="345">
        <v>7039537</v>
      </c>
      <c r="ML39" s="345">
        <v>3840742</v>
      </c>
      <c r="MM39" s="345">
        <v>13150614</v>
      </c>
      <c r="MN39" s="345">
        <v>4556841</v>
      </c>
      <c r="MO39" s="349">
        <v>31647958</v>
      </c>
      <c r="MP39" s="354">
        <v>31647958</v>
      </c>
      <c r="MQ39" s="348">
        <v>0</v>
      </c>
      <c r="MR39" s="345">
        <v>0</v>
      </c>
      <c r="MS39" s="349">
        <v>0</v>
      </c>
      <c r="MT39" s="413">
        <v>0</v>
      </c>
      <c r="MU39" s="345">
        <v>0</v>
      </c>
      <c r="MV39" s="345">
        <v>0</v>
      </c>
      <c r="MW39" s="345">
        <v>1575900</v>
      </c>
      <c r="MX39" s="345">
        <v>7891212</v>
      </c>
      <c r="MY39" s="345">
        <v>2741151</v>
      </c>
      <c r="MZ39" s="349">
        <v>12208263</v>
      </c>
      <c r="NA39" s="354">
        <v>12208263</v>
      </c>
      <c r="NB39" s="348">
        <v>0</v>
      </c>
      <c r="NC39" s="345">
        <v>0</v>
      </c>
      <c r="ND39" s="349">
        <v>0</v>
      </c>
      <c r="NE39" s="413">
        <v>0</v>
      </c>
      <c r="NF39" s="345">
        <v>3060224</v>
      </c>
      <c r="NG39" s="345">
        <v>7039537</v>
      </c>
      <c r="NH39" s="345">
        <v>2264842</v>
      </c>
      <c r="NI39" s="345">
        <v>4912974</v>
      </c>
      <c r="NJ39" s="345">
        <v>1060273</v>
      </c>
      <c r="NK39" s="349">
        <v>18337850</v>
      </c>
      <c r="NL39" s="347">
        <v>18337850</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46428</v>
      </c>
      <c r="OF39" s="345">
        <v>755417</v>
      </c>
      <c r="OG39" s="349">
        <v>1101845</v>
      </c>
      <c r="OH39" s="350">
        <v>1101845</v>
      </c>
      <c r="OI39" s="348">
        <v>621859</v>
      </c>
      <c r="OJ39" s="345">
        <v>1235759</v>
      </c>
      <c r="OK39" s="346">
        <v>1857618</v>
      </c>
      <c r="OL39" s="351">
        <v>0</v>
      </c>
      <c r="OM39" s="345">
        <v>16571057</v>
      </c>
      <c r="ON39" s="345">
        <v>16685705</v>
      </c>
      <c r="OO39" s="345">
        <v>11301859</v>
      </c>
      <c r="OP39" s="345">
        <v>19829374</v>
      </c>
      <c r="OQ39" s="345">
        <v>9226633</v>
      </c>
      <c r="OR39" s="349">
        <v>73614628</v>
      </c>
      <c r="OS39" s="354">
        <v>75472246</v>
      </c>
    </row>
    <row r="40" spans="2:409" s="70" customFormat="1" ht="21" customHeight="1" x14ac:dyDescent="0.2">
      <c r="B40" s="410" t="s">
        <v>35</v>
      </c>
      <c r="C40" s="326">
        <v>2441618</v>
      </c>
      <c r="D40" s="327">
        <v>4419941</v>
      </c>
      <c r="E40" s="328">
        <v>6861559</v>
      </c>
      <c r="F40" s="329">
        <v>0</v>
      </c>
      <c r="G40" s="327">
        <v>35398065</v>
      </c>
      <c r="H40" s="327">
        <v>23279370</v>
      </c>
      <c r="I40" s="327">
        <v>23387011</v>
      </c>
      <c r="J40" s="327">
        <v>23981053</v>
      </c>
      <c r="K40" s="327">
        <v>16100223</v>
      </c>
      <c r="L40" s="367">
        <v>122145722</v>
      </c>
      <c r="M40" s="330">
        <v>129007281</v>
      </c>
      <c r="N40" s="326">
        <v>541523</v>
      </c>
      <c r="O40" s="327">
        <v>1251593</v>
      </c>
      <c r="P40" s="328">
        <v>1793116</v>
      </c>
      <c r="Q40" s="326">
        <v>0</v>
      </c>
      <c r="R40" s="327">
        <v>8836096</v>
      </c>
      <c r="S40" s="327">
        <v>6080848</v>
      </c>
      <c r="T40" s="327">
        <v>6962830</v>
      </c>
      <c r="U40" s="327">
        <v>6476400</v>
      </c>
      <c r="V40" s="327">
        <v>6776835</v>
      </c>
      <c r="W40" s="328">
        <v>35133009</v>
      </c>
      <c r="X40" s="330">
        <v>36926125</v>
      </c>
      <c r="Y40" s="326">
        <v>0</v>
      </c>
      <c r="Z40" s="327">
        <v>0</v>
      </c>
      <c r="AA40" s="328">
        <v>0</v>
      </c>
      <c r="AB40" s="326">
        <v>0</v>
      </c>
      <c r="AC40" s="327">
        <v>4225343</v>
      </c>
      <c r="AD40" s="327">
        <v>2804815</v>
      </c>
      <c r="AE40" s="327">
        <v>4029263</v>
      </c>
      <c r="AF40" s="327">
        <v>3437986</v>
      </c>
      <c r="AG40" s="327">
        <v>3011458</v>
      </c>
      <c r="AH40" s="328">
        <v>17508865</v>
      </c>
      <c r="AI40" s="330">
        <v>17508865</v>
      </c>
      <c r="AJ40" s="326">
        <v>0</v>
      </c>
      <c r="AK40" s="327">
        <v>0</v>
      </c>
      <c r="AL40" s="328">
        <v>0</v>
      </c>
      <c r="AM40" s="326">
        <v>0</v>
      </c>
      <c r="AN40" s="327">
        <v>51408</v>
      </c>
      <c r="AO40" s="327">
        <v>244863</v>
      </c>
      <c r="AP40" s="327">
        <v>192771</v>
      </c>
      <c r="AQ40" s="327">
        <v>681156</v>
      </c>
      <c r="AR40" s="327">
        <v>822474</v>
      </c>
      <c r="AS40" s="328">
        <v>1992672</v>
      </c>
      <c r="AT40" s="330">
        <v>1992672</v>
      </c>
      <c r="AU40" s="326">
        <v>163814</v>
      </c>
      <c r="AV40" s="327">
        <v>571907</v>
      </c>
      <c r="AW40" s="328">
        <v>735721</v>
      </c>
      <c r="AX40" s="326">
        <v>0</v>
      </c>
      <c r="AY40" s="327">
        <v>2538264</v>
      </c>
      <c r="AZ40" s="327">
        <v>1656141</v>
      </c>
      <c r="BA40" s="327">
        <v>1495222</v>
      </c>
      <c r="BB40" s="327">
        <v>873568</v>
      </c>
      <c r="BC40" s="327">
        <v>1905857</v>
      </c>
      <c r="BD40" s="328">
        <v>8469052</v>
      </c>
      <c r="BE40" s="330">
        <v>9204773</v>
      </c>
      <c r="BF40" s="326">
        <v>155279</v>
      </c>
      <c r="BG40" s="327">
        <v>540204</v>
      </c>
      <c r="BH40" s="331">
        <v>695483</v>
      </c>
      <c r="BI40" s="332">
        <v>0</v>
      </c>
      <c r="BJ40" s="327">
        <v>806358</v>
      </c>
      <c r="BK40" s="327">
        <v>501007</v>
      </c>
      <c r="BL40" s="327">
        <v>224889</v>
      </c>
      <c r="BM40" s="327">
        <v>377325</v>
      </c>
      <c r="BN40" s="327">
        <v>316503</v>
      </c>
      <c r="BO40" s="328">
        <v>2226082</v>
      </c>
      <c r="BP40" s="330">
        <v>2921565</v>
      </c>
      <c r="BQ40" s="326">
        <v>222430</v>
      </c>
      <c r="BR40" s="327">
        <v>139482</v>
      </c>
      <c r="BS40" s="328">
        <v>361912</v>
      </c>
      <c r="BT40" s="326">
        <v>0</v>
      </c>
      <c r="BU40" s="327">
        <v>1214723</v>
      </c>
      <c r="BV40" s="327">
        <v>874022</v>
      </c>
      <c r="BW40" s="327">
        <v>1020685</v>
      </c>
      <c r="BX40" s="327">
        <v>1106365</v>
      </c>
      <c r="BY40" s="327">
        <v>720543</v>
      </c>
      <c r="BZ40" s="328">
        <v>4936338</v>
      </c>
      <c r="CA40" s="330">
        <v>5298250</v>
      </c>
      <c r="CB40" s="326">
        <v>159718</v>
      </c>
      <c r="CC40" s="327">
        <v>623432</v>
      </c>
      <c r="CD40" s="328">
        <v>783150</v>
      </c>
      <c r="CE40" s="326">
        <v>0</v>
      </c>
      <c r="CF40" s="327">
        <v>12303668</v>
      </c>
      <c r="CG40" s="327">
        <v>9011319</v>
      </c>
      <c r="CH40" s="327">
        <v>7131676</v>
      </c>
      <c r="CI40" s="327">
        <v>5833696</v>
      </c>
      <c r="CJ40" s="327">
        <v>3465701</v>
      </c>
      <c r="CK40" s="328">
        <v>37746060</v>
      </c>
      <c r="CL40" s="330">
        <v>38529210</v>
      </c>
      <c r="CM40" s="326">
        <v>0</v>
      </c>
      <c r="CN40" s="327">
        <v>0</v>
      </c>
      <c r="CO40" s="328">
        <v>0</v>
      </c>
      <c r="CP40" s="332">
        <v>0</v>
      </c>
      <c r="CQ40" s="327">
        <v>8761786</v>
      </c>
      <c r="CR40" s="327">
        <v>6879194</v>
      </c>
      <c r="CS40" s="327">
        <v>6120616</v>
      </c>
      <c r="CT40" s="327">
        <v>5006711</v>
      </c>
      <c r="CU40" s="327">
        <v>3354056</v>
      </c>
      <c r="CV40" s="328">
        <v>30122363</v>
      </c>
      <c r="CW40" s="330">
        <v>30122363</v>
      </c>
      <c r="CX40" s="326">
        <v>159718</v>
      </c>
      <c r="CY40" s="327">
        <v>623432</v>
      </c>
      <c r="CZ40" s="328">
        <v>783150</v>
      </c>
      <c r="DA40" s="326">
        <v>0</v>
      </c>
      <c r="DB40" s="327">
        <v>3541882</v>
      </c>
      <c r="DC40" s="327">
        <v>2132125</v>
      </c>
      <c r="DD40" s="327">
        <v>1011060</v>
      </c>
      <c r="DE40" s="327">
        <v>826985</v>
      </c>
      <c r="DF40" s="327">
        <v>111645</v>
      </c>
      <c r="DG40" s="328">
        <v>7623697</v>
      </c>
      <c r="DH40" s="330">
        <v>8406847</v>
      </c>
      <c r="DI40" s="326">
        <v>19416</v>
      </c>
      <c r="DJ40" s="327">
        <v>0</v>
      </c>
      <c r="DK40" s="331">
        <v>19416</v>
      </c>
      <c r="DL40" s="332">
        <v>0</v>
      </c>
      <c r="DM40" s="327">
        <v>829139</v>
      </c>
      <c r="DN40" s="327">
        <v>494064</v>
      </c>
      <c r="DO40" s="327">
        <v>1597265</v>
      </c>
      <c r="DP40" s="327">
        <v>1478586</v>
      </c>
      <c r="DQ40" s="327">
        <v>534547</v>
      </c>
      <c r="DR40" s="328">
        <v>4933601</v>
      </c>
      <c r="DS40" s="330">
        <v>4953017</v>
      </c>
      <c r="DT40" s="326">
        <v>19416</v>
      </c>
      <c r="DU40" s="327">
        <v>0</v>
      </c>
      <c r="DV40" s="328">
        <v>19416</v>
      </c>
      <c r="DW40" s="326">
        <v>0</v>
      </c>
      <c r="DX40" s="327">
        <v>638744</v>
      </c>
      <c r="DY40" s="327">
        <v>212337</v>
      </c>
      <c r="DZ40" s="327">
        <v>1354769</v>
      </c>
      <c r="EA40" s="327">
        <v>1375311</v>
      </c>
      <c r="EB40" s="327">
        <v>459694</v>
      </c>
      <c r="EC40" s="328">
        <v>4040855</v>
      </c>
      <c r="ED40" s="330">
        <v>4060271</v>
      </c>
      <c r="EE40" s="326">
        <v>0</v>
      </c>
      <c r="EF40" s="331">
        <v>0</v>
      </c>
      <c r="EG40" s="328">
        <v>0</v>
      </c>
      <c r="EH40" s="326">
        <v>0</v>
      </c>
      <c r="EI40" s="327">
        <v>190395</v>
      </c>
      <c r="EJ40" s="327">
        <v>281727</v>
      </c>
      <c r="EK40" s="327">
        <v>242496</v>
      </c>
      <c r="EL40" s="327">
        <v>103275</v>
      </c>
      <c r="EM40" s="327">
        <v>74853</v>
      </c>
      <c r="EN40" s="331">
        <v>892746</v>
      </c>
      <c r="EO40" s="330">
        <v>892746</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66058</v>
      </c>
      <c r="FM40" s="327">
        <v>772357</v>
      </c>
      <c r="FN40" s="328">
        <v>1238415</v>
      </c>
      <c r="FO40" s="326">
        <v>0</v>
      </c>
      <c r="FP40" s="327">
        <v>1748218</v>
      </c>
      <c r="FQ40" s="327">
        <v>2210759</v>
      </c>
      <c r="FR40" s="327">
        <v>1545191</v>
      </c>
      <c r="FS40" s="327">
        <v>1440136</v>
      </c>
      <c r="FT40" s="327">
        <v>997360</v>
      </c>
      <c r="FU40" s="328">
        <v>7941664</v>
      </c>
      <c r="FV40" s="330">
        <v>9180079</v>
      </c>
      <c r="FW40" s="333">
        <v>343314</v>
      </c>
      <c r="FX40" s="327">
        <v>632990</v>
      </c>
      <c r="FY40" s="331">
        <v>976304</v>
      </c>
      <c r="FZ40" s="332">
        <v>0</v>
      </c>
      <c r="GA40" s="327">
        <v>1384336</v>
      </c>
      <c r="GB40" s="327">
        <v>2013776</v>
      </c>
      <c r="GC40" s="327">
        <v>1505730</v>
      </c>
      <c r="GD40" s="327">
        <v>1223182</v>
      </c>
      <c r="GE40" s="327">
        <v>997360</v>
      </c>
      <c r="GF40" s="328">
        <v>7124384</v>
      </c>
      <c r="GG40" s="334">
        <v>8100688</v>
      </c>
      <c r="GH40" s="333">
        <v>28683</v>
      </c>
      <c r="GI40" s="327">
        <v>28066</v>
      </c>
      <c r="GJ40" s="331">
        <v>56749</v>
      </c>
      <c r="GK40" s="332">
        <v>0</v>
      </c>
      <c r="GL40" s="327">
        <v>291612</v>
      </c>
      <c r="GM40" s="327">
        <v>28683</v>
      </c>
      <c r="GN40" s="327">
        <v>39461</v>
      </c>
      <c r="GO40" s="327">
        <v>58554</v>
      </c>
      <c r="GP40" s="327">
        <v>0</v>
      </c>
      <c r="GQ40" s="328">
        <v>418310</v>
      </c>
      <c r="GR40" s="330">
        <v>475059</v>
      </c>
      <c r="GS40" s="326">
        <v>94061</v>
      </c>
      <c r="GT40" s="327">
        <v>111301</v>
      </c>
      <c r="GU40" s="328">
        <v>205362</v>
      </c>
      <c r="GV40" s="326">
        <v>0</v>
      </c>
      <c r="GW40" s="327">
        <v>72270</v>
      </c>
      <c r="GX40" s="327">
        <v>168300</v>
      </c>
      <c r="GY40" s="327">
        <v>0</v>
      </c>
      <c r="GZ40" s="327">
        <v>158400</v>
      </c>
      <c r="HA40" s="327">
        <v>0</v>
      </c>
      <c r="HB40" s="331">
        <v>398970</v>
      </c>
      <c r="HC40" s="330">
        <v>604332</v>
      </c>
      <c r="HD40" s="326">
        <v>892883</v>
      </c>
      <c r="HE40" s="327">
        <v>1222859</v>
      </c>
      <c r="HF40" s="331">
        <v>2115742</v>
      </c>
      <c r="HG40" s="332">
        <v>0</v>
      </c>
      <c r="HH40" s="327">
        <v>7082557</v>
      </c>
      <c r="HI40" s="327">
        <v>2899929</v>
      </c>
      <c r="HJ40" s="327">
        <v>4203963</v>
      </c>
      <c r="HK40" s="327">
        <v>7443804</v>
      </c>
      <c r="HL40" s="327">
        <v>3479277</v>
      </c>
      <c r="HM40" s="328">
        <v>25109530</v>
      </c>
      <c r="HN40" s="329">
        <v>27225272</v>
      </c>
      <c r="HO40" s="333">
        <v>362020</v>
      </c>
      <c r="HP40" s="327">
        <v>549700</v>
      </c>
      <c r="HQ40" s="328">
        <v>911720</v>
      </c>
      <c r="HR40" s="326">
        <v>0</v>
      </c>
      <c r="HS40" s="327">
        <v>4598387</v>
      </c>
      <c r="HT40" s="327">
        <v>2582451</v>
      </c>
      <c r="HU40" s="327">
        <v>1946086</v>
      </c>
      <c r="HV40" s="327">
        <v>1308431</v>
      </c>
      <c r="HW40" s="327">
        <v>846503</v>
      </c>
      <c r="HX40" s="331">
        <v>11281858</v>
      </c>
      <c r="HY40" s="330">
        <v>12193578</v>
      </c>
      <c r="HZ40" s="358">
        <v>118782</v>
      </c>
      <c r="IA40" s="356">
        <v>309942</v>
      </c>
      <c r="IB40" s="358">
        <v>428724</v>
      </c>
      <c r="IC40" s="338">
        <v>0</v>
      </c>
      <c r="ID40" s="336">
        <v>5188770</v>
      </c>
      <c r="IE40" s="339">
        <v>6050942</v>
      </c>
      <c r="IF40" s="337">
        <v>8778015</v>
      </c>
      <c r="IG40" s="336">
        <v>7265413</v>
      </c>
      <c r="IH40" s="337">
        <v>3232008</v>
      </c>
      <c r="II40" s="340">
        <v>30515148</v>
      </c>
      <c r="IJ40" s="358">
        <v>30943872</v>
      </c>
      <c r="IK40" s="342">
        <v>0</v>
      </c>
      <c r="IL40" s="343">
        <v>0</v>
      </c>
      <c r="IM40" s="344">
        <v>0</v>
      </c>
      <c r="IN40" s="404">
        <v>0</v>
      </c>
      <c r="IO40" s="345">
        <v>80325</v>
      </c>
      <c r="IP40" s="345">
        <v>132610</v>
      </c>
      <c r="IQ40" s="345">
        <v>323394</v>
      </c>
      <c r="IR40" s="345">
        <v>0</v>
      </c>
      <c r="IS40" s="345">
        <v>0</v>
      </c>
      <c r="IT40" s="346">
        <v>536329</v>
      </c>
      <c r="IU40" s="347">
        <v>536329</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272622</v>
      </c>
      <c r="JL40" s="345">
        <v>997272</v>
      </c>
      <c r="JM40" s="345">
        <v>1522965</v>
      </c>
      <c r="JN40" s="345">
        <v>700255</v>
      </c>
      <c r="JO40" s="345">
        <v>275292</v>
      </c>
      <c r="JP40" s="349">
        <v>4768406</v>
      </c>
      <c r="JQ40" s="347">
        <v>4768406</v>
      </c>
      <c r="JR40" s="348">
        <v>0</v>
      </c>
      <c r="JS40" s="345">
        <v>0</v>
      </c>
      <c r="JT40" s="346">
        <v>0</v>
      </c>
      <c r="JU40" s="351">
        <v>0</v>
      </c>
      <c r="JV40" s="345">
        <v>0</v>
      </c>
      <c r="JW40" s="345">
        <v>0</v>
      </c>
      <c r="JX40" s="345">
        <v>0</v>
      </c>
      <c r="JY40" s="345">
        <v>0</v>
      </c>
      <c r="JZ40" s="345">
        <v>0</v>
      </c>
      <c r="KA40" s="349">
        <v>0</v>
      </c>
      <c r="KB40" s="347">
        <v>0</v>
      </c>
      <c r="KC40" s="352">
        <v>118782</v>
      </c>
      <c r="KD40" s="353">
        <v>309942</v>
      </c>
      <c r="KE40" s="349">
        <v>428724</v>
      </c>
      <c r="KF40" s="351">
        <v>0</v>
      </c>
      <c r="KG40" s="345">
        <v>775409</v>
      </c>
      <c r="KH40" s="345">
        <v>911143</v>
      </c>
      <c r="KI40" s="345">
        <v>1847124</v>
      </c>
      <c r="KJ40" s="345">
        <v>992844</v>
      </c>
      <c r="KK40" s="345">
        <v>645192</v>
      </c>
      <c r="KL40" s="349">
        <v>5171712</v>
      </c>
      <c r="KM40" s="354">
        <v>5600436</v>
      </c>
      <c r="KN40" s="342">
        <v>0</v>
      </c>
      <c r="KO40" s="343">
        <v>0</v>
      </c>
      <c r="KP40" s="344">
        <v>0</v>
      </c>
      <c r="KQ40" s="413">
        <v>0</v>
      </c>
      <c r="KR40" s="345">
        <v>3060414</v>
      </c>
      <c r="KS40" s="345">
        <v>4009917</v>
      </c>
      <c r="KT40" s="345">
        <v>5084532</v>
      </c>
      <c r="KU40" s="345">
        <v>5572314</v>
      </c>
      <c r="KV40" s="345">
        <v>2311524</v>
      </c>
      <c r="KW40" s="349">
        <v>20038701</v>
      </c>
      <c r="KX40" s="347">
        <v>20038701</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6159447</v>
      </c>
      <c r="MK40" s="345">
        <v>14502581</v>
      </c>
      <c r="ML40" s="345">
        <v>19849038</v>
      </c>
      <c r="MM40" s="345">
        <v>22339878</v>
      </c>
      <c r="MN40" s="345">
        <v>13507790</v>
      </c>
      <c r="MO40" s="349">
        <v>76358734</v>
      </c>
      <c r="MP40" s="354">
        <v>76358734</v>
      </c>
      <c r="MQ40" s="348">
        <v>0</v>
      </c>
      <c r="MR40" s="345">
        <v>0</v>
      </c>
      <c r="MS40" s="349">
        <v>0</v>
      </c>
      <c r="MT40" s="413">
        <v>0</v>
      </c>
      <c r="MU40" s="345">
        <v>207441</v>
      </c>
      <c r="MV40" s="345">
        <v>259686</v>
      </c>
      <c r="MW40" s="345">
        <v>6163468</v>
      </c>
      <c r="MX40" s="345">
        <v>13372679</v>
      </c>
      <c r="MY40" s="345">
        <v>7825792</v>
      </c>
      <c r="MZ40" s="349">
        <v>27829066</v>
      </c>
      <c r="NA40" s="354">
        <v>27829066</v>
      </c>
      <c r="NB40" s="348">
        <v>0</v>
      </c>
      <c r="NC40" s="345">
        <v>0</v>
      </c>
      <c r="ND40" s="349">
        <v>0</v>
      </c>
      <c r="NE40" s="413">
        <v>0</v>
      </c>
      <c r="NF40" s="345">
        <v>5476239</v>
      </c>
      <c r="NG40" s="345">
        <v>13729607</v>
      </c>
      <c r="NH40" s="345">
        <v>11736674</v>
      </c>
      <c r="NI40" s="345">
        <v>8251848</v>
      </c>
      <c r="NJ40" s="345">
        <v>3692892</v>
      </c>
      <c r="NK40" s="349">
        <v>42887260</v>
      </c>
      <c r="NL40" s="347">
        <v>42887260</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75767</v>
      </c>
      <c r="OC40" s="345">
        <v>513288</v>
      </c>
      <c r="OD40" s="345">
        <v>1948896</v>
      </c>
      <c r="OE40" s="345">
        <v>715351</v>
      </c>
      <c r="OF40" s="345">
        <v>1989106</v>
      </c>
      <c r="OG40" s="349">
        <v>5642408</v>
      </c>
      <c r="OH40" s="350">
        <v>5642408</v>
      </c>
      <c r="OI40" s="348">
        <v>2560400</v>
      </c>
      <c r="OJ40" s="345">
        <v>4729883</v>
      </c>
      <c r="OK40" s="346">
        <v>7290283</v>
      </c>
      <c r="OL40" s="351">
        <v>0</v>
      </c>
      <c r="OM40" s="345">
        <v>46746282</v>
      </c>
      <c r="ON40" s="345">
        <v>43832893</v>
      </c>
      <c r="OO40" s="345">
        <v>52014064</v>
      </c>
      <c r="OP40" s="345">
        <v>53586344</v>
      </c>
      <c r="OQ40" s="345">
        <v>32840021</v>
      </c>
      <c r="OR40" s="349">
        <v>229019604</v>
      </c>
      <c r="OS40" s="354">
        <v>236309887</v>
      </c>
    </row>
    <row r="41" spans="2:409" s="70" customFormat="1" ht="21" customHeight="1" x14ac:dyDescent="0.2">
      <c r="B41" s="410" t="s">
        <v>36</v>
      </c>
      <c r="C41" s="326">
        <v>1467171</v>
      </c>
      <c r="D41" s="327">
        <v>3140325</v>
      </c>
      <c r="E41" s="328">
        <v>4607496</v>
      </c>
      <c r="F41" s="329">
        <v>0</v>
      </c>
      <c r="G41" s="327">
        <v>22039462</v>
      </c>
      <c r="H41" s="327">
        <v>33058454</v>
      </c>
      <c r="I41" s="327">
        <v>26541733</v>
      </c>
      <c r="J41" s="327">
        <v>16713233</v>
      </c>
      <c r="K41" s="327">
        <v>20151426</v>
      </c>
      <c r="L41" s="367">
        <v>118504308</v>
      </c>
      <c r="M41" s="330">
        <v>123111804</v>
      </c>
      <c r="N41" s="326">
        <v>258876</v>
      </c>
      <c r="O41" s="327">
        <v>1209141</v>
      </c>
      <c r="P41" s="328">
        <v>1468017</v>
      </c>
      <c r="Q41" s="326">
        <v>0</v>
      </c>
      <c r="R41" s="327">
        <v>5843394</v>
      </c>
      <c r="S41" s="327">
        <v>10519052</v>
      </c>
      <c r="T41" s="327">
        <v>9446416</v>
      </c>
      <c r="U41" s="327">
        <v>6637912</v>
      </c>
      <c r="V41" s="327">
        <v>11449102</v>
      </c>
      <c r="W41" s="328">
        <v>43895876</v>
      </c>
      <c r="X41" s="330">
        <v>45363893</v>
      </c>
      <c r="Y41" s="326">
        <v>0</v>
      </c>
      <c r="Z41" s="327">
        <v>0</v>
      </c>
      <c r="AA41" s="328">
        <v>0</v>
      </c>
      <c r="AB41" s="326">
        <v>0</v>
      </c>
      <c r="AC41" s="327">
        <v>2444946</v>
      </c>
      <c r="AD41" s="327">
        <v>5372959</v>
      </c>
      <c r="AE41" s="327">
        <v>4694970</v>
      </c>
      <c r="AF41" s="327">
        <v>3145928</v>
      </c>
      <c r="AG41" s="327">
        <v>7588431</v>
      </c>
      <c r="AH41" s="328">
        <v>23247234</v>
      </c>
      <c r="AI41" s="330">
        <v>23247234</v>
      </c>
      <c r="AJ41" s="326">
        <v>0</v>
      </c>
      <c r="AK41" s="327">
        <v>36408</v>
      </c>
      <c r="AL41" s="328">
        <v>36408</v>
      </c>
      <c r="AM41" s="326">
        <v>0</v>
      </c>
      <c r="AN41" s="327">
        <v>67297</v>
      </c>
      <c r="AO41" s="327">
        <v>231652</v>
      </c>
      <c r="AP41" s="327">
        <v>737988</v>
      </c>
      <c r="AQ41" s="327">
        <v>716144</v>
      </c>
      <c r="AR41" s="327">
        <v>636552</v>
      </c>
      <c r="AS41" s="328">
        <v>2389633</v>
      </c>
      <c r="AT41" s="330">
        <v>2426041</v>
      </c>
      <c r="AU41" s="326">
        <v>168187</v>
      </c>
      <c r="AV41" s="327">
        <v>624315</v>
      </c>
      <c r="AW41" s="328">
        <v>792502</v>
      </c>
      <c r="AX41" s="326">
        <v>0</v>
      </c>
      <c r="AY41" s="327">
        <v>2005762</v>
      </c>
      <c r="AZ41" s="327">
        <v>2769167</v>
      </c>
      <c r="BA41" s="327">
        <v>2337657</v>
      </c>
      <c r="BB41" s="327">
        <v>1837687</v>
      </c>
      <c r="BC41" s="327">
        <v>2116223</v>
      </c>
      <c r="BD41" s="328">
        <v>11066496</v>
      </c>
      <c r="BE41" s="330">
        <v>11858998</v>
      </c>
      <c r="BF41" s="326">
        <v>17375</v>
      </c>
      <c r="BG41" s="327">
        <v>481872</v>
      </c>
      <c r="BH41" s="331">
        <v>499247</v>
      </c>
      <c r="BI41" s="332">
        <v>0</v>
      </c>
      <c r="BJ41" s="327">
        <v>600853</v>
      </c>
      <c r="BK41" s="327">
        <v>646425</v>
      </c>
      <c r="BL41" s="327">
        <v>362045</v>
      </c>
      <c r="BM41" s="327">
        <v>234253</v>
      </c>
      <c r="BN41" s="327">
        <v>216141</v>
      </c>
      <c r="BO41" s="328">
        <v>2059717</v>
      </c>
      <c r="BP41" s="330">
        <v>2558964</v>
      </c>
      <c r="BQ41" s="326">
        <v>73314</v>
      </c>
      <c r="BR41" s="327">
        <v>66546</v>
      </c>
      <c r="BS41" s="328">
        <v>139860</v>
      </c>
      <c r="BT41" s="326">
        <v>0</v>
      </c>
      <c r="BU41" s="327">
        <v>724536</v>
      </c>
      <c r="BV41" s="327">
        <v>1498849</v>
      </c>
      <c r="BW41" s="327">
        <v>1313756</v>
      </c>
      <c r="BX41" s="327">
        <v>703900</v>
      </c>
      <c r="BY41" s="327">
        <v>891755</v>
      </c>
      <c r="BZ41" s="328">
        <v>5132796</v>
      </c>
      <c r="CA41" s="330">
        <v>5272656</v>
      </c>
      <c r="CB41" s="326">
        <v>201025</v>
      </c>
      <c r="CC41" s="327">
        <v>208635</v>
      </c>
      <c r="CD41" s="328">
        <v>409660</v>
      </c>
      <c r="CE41" s="326">
        <v>0</v>
      </c>
      <c r="CF41" s="327">
        <v>6791107</v>
      </c>
      <c r="CG41" s="327">
        <v>10944012</v>
      </c>
      <c r="CH41" s="327">
        <v>6527448</v>
      </c>
      <c r="CI41" s="327">
        <v>3666333</v>
      </c>
      <c r="CJ41" s="327">
        <v>3159934</v>
      </c>
      <c r="CK41" s="328">
        <v>31088834</v>
      </c>
      <c r="CL41" s="330">
        <v>31498494</v>
      </c>
      <c r="CM41" s="326">
        <v>0</v>
      </c>
      <c r="CN41" s="327">
        <v>0</v>
      </c>
      <c r="CO41" s="328">
        <v>0</v>
      </c>
      <c r="CP41" s="332">
        <v>0</v>
      </c>
      <c r="CQ41" s="327">
        <v>5175781</v>
      </c>
      <c r="CR41" s="327">
        <v>7883756</v>
      </c>
      <c r="CS41" s="327">
        <v>4697913</v>
      </c>
      <c r="CT41" s="327">
        <v>2808141</v>
      </c>
      <c r="CU41" s="327">
        <v>2954533</v>
      </c>
      <c r="CV41" s="328">
        <v>23520124</v>
      </c>
      <c r="CW41" s="330">
        <v>23520124</v>
      </c>
      <c r="CX41" s="326">
        <v>201025</v>
      </c>
      <c r="CY41" s="327">
        <v>208635</v>
      </c>
      <c r="CZ41" s="328">
        <v>409660</v>
      </c>
      <c r="DA41" s="326">
        <v>0</v>
      </c>
      <c r="DB41" s="327">
        <v>1615326</v>
      </c>
      <c r="DC41" s="327">
        <v>3060256</v>
      </c>
      <c r="DD41" s="327">
        <v>1829535</v>
      </c>
      <c r="DE41" s="327">
        <v>858192</v>
      </c>
      <c r="DF41" s="327">
        <v>205401</v>
      </c>
      <c r="DG41" s="328">
        <v>7568710</v>
      </c>
      <c r="DH41" s="330">
        <v>7978370</v>
      </c>
      <c r="DI41" s="326">
        <v>0</v>
      </c>
      <c r="DJ41" s="327">
        <v>31804</v>
      </c>
      <c r="DK41" s="331">
        <v>31804</v>
      </c>
      <c r="DL41" s="332">
        <v>0</v>
      </c>
      <c r="DM41" s="327">
        <v>597352</v>
      </c>
      <c r="DN41" s="327">
        <v>2116498</v>
      </c>
      <c r="DO41" s="327">
        <v>2239941</v>
      </c>
      <c r="DP41" s="327">
        <v>2407200</v>
      </c>
      <c r="DQ41" s="327">
        <v>2373203</v>
      </c>
      <c r="DR41" s="328">
        <v>9734194</v>
      </c>
      <c r="DS41" s="330">
        <v>9765998</v>
      </c>
      <c r="DT41" s="326">
        <v>0</v>
      </c>
      <c r="DU41" s="327">
        <v>31804</v>
      </c>
      <c r="DV41" s="328">
        <v>31804</v>
      </c>
      <c r="DW41" s="326">
        <v>0</v>
      </c>
      <c r="DX41" s="327">
        <v>527148</v>
      </c>
      <c r="DY41" s="327">
        <v>2038890</v>
      </c>
      <c r="DZ41" s="327">
        <v>2217565</v>
      </c>
      <c r="EA41" s="327">
        <v>2312879</v>
      </c>
      <c r="EB41" s="327">
        <v>2373203</v>
      </c>
      <c r="EC41" s="328">
        <v>9469685</v>
      </c>
      <c r="ED41" s="330">
        <v>9501489</v>
      </c>
      <c r="EE41" s="326">
        <v>0</v>
      </c>
      <c r="EF41" s="331">
        <v>0</v>
      </c>
      <c r="EG41" s="328">
        <v>0</v>
      </c>
      <c r="EH41" s="326">
        <v>0</v>
      </c>
      <c r="EI41" s="327">
        <v>70204</v>
      </c>
      <c r="EJ41" s="327">
        <v>77608</v>
      </c>
      <c r="EK41" s="327">
        <v>22376</v>
      </c>
      <c r="EL41" s="327">
        <v>94321</v>
      </c>
      <c r="EM41" s="327">
        <v>0</v>
      </c>
      <c r="EN41" s="331">
        <v>264509</v>
      </c>
      <c r="EO41" s="330">
        <v>264509</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579271</v>
      </c>
      <c r="FM41" s="327">
        <v>930428</v>
      </c>
      <c r="FN41" s="328">
        <v>1509699</v>
      </c>
      <c r="FO41" s="326">
        <v>0</v>
      </c>
      <c r="FP41" s="327">
        <v>1944857</v>
      </c>
      <c r="FQ41" s="327">
        <v>3274423</v>
      </c>
      <c r="FR41" s="327">
        <v>2279484</v>
      </c>
      <c r="FS41" s="327">
        <v>1547532</v>
      </c>
      <c r="FT41" s="327">
        <v>1286532</v>
      </c>
      <c r="FU41" s="328">
        <v>10332828</v>
      </c>
      <c r="FV41" s="330">
        <v>11842527</v>
      </c>
      <c r="FW41" s="333">
        <v>233932</v>
      </c>
      <c r="FX41" s="327">
        <v>828728</v>
      </c>
      <c r="FY41" s="331">
        <v>1062660</v>
      </c>
      <c r="FZ41" s="332">
        <v>0</v>
      </c>
      <c r="GA41" s="327">
        <v>1539793</v>
      </c>
      <c r="GB41" s="327">
        <v>3178473</v>
      </c>
      <c r="GC41" s="327">
        <v>2154978</v>
      </c>
      <c r="GD41" s="327">
        <v>1397952</v>
      </c>
      <c r="GE41" s="327">
        <v>1286532</v>
      </c>
      <c r="GF41" s="328">
        <v>9557728</v>
      </c>
      <c r="GG41" s="334">
        <v>10620388</v>
      </c>
      <c r="GH41" s="333">
        <v>47520</v>
      </c>
      <c r="GI41" s="327">
        <v>0</v>
      </c>
      <c r="GJ41" s="331">
        <v>47520</v>
      </c>
      <c r="GK41" s="332">
        <v>0</v>
      </c>
      <c r="GL41" s="327">
        <v>42360</v>
      </c>
      <c r="GM41" s="327">
        <v>38980</v>
      </c>
      <c r="GN41" s="327">
        <v>92250</v>
      </c>
      <c r="GO41" s="327">
        <v>28080</v>
      </c>
      <c r="GP41" s="327">
        <v>0</v>
      </c>
      <c r="GQ41" s="328">
        <v>201670</v>
      </c>
      <c r="GR41" s="330">
        <v>249190</v>
      </c>
      <c r="GS41" s="326">
        <v>297819</v>
      </c>
      <c r="GT41" s="327">
        <v>101700</v>
      </c>
      <c r="GU41" s="328">
        <v>399519</v>
      </c>
      <c r="GV41" s="326">
        <v>0</v>
      </c>
      <c r="GW41" s="327">
        <v>362704</v>
      </c>
      <c r="GX41" s="327">
        <v>56970</v>
      </c>
      <c r="GY41" s="327">
        <v>32256</v>
      </c>
      <c r="GZ41" s="327">
        <v>121500</v>
      </c>
      <c r="HA41" s="327">
        <v>0</v>
      </c>
      <c r="HB41" s="331">
        <v>573430</v>
      </c>
      <c r="HC41" s="330">
        <v>972949</v>
      </c>
      <c r="HD41" s="326">
        <v>199254</v>
      </c>
      <c r="HE41" s="327">
        <v>105852</v>
      </c>
      <c r="HF41" s="331">
        <v>305106</v>
      </c>
      <c r="HG41" s="332">
        <v>0</v>
      </c>
      <c r="HH41" s="327">
        <v>3095215</v>
      </c>
      <c r="HI41" s="327">
        <v>2414989</v>
      </c>
      <c r="HJ41" s="327">
        <v>3270843</v>
      </c>
      <c r="HK41" s="327">
        <v>989614</v>
      </c>
      <c r="HL41" s="327">
        <v>543137</v>
      </c>
      <c r="HM41" s="328">
        <v>10313798</v>
      </c>
      <c r="HN41" s="329">
        <v>10618904</v>
      </c>
      <c r="HO41" s="333">
        <v>228745</v>
      </c>
      <c r="HP41" s="327">
        <v>654465</v>
      </c>
      <c r="HQ41" s="328">
        <v>883210</v>
      </c>
      <c r="HR41" s="326">
        <v>0</v>
      </c>
      <c r="HS41" s="327">
        <v>3767537</v>
      </c>
      <c r="HT41" s="327">
        <v>3789480</v>
      </c>
      <c r="HU41" s="327">
        <v>2777601</v>
      </c>
      <c r="HV41" s="327">
        <v>1464642</v>
      </c>
      <c r="HW41" s="327">
        <v>1339518</v>
      </c>
      <c r="HX41" s="331">
        <v>13138778</v>
      </c>
      <c r="HY41" s="330">
        <v>14021988</v>
      </c>
      <c r="HZ41" s="335">
        <v>0</v>
      </c>
      <c r="IA41" s="336">
        <v>87761</v>
      </c>
      <c r="IB41" s="337">
        <v>87761</v>
      </c>
      <c r="IC41" s="338">
        <v>0</v>
      </c>
      <c r="ID41" s="336">
        <v>5907766</v>
      </c>
      <c r="IE41" s="339">
        <v>9843122</v>
      </c>
      <c r="IF41" s="337">
        <v>11691658</v>
      </c>
      <c r="IG41" s="336">
        <v>4408226</v>
      </c>
      <c r="IH41" s="337">
        <v>6522354</v>
      </c>
      <c r="II41" s="340">
        <v>38373126</v>
      </c>
      <c r="IJ41" s="341">
        <v>38460887</v>
      </c>
      <c r="IK41" s="342">
        <v>0</v>
      </c>
      <c r="IL41" s="343">
        <v>0</v>
      </c>
      <c r="IM41" s="344">
        <v>0</v>
      </c>
      <c r="IN41" s="404">
        <v>0</v>
      </c>
      <c r="IO41" s="345">
        <v>0</v>
      </c>
      <c r="IP41" s="345">
        <v>128164</v>
      </c>
      <c r="IQ41" s="345">
        <v>172058</v>
      </c>
      <c r="IR41" s="345">
        <v>0</v>
      </c>
      <c r="IS41" s="345">
        <v>0</v>
      </c>
      <c r="IT41" s="346">
        <v>300222</v>
      </c>
      <c r="IU41" s="347">
        <v>300222</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3093434</v>
      </c>
      <c r="JL41" s="345">
        <v>2880804</v>
      </c>
      <c r="JM41" s="345">
        <v>5910347</v>
      </c>
      <c r="JN41" s="345">
        <v>1528860</v>
      </c>
      <c r="JO41" s="345">
        <v>4217117</v>
      </c>
      <c r="JP41" s="349">
        <v>17630562</v>
      </c>
      <c r="JQ41" s="347">
        <v>17630562</v>
      </c>
      <c r="JR41" s="348">
        <v>0</v>
      </c>
      <c r="JS41" s="345">
        <v>0</v>
      </c>
      <c r="JT41" s="346">
        <v>0</v>
      </c>
      <c r="JU41" s="351">
        <v>0</v>
      </c>
      <c r="JV41" s="345">
        <v>0</v>
      </c>
      <c r="JW41" s="345">
        <v>0</v>
      </c>
      <c r="JX41" s="345">
        <v>0</v>
      </c>
      <c r="JY41" s="345">
        <v>0</v>
      </c>
      <c r="JZ41" s="345">
        <v>0</v>
      </c>
      <c r="KA41" s="349">
        <v>0</v>
      </c>
      <c r="KB41" s="347">
        <v>0</v>
      </c>
      <c r="KC41" s="352">
        <v>0</v>
      </c>
      <c r="KD41" s="353">
        <v>87761</v>
      </c>
      <c r="KE41" s="349">
        <v>87761</v>
      </c>
      <c r="KF41" s="351">
        <v>0</v>
      </c>
      <c r="KG41" s="345">
        <v>1614567</v>
      </c>
      <c r="KH41" s="345">
        <v>1950443</v>
      </c>
      <c r="KI41" s="345">
        <v>1958611</v>
      </c>
      <c r="KJ41" s="345">
        <v>577475</v>
      </c>
      <c r="KK41" s="345">
        <v>605864</v>
      </c>
      <c r="KL41" s="349">
        <v>6706960</v>
      </c>
      <c r="KM41" s="354">
        <v>6794721</v>
      </c>
      <c r="KN41" s="342">
        <v>0</v>
      </c>
      <c r="KO41" s="343">
        <v>0</v>
      </c>
      <c r="KP41" s="344">
        <v>0</v>
      </c>
      <c r="KQ41" s="413">
        <v>0</v>
      </c>
      <c r="KR41" s="345">
        <v>1199765</v>
      </c>
      <c r="KS41" s="345">
        <v>4883711</v>
      </c>
      <c r="KT41" s="345">
        <v>3650642</v>
      </c>
      <c r="KU41" s="345">
        <v>2301891</v>
      </c>
      <c r="KV41" s="345">
        <v>1699373</v>
      </c>
      <c r="KW41" s="349">
        <v>13735382</v>
      </c>
      <c r="KX41" s="347">
        <v>13735382</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0</v>
      </c>
      <c r="MC41" s="345">
        <v>0</v>
      </c>
      <c r="MD41" s="349">
        <v>0</v>
      </c>
      <c r="ME41" s="350">
        <v>0</v>
      </c>
      <c r="MF41" s="348">
        <v>0</v>
      </c>
      <c r="MG41" s="345">
        <v>0</v>
      </c>
      <c r="MH41" s="349">
        <v>0</v>
      </c>
      <c r="MI41" s="413">
        <v>0</v>
      </c>
      <c r="MJ41" s="345">
        <v>4040616</v>
      </c>
      <c r="MK41" s="345">
        <v>5640826</v>
      </c>
      <c r="ML41" s="345">
        <v>27063846</v>
      </c>
      <c r="MM41" s="345">
        <v>43174675</v>
      </c>
      <c r="MN41" s="345">
        <v>25939054</v>
      </c>
      <c r="MO41" s="349">
        <v>105859017</v>
      </c>
      <c r="MP41" s="354">
        <v>105859017</v>
      </c>
      <c r="MQ41" s="348">
        <v>0</v>
      </c>
      <c r="MR41" s="345">
        <v>0</v>
      </c>
      <c r="MS41" s="349">
        <v>0</v>
      </c>
      <c r="MT41" s="413">
        <v>0</v>
      </c>
      <c r="MU41" s="345">
        <v>0</v>
      </c>
      <c r="MV41" s="345">
        <v>946873</v>
      </c>
      <c r="MW41" s="345">
        <v>16320399</v>
      </c>
      <c r="MX41" s="345">
        <v>23928418</v>
      </c>
      <c r="MY41" s="345">
        <v>18713602</v>
      </c>
      <c r="MZ41" s="349">
        <v>59909292</v>
      </c>
      <c r="NA41" s="354">
        <v>59909292</v>
      </c>
      <c r="NB41" s="348">
        <v>0</v>
      </c>
      <c r="NC41" s="345">
        <v>0</v>
      </c>
      <c r="ND41" s="349">
        <v>0</v>
      </c>
      <c r="NE41" s="413">
        <v>0</v>
      </c>
      <c r="NF41" s="345">
        <v>4040616</v>
      </c>
      <c r="NG41" s="345">
        <v>4693953</v>
      </c>
      <c r="NH41" s="345">
        <v>10743447</v>
      </c>
      <c r="NI41" s="345">
        <v>15701755</v>
      </c>
      <c r="NJ41" s="345">
        <v>6005057</v>
      </c>
      <c r="NK41" s="349">
        <v>41184828</v>
      </c>
      <c r="NL41" s="347">
        <v>41184828</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3544502</v>
      </c>
      <c r="OF41" s="345">
        <v>1220395</v>
      </c>
      <c r="OG41" s="349">
        <v>4764897</v>
      </c>
      <c r="OH41" s="350">
        <v>4764897</v>
      </c>
      <c r="OI41" s="348">
        <v>1467171</v>
      </c>
      <c r="OJ41" s="345">
        <v>3228086</v>
      </c>
      <c r="OK41" s="346">
        <v>4695257</v>
      </c>
      <c r="OL41" s="351">
        <v>0</v>
      </c>
      <c r="OM41" s="345">
        <v>31987844</v>
      </c>
      <c r="ON41" s="345">
        <v>48542402</v>
      </c>
      <c r="OO41" s="345">
        <v>65297237</v>
      </c>
      <c r="OP41" s="345">
        <v>64296134</v>
      </c>
      <c r="OQ41" s="345">
        <v>52612834</v>
      </c>
      <c r="OR41" s="349">
        <v>262736451</v>
      </c>
      <c r="OS41" s="354">
        <v>267431708</v>
      </c>
    </row>
    <row r="42" spans="2:409" s="70" customFormat="1" ht="21" customHeight="1" thickBot="1" x14ac:dyDescent="0.25">
      <c r="B42" s="411" t="s">
        <v>37</v>
      </c>
      <c r="C42" s="371">
        <v>347105</v>
      </c>
      <c r="D42" s="372">
        <v>39159</v>
      </c>
      <c r="E42" s="373">
        <v>386264</v>
      </c>
      <c r="F42" s="374">
        <v>0</v>
      </c>
      <c r="G42" s="372">
        <v>1709854</v>
      </c>
      <c r="H42" s="372">
        <v>2296565</v>
      </c>
      <c r="I42" s="372">
        <v>2420796</v>
      </c>
      <c r="J42" s="372">
        <v>1888633</v>
      </c>
      <c r="K42" s="372">
        <v>1076235</v>
      </c>
      <c r="L42" s="374">
        <v>9392083</v>
      </c>
      <c r="M42" s="375">
        <v>9778347</v>
      </c>
      <c r="N42" s="371">
        <v>97149</v>
      </c>
      <c r="O42" s="372">
        <v>21951</v>
      </c>
      <c r="P42" s="373">
        <v>119100</v>
      </c>
      <c r="Q42" s="371">
        <v>0</v>
      </c>
      <c r="R42" s="372">
        <v>402829</v>
      </c>
      <c r="S42" s="372">
        <v>435613</v>
      </c>
      <c r="T42" s="372">
        <v>606304</v>
      </c>
      <c r="U42" s="372">
        <v>832823</v>
      </c>
      <c r="V42" s="372">
        <v>667974</v>
      </c>
      <c r="W42" s="373">
        <v>2945543</v>
      </c>
      <c r="X42" s="375">
        <v>3064643</v>
      </c>
      <c r="Y42" s="371">
        <v>0</v>
      </c>
      <c r="Z42" s="372">
        <v>0</v>
      </c>
      <c r="AA42" s="373">
        <v>0</v>
      </c>
      <c r="AB42" s="371">
        <v>0</v>
      </c>
      <c r="AC42" s="372">
        <v>162177</v>
      </c>
      <c r="AD42" s="372">
        <v>203930</v>
      </c>
      <c r="AE42" s="372">
        <v>327864</v>
      </c>
      <c r="AF42" s="372">
        <v>244169</v>
      </c>
      <c r="AG42" s="372">
        <v>348315</v>
      </c>
      <c r="AH42" s="373">
        <v>1286455</v>
      </c>
      <c r="AI42" s="375">
        <v>1286455</v>
      </c>
      <c r="AJ42" s="371">
        <v>0</v>
      </c>
      <c r="AK42" s="372">
        <v>0</v>
      </c>
      <c r="AL42" s="373">
        <v>0</v>
      </c>
      <c r="AM42" s="371">
        <v>0</v>
      </c>
      <c r="AN42" s="372">
        <v>0</v>
      </c>
      <c r="AO42" s="372">
        <v>0</v>
      </c>
      <c r="AP42" s="372">
        <v>0</v>
      </c>
      <c r="AQ42" s="372">
        <v>0</v>
      </c>
      <c r="AR42" s="372">
        <v>0</v>
      </c>
      <c r="AS42" s="373">
        <v>0</v>
      </c>
      <c r="AT42" s="375">
        <v>0</v>
      </c>
      <c r="AU42" s="371">
        <v>58017</v>
      </c>
      <c r="AV42" s="372">
        <v>21951</v>
      </c>
      <c r="AW42" s="373">
        <v>79968</v>
      </c>
      <c r="AX42" s="371">
        <v>0</v>
      </c>
      <c r="AY42" s="372">
        <v>153661</v>
      </c>
      <c r="AZ42" s="372">
        <v>195812</v>
      </c>
      <c r="BA42" s="372">
        <v>192103</v>
      </c>
      <c r="BB42" s="372">
        <v>376972</v>
      </c>
      <c r="BC42" s="372">
        <v>211007</v>
      </c>
      <c r="BD42" s="373">
        <v>1129555</v>
      </c>
      <c r="BE42" s="375">
        <v>1209523</v>
      </c>
      <c r="BF42" s="371">
        <v>0</v>
      </c>
      <c r="BG42" s="372">
        <v>0</v>
      </c>
      <c r="BH42" s="376">
        <v>0</v>
      </c>
      <c r="BI42" s="377">
        <v>0</v>
      </c>
      <c r="BJ42" s="372">
        <v>20877</v>
      </c>
      <c r="BK42" s="372">
        <v>30507</v>
      </c>
      <c r="BL42" s="372">
        <v>0</v>
      </c>
      <c r="BM42" s="372">
        <v>42437</v>
      </c>
      <c r="BN42" s="372">
        <v>20877</v>
      </c>
      <c r="BO42" s="373">
        <v>114698</v>
      </c>
      <c r="BP42" s="375">
        <v>114698</v>
      </c>
      <c r="BQ42" s="371">
        <v>39132</v>
      </c>
      <c r="BR42" s="372">
        <v>0</v>
      </c>
      <c r="BS42" s="373">
        <v>39132</v>
      </c>
      <c r="BT42" s="371">
        <v>0</v>
      </c>
      <c r="BU42" s="372">
        <v>66114</v>
      </c>
      <c r="BV42" s="372">
        <v>5364</v>
      </c>
      <c r="BW42" s="372">
        <v>86337</v>
      </c>
      <c r="BX42" s="372">
        <v>169245</v>
      </c>
      <c r="BY42" s="372">
        <v>87775</v>
      </c>
      <c r="BZ42" s="373">
        <v>414835</v>
      </c>
      <c r="CA42" s="375">
        <v>453967</v>
      </c>
      <c r="CB42" s="371">
        <v>24299</v>
      </c>
      <c r="CC42" s="372">
        <v>0</v>
      </c>
      <c r="CD42" s="373">
        <v>24299</v>
      </c>
      <c r="CE42" s="371">
        <v>0</v>
      </c>
      <c r="CF42" s="372">
        <v>730283</v>
      </c>
      <c r="CG42" s="372">
        <v>856074</v>
      </c>
      <c r="CH42" s="372">
        <v>724177</v>
      </c>
      <c r="CI42" s="372">
        <v>494606</v>
      </c>
      <c r="CJ42" s="372">
        <v>182416</v>
      </c>
      <c r="CK42" s="373">
        <v>2987556</v>
      </c>
      <c r="CL42" s="375">
        <v>3011855</v>
      </c>
      <c r="CM42" s="371">
        <v>0</v>
      </c>
      <c r="CN42" s="372">
        <v>0</v>
      </c>
      <c r="CO42" s="373">
        <v>0</v>
      </c>
      <c r="CP42" s="377">
        <v>0</v>
      </c>
      <c r="CQ42" s="372">
        <v>367818</v>
      </c>
      <c r="CR42" s="372">
        <v>286899</v>
      </c>
      <c r="CS42" s="372">
        <v>577475</v>
      </c>
      <c r="CT42" s="372">
        <v>210190</v>
      </c>
      <c r="CU42" s="372">
        <v>42840</v>
      </c>
      <c r="CV42" s="373">
        <v>1485222</v>
      </c>
      <c r="CW42" s="375">
        <v>1485222</v>
      </c>
      <c r="CX42" s="371">
        <v>24299</v>
      </c>
      <c r="CY42" s="372">
        <v>0</v>
      </c>
      <c r="CZ42" s="373">
        <v>24299</v>
      </c>
      <c r="DA42" s="371">
        <v>0</v>
      </c>
      <c r="DB42" s="372">
        <v>362465</v>
      </c>
      <c r="DC42" s="372">
        <v>569175</v>
      </c>
      <c r="DD42" s="372">
        <v>146702</v>
      </c>
      <c r="DE42" s="372">
        <v>284416</v>
      </c>
      <c r="DF42" s="372">
        <v>139576</v>
      </c>
      <c r="DG42" s="373">
        <v>1502334</v>
      </c>
      <c r="DH42" s="375">
        <v>1526633</v>
      </c>
      <c r="DI42" s="371">
        <v>0</v>
      </c>
      <c r="DJ42" s="372">
        <v>0</v>
      </c>
      <c r="DK42" s="376">
        <v>0</v>
      </c>
      <c r="DL42" s="377">
        <v>0</v>
      </c>
      <c r="DM42" s="372">
        <v>0</v>
      </c>
      <c r="DN42" s="372">
        <v>118453</v>
      </c>
      <c r="DO42" s="372">
        <v>486586</v>
      </c>
      <c r="DP42" s="372">
        <v>122031</v>
      </c>
      <c r="DQ42" s="372">
        <v>46530</v>
      </c>
      <c r="DR42" s="373">
        <v>773600</v>
      </c>
      <c r="DS42" s="375">
        <v>773600</v>
      </c>
      <c r="DT42" s="371">
        <v>0</v>
      </c>
      <c r="DU42" s="372">
        <v>0</v>
      </c>
      <c r="DV42" s="373">
        <v>0</v>
      </c>
      <c r="DW42" s="371">
        <v>0</v>
      </c>
      <c r="DX42" s="372">
        <v>0</v>
      </c>
      <c r="DY42" s="372">
        <v>118453</v>
      </c>
      <c r="DZ42" s="372">
        <v>486586</v>
      </c>
      <c r="EA42" s="372">
        <v>31881</v>
      </c>
      <c r="EB42" s="372">
        <v>0</v>
      </c>
      <c r="EC42" s="373">
        <v>636920</v>
      </c>
      <c r="ED42" s="375">
        <v>636920</v>
      </c>
      <c r="EE42" s="371">
        <v>0</v>
      </c>
      <c r="EF42" s="376">
        <v>0</v>
      </c>
      <c r="EG42" s="373">
        <v>0</v>
      </c>
      <c r="EH42" s="371">
        <v>0</v>
      </c>
      <c r="EI42" s="372">
        <v>0</v>
      </c>
      <c r="EJ42" s="372">
        <v>0</v>
      </c>
      <c r="EK42" s="372">
        <v>0</v>
      </c>
      <c r="EL42" s="372">
        <v>90150</v>
      </c>
      <c r="EM42" s="372">
        <v>46530</v>
      </c>
      <c r="EN42" s="376">
        <v>136680</v>
      </c>
      <c r="EO42" s="375">
        <v>13668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143523</v>
      </c>
      <c r="FM42" s="372">
        <v>8082</v>
      </c>
      <c r="FN42" s="373">
        <v>151605</v>
      </c>
      <c r="FO42" s="371">
        <v>0</v>
      </c>
      <c r="FP42" s="372">
        <v>156450</v>
      </c>
      <c r="FQ42" s="372">
        <v>470966</v>
      </c>
      <c r="FR42" s="372">
        <v>250334</v>
      </c>
      <c r="FS42" s="372">
        <v>241016</v>
      </c>
      <c r="FT42" s="372">
        <v>106100</v>
      </c>
      <c r="FU42" s="373">
        <v>1224866</v>
      </c>
      <c r="FV42" s="375">
        <v>1376471</v>
      </c>
      <c r="FW42" s="378">
        <v>115650</v>
      </c>
      <c r="FX42" s="372">
        <v>8082</v>
      </c>
      <c r="FY42" s="376">
        <v>123732</v>
      </c>
      <c r="FZ42" s="377">
        <v>0</v>
      </c>
      <c r="GA42" s="372">
        <v>156450</v>
      </c>
      <c r="GB42" s="372">
        <v>396266</v>
      </c>
      <c r="GC42" s="372">
        <v>222267</v>
      </c>
      <c r="GD42" s="372">
        <v>241016</v>
      </c>
      <c r="GE42" s="372">
        <v>106100</v>
      </c>
      <c r="GF42" s="373">
        <v>1122099</v>
      </c>
      <c r="GG42" s="379">
        <v>1245831</v>
      </c>
      <c r="GH42" s="378">
        <v>27873</v>
      </c>
      <c r="GI42" s="372">
        <v>0</v>
      </c>
      <c r="GJ42" s="376">
        <v>27873</v>
      </c>
      <c r="GK42" s="377">
        <v>0</v>
      </c>
      <c r="GL42" s="372">
        <v>0</v>
      </c>
      <c r="GM42" s="372">
        <v>0</v>
      </c>
      <c r="GN42" s="372">
        <v>28067</v>
      </c>
      <c r="GO42" s="372">
        <v>0</v>
      </c>
      <c r="GP42" s="372">
        <v>0</v>
      </c>
      <c r="GQ42" s="373">
        <v>28067</v>
      </c>
      <c r="GR42" s="375">
        <v>55940</v>
      </c>
      <c r="GS42" s="371">
        <v>0</v>
      </c>
      <c r="GT42" s="372">
        <v>0</v>
      </c>
      <c r="GU42" s="373">
        <v>0</v>
      </c>
      <c r="GV42" s="371">
        <v>0</v>
      </c>
      <c r="GW42" s="372">
        <v>0</v>
      </c>
      <c r="GX42" s="372">
        <v>74700</v>
      </c>
      <c r="GY42" s="372">
        <v>0</v>
      </c>
      <c r="GZ42" s="372">
        <v>0</v>
      </c>
      <c r="HA42" s="372">
        <v>0</v>
      </c>
      <c r="HB42" s="376">
        <v>74700</v>
      </c>
      <c r="HC42" s="375">
        <v>74700</v>
      </c>
      <c r="HD42" s="371">
        <v>0</v>
      </c>
      <c r="HE42" s="372">
        <v>0</v>
      </c>
      <c r="HF42" s="376">
        <v>0</v>
      </c>
      <c r="HG42" s="377">
        <v>0</v>
      </c>
      <c r="HH42" s="372">
        <v>0</v>
      </c>
      <c r="HI42" s="372">
        <v>0</v>
      </c>
      <c r="HJ42" s="372">
        <v>0</v>
      </c>
      <c r="HK42" s="372">
        <v>0</v>
      </c>
      <c r="HL42" s="372">
        <v>0</v>
      </c>
      <c r="HM42" s="373">
        <v>0</v>
      </c>
      <c r="HN42" s="374">
        <v>0</v>
      </c>
      <c r="HO42" s="378">
        <v>82134</v>
      </c>
      <c r="HP42" s="372">
        <v>9126</v>
      </c>
      <c r="HQ42" s="373">
        <v>91260</v>
      </c>
      <c r="HR42" s="371">
        <v>0</v>
      </c>
      <c r="HS42" s="372">
        <v>420292</v>
      </c>
      <c r="HT42" s="372">
        <v>415459</v>
      </c>
      <c r="HU42" s="372">
        <v>353395</v>
      </c>
      <c r="HV42" s="372">
        <v>198157</v>
      </c>
      <c r="HW42" s="372">
        <v>73215</v>
      </c>
      <c r="HX42" s="376">
        <v>1460518</v>
      </c>
      <c r="HY42" s="375">
        <v>1551778</v>
      </c>
      <c r="HZ42" s="380">
        <v>0</v>
      </c>
      <c r="IA42" s="381">
        <v>0</v>
      </c>
      <c r="IB42" s="382">
        <v>0</v>
      </c>
      <c r="IC42" s="383">
        <v>0</v>
      </c>
      <c r="ID42" s="384">
        <v>1785582</v>
      </c>
      <c r="IE42" s="385">
        <v>699347</v>
      </c>
      <c r="IF42" s="386">
        <v>1754969</v>
      </c>
      <c r="IG42" s="384">
        <v>1798784</v>
      </c>
      <c r="IH42" s="386">
        <v>831713</v>
      </c>
      <c r="II42" s="387">
        <v>6870395</v>
      </c>
      <c r="IJ42" s="388">
        <v>6870395</v>
      </c>
      <c r="IK42" s="389">
        <v>0</v>
      </c>
      <c r="IL42" s="390">
        <v>0</v>
      </c>
      <c r="IM42" s="391">
        <v>0</v>
      </c>
      <c r="IN42" s="405">
        <v>0</v>
      </c>
      <c r="IO42" s="392">
        <v>0</v>
      </c>
      <c r="IP42" s="392">
        <v>0</v>
      </c>
      <c r="IQ42" s="392">
        <v>0</v>
      </c>
      <c r="IR42" s="392">
        <v>212235</v>
      </c>
      <c r="IS42" s="392">
        <v>0</v>
      </c>
      <c r="IT42" s="393">
        <v>212235</v>
      </c>
      <c r="IU42" s="394">
        <v>212235</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956788</v>
      </c>
      <c r="JL42" s="392">
        <v>699347</v>
      </c>
      <c r="JM42" s="392">
        <v>902168</v>
      </c>
      <c r="JN42" s="392">
        <v>139005</v>
      </c>
      <c r="JO42" s="392">
        <v>242280</v>
      </c>
      <c r="JP42" s="396">
        <v>2939588</v>
      </c>
      <c r="JQ42" s="394">
        <v>2939588</v>
      </c>
      <c r="JR42" s="395">
        <v>0</v>
      </c>
      <c r="JS42" s="392">
        <v>0</v>
      </c>
      <c r="JT42" s="393">
        <v>0</v>
      </c>
      <c r="JU42" s="398">
        <v>0</v>
      </c>
      <c r="JV42" s="392">
        <v>37661</v>
      </c>
      <c r="JW42" s="392">
        <v>0</v>
      </c>
      <c r="JX42" s="392">
        <v>0</v>
      </c>
      <c r="JY42" s="392">
        <v>0</v>
      </c>
      <c r="JZ42" s="392">
        <v>0</v>
      </c>
      <c r="KA42" s="396">
        <v>37661</v>
      </c>
      <c r="KB42" s="394">
        <v>37661</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791133</v>
      </c>
      <c r="KS42" s="392">
        <v>0</v>
      </c>
      <c r="KT42" s="392">
        <v>852801</v>
      </c>
      <c r="KU42" s="392">
        <v>1447544</v>
      </c>
      <c r="KV42" s="392">
        <v>589433</v>
      </c>
      <c r="KW42" s="396">
        <v>3680911</v>
      </c>
      <c r="KX42" s="394">
        <v>3680911</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56495</v>
      </c>
      <c r="MK42" s="392">
        <v>798037</v>
      </c>
      <c r="ML42" s="392">
        <v>4323306</v>
      </c>
      <c r="MM42" s="392">
        <v>3604667</v>
      </c>
      <c r="MN42" s="392">
        <v>3975206</v>
      </c>
      <c r="MO42" s="396">
        <v>12957711</v>
      </c>
      <c r="MP42" s="401">
        <v>12957711</v>
      </c>
      <c r="MQ42" s="395">
        <v>0</v>
      </c>
      <c r="MR42" s="392">
        <v>0</v>
      </c>
      <c r="MS42" s="396">
        <v>0</v>
      </c>
      <c r="MT42" s="414">
        <v>0</v>
      </c>
      <c r="MU42" s="392">
        <v>0</v>
      </c>
      <c r="MV42" s="392">
        <v>0</v>
      </c>
      <c r="MW42" s="392">
        <v>1654520</v>
      </c>
      <c r="MX42" s="392">
        <v>2007656</v>
      </c>
      <c r="MY42" s="392">
        <v>2550259</v>
      </c>
      <c r="MZ42" s="396">
        <v>6212435</v>
      </c>
      <c r="NA42" s="401">
        <v>6212435</v>
      </c>
      <c r="NB42" s="395">
        <v>0</v>
      </c>
      <c r="NC42" s="392">
        <v>0</v>
      </c>
      <c r="ND42" s="396">
        <v>0</v>
      </c>
      <c r="NE42" s="414">
        <v>0</v>
      </c>
      <c r="NF42" s="392">
        <v>256495</v>
      </c>
      <c r="NG42" s="392">
        <v>798037</v>
      </c>
      <c r="NH42" s="392">
        <v>2668786</v>
      </c>
      <c r="NI42" s="392">
        <v>1597011</v>
      </c>
      <c r="NJ42" s="392">
        <v>1020190</v>
      </c>
      <c r="NK42" s="396">
        <v>6340519</v>
      </c>
      <c r="NL42" s="394">
        <v>6340519</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404757</v>
      </c>
      <c r="OG42" s="396">
        <v>404757</v>
      </c>
      <c r="OH42" s="397">
        <v>404757</v>
      </c>
      <c r="OI42" s="395">
        <v>347105</v>
      </c>
      <c r="OJ42" s="392">
        <v>39159</v>
      </c>
      <c r="OK42" s="393">
        <v>386264</v>
      </c>
      <c r="OL42" s="398">
        <v>0</v>
      </c>
      <c r="OM42" s="392">
        <v>3751931</v>
      </c>
      <c r="ON42" s="392">
        <v>3793949</v>
      </c>
      <c r="OO42" s="392">
        <v>8499071</v>
      </c>
      <c r="OP42" s="392">
        <v>7292084</v>
      </c>
      <c r="OQ42" s="392">
        <v>5883154</v>
      </c>
      <c r="OR42" s="396">
        <v>29220189</v>
      </c>
      <c r="OS42" s="401">
        <v>29606453</v>
      </c>
    </row>
    <row r="43" spans="2:409" x14ac:dyDescent="0.2">
      <c r="B43" s="7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7</v>
      </c>
      <c r="G1" s="572">
        <f>IF(F1&lt;3,F1-2+12,F1-2)</f>
        <v>5</v>
      </c>
      <c r="H1" s="572"/>
      <c r="IB1" s="42"/>
      <c r="IC1" s="22"/>
      <c r="ID1" s="547"/>
      <c r="IE1" s="547"/>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28378690</v>
      </c>
      <c r="D9" s="256">
        <v>50608802</v>
      </c>
      <c r="E9" s="257">
        <v>78987492</v>
      </c>
      <c r="F9" s="258">
        <v>0</v>
      </c>
      <c r="G9" s="256">
        <v>308702985</v>
      </c>
      <c r="H9" s="256">
        <v>416172426</v>
      </c>
      <c r="I9" s="256">
        <v>347501604</v>
      </c>
      <c r="J9" s="256">
        <v>319318981</v>
      </c>
      <c r="K9" s="256">
        <v>211937835</v>
      </c>
      <c r="L9" s="259">
        <v>1603633831</v>
      </c>
      <c r="M9" s="260">
        <v>1682621323</v>
      </c>
      <c r="N9" s="255">
        <v>8629705</v>
      </c>
      <c r="O9" s="256">
        <v>17791189</v>
      </c>
      <c r="P9" s="261">
        <v>26420894</v>
      </c>
      <c r="Q9" s="255">
        <v>0</v>
      </c>
      <c r="R9" s="256">
        <v>96341616</v>
      </c>
      <c r="S9" s="256">
        <v>139884354</v>
      </c>
      <c r="T9" s="256">
        <v>117519426</v>
      </c>
      <c r="U9" s="256">
        <v>119289899</v>
      </c>
      <c r="V9" s="256">
        <v>111364816</v>
      </c>
      <c r="W9" s="261">
        <v>584400111</v>
      </c>
      <c r="X9" s="260">
        <v>610821005</v>
      </c>
      <c r="Y9" s="255">
        <v>0</v>
      </c>
      <c r="Z9" s="256">
        <v>0</v>
      </c>
      <c r="AA9" s="261">
        <v>0</v>
      </c>
      <c r="AB9" s="262">
        <v>0</v>
      </c>
      <c r="AC9" s="263">
        <v>40566213</v>
      </c>
      <c r="AD9" s="263">
        <v>55292325</v>
      </c>
      <c r="AE9" s="263">
        <v>53490138</v>
      </c>
      <c r="AF9" s="263">
        <v>62693369</v>
      </c>
      <c r="AG9" s="263">
        <v>64212824</v>
      </c>
      <c r="AH9" s="261">
        <v>276254869</v>
      </c>
      <c r="AI9" s="260">
        <v>276254869</v>
      </c>
      <c r="AJ9" s="264">
        <v>0</v>
      </c>
      <c r="AK9" s="263">
        <v>16510</v>
      </c>
      <c r="AL9" s="261">
        <v>16510</v>
      </c>
      <c r="AM9" s="262">
        <v>0</v>
      </c>
      <c r="AN9" s="263">
        <v>343280</v>
      </c>
      <c r="AO9" s="259">
        <v>1386035</v>
      </c>
      <c r="AP9" s="263">
        <v>3128471</v>
      </c>
      <c r="AQ9" s="263">
        <v>6227273</v>
      </c>
      <c r="AR9" s="263">
        <v>11756754</v>
      </c>
      <c r="AS9" s="261">
        <v>22841813</v>
      </c>
      <c r="AT9" s="260">
        <v>22858323</v>
      </c>
      <c r="AU9" s="264">
        <v>4467376</v>
      </c>
      <c r="AV9" s="263">
        <v>12504379</v>
      </c>
      <c r="AW9" s="261">
        <v>16971755</v>
      </c>
      <c r="AX9" s="262">
        <v>0</v>
      </c>
      <c r="AY9" s="263">
        <v>34398501</v>
      </c>
      <c r="AZ9" s="263">
        <v>57476095</v>
      </c>
      <c r="BA9" s="263">
        <v>38846087</v>
      </c>
      <c r="BB9" s="263">
        <v>30247520</v>
      </c>
      <c r="BC9" s="263">
        <v>22121135</v>
      </c>
      <c r="BD9" s="261">
        <v>183089338</v>
      </c>
      <c r="BE9" s="265">
        <v>200061093</v>
      </c>
      <c r="BF9" s="264">
        <v>745641</v>
      </c>
      <c r="BG9" s="259">
        <v>1539988</v>
      </c>
      <c r="BH9" s="266">
        <v>2285629</v>
      </c>
      <c r="BI9" s="262">
        <v>0</v>
      </c>
      <c r="BJ9" s="263">
        <v>3512404</v>
      </c>
      <c r="BK9" s="263">
        <v>4250363</v>
      </c>
      <c r="BL9" s="263">
        <v>2936610</v>
      </c>
      <c r="BM9" s="263">
        <v>2529195</v>
      </c>
      <c r="BN9" s="263">
        <v>1769975</v>
      </c>
      <c r="BO9" s="261">
        <v>14998547</v>
      </c>
      <c r="BP9" s="260">
        <v>17284176</v>
      </c>
      <c r="BQ9" s="264">
        <v>3416688</v>
      </c>
      <c r="BR9" s="263">
        <v>3730312</v>
      </c>
      <c r="BS9" s="261">
        <v>7147000</v>
      </c>
      <c r="BT9" s="262">
        <v>0</v>
      </c>
      <c r="BU9" s="263">
        <v>17521218</v>
      </c>
      <c r="BV9" s="263">
        <v>21479536</v>
      </c>
      <c r="BW9" s="263">
        <v>19118120</v>
      </c>
      <c r="BX9" s="263">
        <v>17592542</v>
      </c>
      <c r="BY9" s="263">
        <v>11504128</v>
      </c>
      <c r="BZ9" s="261">
        <v>87215544</v>
      </c>
      <c r="CA9" s="260">
        <v>94362544</v>
      </c>
      <c r="CB9" s="264">
        <v>3178995</v>
      </c>
      <c r="CC9" s="263">
        <v>7439406</v>
      </c>
      <c r="CD9" s="261">
        <v>10618401</v>
      </c>
      <c r="CE9" s="262">
        <v>0</v>
      </c>
      <c r="CF9" s="263">
        <v>97599854</v>
      </c>
      <c r="CG9" s="263">
        <v>118672783</v>
      </c>
      <c r="CH9" s="267">
        <v>82813654</v>
      </c>
      <c r="CI9" s="263">
        <v>45204433</v>
      </c>
      <c r="CJ9" s="263">
        <v>16971791</v>
      </c>
      <c r="CK9" s="261">
        <v>361262515</v>
      </c>
      <c r="CL9" s="260">
        <v>371880916</v>
      </c>
      <c r="CM9" s="255">
        <v>0</v>
      </c>
      <c r="CN9" s="256">
        <v>0</v>
      </c>
      <c r="CO9" s="261">
        <v>0</v>
      </c>
      <c r="CP9" s="262">
        <v>0</v>
      </c>
      <c r="CQ9" s="263">
        <v>78752315</v>
      </c>
      <c r="CR9" s="263">
        <v>86934697</v>
      </c>
      <c r="CS9" s="263">
        <v>60264465</v>
      </c>
      <c r="CT9" s="263">
        <v>30349667</v>
      </c>
      <c r="CU9" s="263">
        <v>13318081</v>
      </c>
      <c r="CV9" s="268">
        <v>269619225</v>
      </c>
      <c r="CW9" s="260">
        <v>269619225</v>
      </c>
      <c r="CX9" s="264">
        <v>3178995</v>
      </c>
      <c r="CY9" s="263">
        <v>7439406</v>
      </c>
      <c r="CZ9" s="261">
        <v>10618401</v>
      </c>
      <c r="DA9" s="262">
        <v>0</v>
      </c>
      <c r="DB9" s="263">
        <v>18847539</v>
      </c>
      <c r="DC9" s="263">
        <v>31738086</v>
      </c>
      <c r="DD9" s="263">
        <v>22549189</v>
      </c>
      <c r="DE9" s="263">
        <v>14854766</v>
      </c>
      <c r="DF9" s="263">
        <v>3653710</v>
      </c>
      <c r="DG9" s="261">
        <v>91643290</v>
      </c>
      <c r="DH9" s="260">
        <v>102261691</v>
      </c>
      <c r="DI9" s="264">
        <v>116908</v>
      </c>
      <c r="DJ9" s="263">
        <v>746248</v>
      </c>
      <c r="DK9" s="266">
        <v>863156</v>
      </c>
      <c r="DL9" s="262">
        <v>0</v>
      </c>
      <c r="DM9" s="263">
        <v>8864582</v>
      </c>
      <c r="DN9" s="263">
        <v>18285129</v>
      </c>
      <c r="DO9" s="263">
        <v>27946777</v>
      </c>
      <c r="DP9" s="263">
        <v>26462292</v>
      </c>
      <c r="DQ9" s="263">
        <v>12084138</v>
      </c>
      <c r="DR9" s="269">
        <v>93642918</v>
      </c>
      <c r="DS9" s="260">
        <v>94506074</v>
      </c>
      <c r="DT9" s="264">
        <v>116908</v>
      </c>
      <c r="DU9" s="263">
        <v>746248</v>
      </c>
      <c r="DV9" s="261">
        <v>863156</v>
      </c>
      <c r="DW9" s="262">
        <v>0</v>
      </c>
      <c r="DX9" s="263">
        <v>7832282</v>
      </c>
      <c r="DY9" s="263">
        <v>15710505</v>
      </c>
      <c r="DZ9" s="263">
        <v>23720139</v>
      </c>
      <c r="EA9" s="263">
        <v>23164127</v>
      </c>
      <c r="EB9" s="263">
        <v>10559189</v>
      </c>
      <c r="EC9" s="261">
        <v>80986242</v>
      </c>
      <c r="ED9" s="260">
        <v>81849398</v>
      </c>
      <c r="EE9" s="264">
        <v>0</v>
      </c>
      <c r="EF9" s="259">
        <v>0</v>
      </c>
      <c r="EG9" s="261">
        <v>0</v>
      </c>
      <c r="EH9" s="265">
        <v>0</v>
      </c>
      <c r="EI9" s="263">
        <v>1032300</v>
      </c>
      <c r="EJ9" s="263">
        <v>2574624</v>
      </c>
      <c r="EK9" s="263">
        <v>4226638</v>
      </c>
      <c r="EL9" s="263">
        <v>3298165</v>
      </c>
      <c r="EM9" s="267">
        <v>1524949</v>
      </c>
      <c r="EN9" s="259">
        <v>12656676</v>
      </c>
      <c r="EO9" s="260">
        <v>12656676</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255513</v>
      </c>
      <c r="FM9" s="263">
        <v>11554681</v>
      </c>
      <c r="FN9" s="261">
        <v>17810194</v>
      </c>
      <c r="FO9" s="262">
        <v>0</v>
      </c>
      <c r="FP9" s="263">
        <v>14378040</v>
      </c>
      <c r="FQ9" s="263">
        <v>39982246</v>
      </c>
      <c r="FR9" s="263">
        <v>28852096</v>
      </c>
      <c r="FS9" s="263">
        <v>23389286</v>
      </c>
      <c r="FT9" s="263">
        <v>15313048</v>
      </c>
      <c r="FU9" s="261">
        <v>121914716</v>
      </c>
      <c r="FV9" s="260">
        <v>139724910</v>
      </c>
      <c r="FW9" s="264">
        <v>2821000</v>
      </c>
      <c r="FX9" s="263">
        <v>7487200</v>
      </c>
      <c r="FY9" s="259">
        <v>10308200</v>
      </c>
      <c r="FZ9" s="265">
        <v>0</v>
      </c>
      <c r="GA9" s="263">
        <v>10733196</v>
      </c>
      <c r="GB9" s="270">
        <v>35434901</v>
      </c>
      <c r="GC9" s="263">
        <v>25557424</v>
      </c>
      <c r="GD9" s="270">
        <v>20420252</v>
      </c>
      <c r="GE9" s="263">
        <v>14408032</v>
      </c>
      <c r="GF9" s="268">
        <v>106553805</v>
      </c>
      <c r="GG9" s="271">
        <v>116862005</v>
      </c>
      <c r="GH9" s="272">
        <v>359137</v>
      </c>
      <c r="GI9" s="263">
        <v>434648</v>
      </c>
      <c r="GJ9" s="270">
        <v>793785</v>
      </c>
      <c r="GK9" s="258">
        <v>0</v>
      </c>
      <c r="GL9" s="263">
        <v>723453</v>
      </c>
      <c r="GM9" s="259">
        <v>1180624</v>
      </c>
      <c r="GN9" s="263">
        <v>869723</v>
      </c>
      <c r="GO9" s="259">
        <v>573655</v>
      </c>
      <c r="GP9" s="263">
        <v>338760</v>
      </c>
      <c r="GQ9" s="269">
        <v>3686215</v>
      </c>
      <c r="GR9" s="260">
        <v>4480000</v>
      </c>
      <c r="GS9" s="259">
        <v>3075376</v>
      </c>
      <c r="GT9" s="263">
        <v>3632833</v>
      </c>
      <c r="GU9" s="261">
        <v>6708209</v>
      </c>
      <c r="GV9" s="259">
        <v>0</v>
      </c>
      <c r="GW9" s="263">
        <v>2921391</v>
      </c>
      <c r="GX9" s="259">
        <v>3366721</v>
      </c>
      <c r="GY9" s="263">
        <v>2424949</v>
      </c>
      <c r="GZ9" s="259">
        <v>2395379</v>
      </c>
      <c r="HA9" s="263">
        <v>566256</v>
      </c>
      <c r="HB9" s="259">
        <v>11674696</v>
      </c>
      <c r="HC9" s="260">
        <v>18382905</v>
      </c>
      <c r="HD9" s="259">
        <v>10197569</v>
      </c>
      <c r="HE9" s="263">
        <v>13077278</v>
      </c>
      <c r="HF9" s="259">
        <v>23274847</v>
      </c>
      <c r="HG9" s="265">
        <v>0</v>
      </c>
      <c r="HH9" s="263">
        <v>91518893</v>
      </c>
      <c r="HI9" s="270">
        <v>99347914</v>
      </c>
      <c r="HJ9" s="263">
        <v>90369651</v>
      </c>
      <c r="HK9" s="270">
        <v>104973071</v>
      </c>
      <c r="HL9" s="263">
        <v>56204042</v>
      </c>
      <c r="HM9" s="268">
        <v>442413571</v>
      </c>
      <c r="HN9" s="259">
        <v>465688418</v>
      </c>
      <c r="HO9" s="272">
        <v>0</v>
      </c>
      <c r="HP9" s="263">
        <v>0</v>
      </c>
      <c r="HQ9" s="268">
        <v>0</v>
      </c>
      <c r="HR9" s="270">
        <v>0</v>
      </c>
      <c r="HS9" s="263">
        <v>0</v>
      </c>
      <c r="HT9" s="270">
        <v>0</v>
      </c>
      <c r="HU9" s="263">
        <v>0</v>
      </c>
      <c r="HV9" s="270">
        <v>0</v>
      </c>
      <c r="HW9" s="263">
        <v>0</v>
      </c>
      <c r="HX9" s="270">
        <v>0</v>
      </c>
      <c r="HY9" s="260">
        <v>0</v>
      </c>
      <c r="HZ9" s="273">
        <v>525750</v>
      </c>
      <c r="IA9" s="274">
        <v>603396</v>
      </c>
      <c r="IB9" s="275">
        <v>1129146</v>
      </c>
      <c r="IC9" s="276">
        <v>0</v>
      </c>
      <c r="ID9" s="274">
        <v>83284625</v>
      </c>
      <c r="IE9" s="277">
        <v>110856448</v>
      </c>
      <c r="IF9" s="278">
        <v>110973805</v>
      </c>
      <c r="IG9" s="274">
        <v>82205453</v>
      </c>
      <c r="IH9" s="278">
        <v>47595009</v>
      </c>
      <c r="II9" s="279">
        <v>434915340</v>
      </c>
      <c r="IJ9" s="280">
        <v>436044486</v>
      </c>
      <c r="IK9" s="281">
        <v>0</v>
      </c>
      <c r="IL9" s="282">
        <v>0</v>
      </c>
      <c r="IM9" s="283">
        <v>0</v>
      </c>
      <c r="IN9" s="406">
        <v>0</v>
      </c>
      <c r="IO9" s="284">
        <v>1262309</v>
      </c>
      <c r="IP9" s="284">
        <v>2414331</v>
      </c>
      <c r="IQ9" s="284">
        <v>3897343</v>
      </c>
      <c r="IR9" s="284">
        <v>6536139</v>
      </c>
      <c r="IS9" s="284">
        <v>3465081</v>
      </c>
      <c r="IT9" s="285">
        <v>17575203</v>
      </c>
      <c r="IU9" s="286">
        <v>17575203</v>
      </c>
      <c r="IV9" s="287">
        <v>0</v>
      </c>
      <c r="IW9" s="284">
        <v>0</v>
      </c>
      <c r="IX9" s="288">
        <v>0</v>
      </c>
      <c r="IY9" s="406">
        <v>0</v>
      </c>
      <c r="IZ9" s="284">
        <v>130371</v>
      </c>
      <c r="JA9" s="284">
        <v>514514</v>
      </c>
      <c r="JB9" s="284">
        <v>607440</v>
      </c>
      <c r="JC9" s="284">
        <v>927113</v>
      </c>
      <c r="JD9" s="284">
        <v>991322</v>
      </c>
      <c r="JE9" s="288">
        <v>3170760</v>
      </c>
      <c r="JF9" s="289">
        <v>3170760</v>
      </c>
      <c r="JG9" s="287">
        <v>0</v>
      </c>
      <c r="JH9" s="284">
        <v>0</v>
      </c>
      <c r="JI9" s="285">
        <v>0</v>
      </c>
      <c r="JJ9" s="290">
        <v>0</v>
      </c>
      <c r="JK9" s="284">
        <v>35624059</v>
      </c>
      <c r="JL9" s="284">
        <v>46209713</v>
      </c>
      <c r="JM9" s="284">
        <v>26344624</v>
      </c>
      <c r="JN9" s="284">
        <v>14181151</v>
      </c>
      <c r="JO9" s="284">
        <v>7541546</v>
      </c>
      <c r="JP9" s="288">
        <v>129901093</v>
      </c>
      <c r="JQ9" s="286">
        <v>129901093</v>
      </c>
      <c r="JR9" s="287">
        <v>37887</v>
      </c>
      <c r="JS9" s="284">
        <v>29753</v>
      </c>
      <c r="JT9" s="285">
        <v>67640</v>
      </c>
      <c r="JU9" s="290">
        <v>0</v>
      </c>
      <c r="JV9" s="284">
        <v>4592380</v>
      </c>
      <c r="JW9" s="284">
        <v>6822579</v>
      </c>
      <c r="JX9" s="284">
        <v>10370738</v>
      </c>
      <c r="JY9" s="284">
        <v>5145187</v>
      </c>
      <c r="JZ9" s="284">
        <v>2455095</v>
      </c>
      <c r="KA9" s="288">
        <v>29385979</v>
      </c>
      <c r="KB9" s="286">
        <v>29453619</v>
      </c>
      <c r="KC9" s="291">
        <v>487863</v>
      </c>
      <c r="KD9" s="292">
        <v>573643</v>
      </c>
      <c r="KE9" s="288">
        <v>1061506</v>
      </c>
      <c r="KF9" s="290">
        <v>0</v>
      </c>
      <c r="KG9" s="284">
        <v>10732234</v>
      </c>
      <c r="KH9" s="284">
        <v>13713024</v>
      </c>
      <c r="KI9" s="284">
        <v>17933802</v>
      </c>
      <c r="KJ9" s="284">
        <v>10648575</v>
      </c>
      <c r="KK9" s="284">
        <v>4954625</v>
      </c>
      <c r="KL9" s="288">
        <v>57982260</v>
      </c>
      <c r="KM9" s="293">
        <v>59043766</v>
      </c>
      <c r="KN9" s="281">
        <v>0</v>
      </c>
      <c r="KO9" s="282">
        <v>0</v>
      </c>
      <c r="KP9" s="283">
        <v>0</v>
      </c>
      <c r="KQ9" s="406">
        <v>0</v>
      </c>
      <c r="KR9" s="284">
        <v>27725445</v>
      </c>
      <c r="KS9" s="284">
        <v>36139892</v>
      </c>
      <c r="KT9" s="284">
        <v>40415579</v>
      </c>
      <c r="KU9" s="284">
        <v>28321823</v>
      </c>
      <c r="KV9" s="284">
        <v>14522153</v>
      </c>
      <c r="KW9" s="288">
        <v>147124892</v>
      </c>
      <c r="KX9" s="286">
        <v>147124892</v>
      </c>
      <c r="KY9" s="287">
        <v>0</v>
      </c>
      <c r="KZ9" s="284">
        <v>0</v>
      </c>
      <c r="LA9" s="288">
        <v>0</v>
      </c>
      <c r="LB9" s="406">
        <v>0</v>
      </c>
      <c r="LC9" s="284">
        <v>412095</v>
      </c>
      <c r="LD9" s="284">
        <v>1290130</v>
      </c>
      <c r="LE9" s="284">
        <v>991763</v>
      </c>
      <c r="LF9" s="284">
        <v>894362</v>
      </c>
      <c r="LG9" s="284">
        <v>725157</v>
      </c>
      <c r="LH9" s="288">
        <v>4313507</v>
      </c>
      <c r="LI9" s="289">
        <v>4313507</v>
      </c>
      <c r="LJ9" s="287">
        <v>0</v>
      </c>
      <c r="LK9" s="284">
        <v>0</v>
      </c>
      <c r="LL9" s="288">
        <v>0</v>
      </c>
      <c r="LM9" s="406">
        <v>0</v>
      </c>
      <c r="LN9" s="284">
        <v>234759</v>
      </c>
      <c r="LO9" s="284">
        <v>489465</v>
      </c>
      <c r="LP9" s="284">
        <v>3429397</v>
      </c>
      <c r="LQ9" s="284">
        <v>8378121</v>
      </c>
      <c r="LR9" s="284">
        <v>3695097</v>
      </c>
      <c r="LS9" s="288">
        <v>16226839</v>
      </c>
      <c r="LT9" s="286">
        <v>16226839</v>
      </c>
      <c r="LU9" s="287">
        <v>0</v>
      </c>
      <c r="LV9" s="284">
        <v>0</v>
      </c>
      <c r="LW9" s="288">
        <v>0</v>
      </c>
      <c r="LX9" s="406">
        <v>0</v>
      </c>
      <c r="LY9" s="284">
        <v>2570973</v>
      </c>
      <c r="LZ9" s="284">
        <v>3262800</v>
      </c>
      <c r="MA9" s="284">
        <v>6983119</v>
      </c>
      <c r="MB9" s="284">
        <v>7172982</v>
      </c>
      <c r="MC9" s="284">
        <v>9244933</v>
      </c>
      <c r="MD9" s="288">
        <v>29234807</v>
      </c>
      <c r="ME9" s="289">
        <v>29234807</v>
      </c>
      <c r="MF9" s="287">
        <v>0</v>
      </c>
      <c r="MG9" s="284">
        <v>0</v>
      </c>
      <c r="MH9" s="288">
        <v>0</v>
      </c>
      <c r="MI9" s="406">
        <v>0</v>
      </c>
      <c r="MJ9" s="284">
        <v>21780611</v>
      </c>
      <c r="MK9" s="284">
        <v>61884584</v>
      </c>
      <c r="ML9" s="284">
        <v>193053658</v>
      </c>
      <c r="MM9" s="284">
        <v>280753924</v>
      </c>
      <c r="MN9" s="284">
        <v>149743640</v>
      </c>
      <c r="MO9" s="288">
        <v>707216417</v>
      </c>
      <c r="MP9" s="293">
        <v>707216417</v>
      </c>
      <c r="MQ9" s="287">
        <v>0</v>
      </c>
      <c r="MR9" s="284">
        <v>0</v>
      </c>
      <c r="MS9" s="288">
        <v>0</v>
      </c>
      <c r="MT9" s="406">
        <v>0</v>
      </c>
      <c r="MU9" s="284">
        <v>3580264</v>
      </c>
      <c r="MV9" s="284">
        <v>16061452</v>
      </c>
      <c r="MW9" s="284">
        <v>114819339</v>
      </c>
      <c r="MX9" s="284">
        <v>182751797</v>
      </c>
      <c r="MY9" s="284">
        <v>95704278</v>
      </c>
      <c r="MZ9" s="288">
        <v>412917130</v>
      </c>
      <c r="NA9" s="293">
        <v>412917130</v>
      </c>
      <c r="NB9" s="287">
        <v>0</v>
      </c>
      <c r="NC9" s="284">
        <v>0</v>
      </c>
      <c r="ND9" s="288">
        <v>0</v>
      </c>
      <c r="NE9" s="406">
        <v>0</v>
      </c>
      <c r="NF9" s="284">
        <v>18200347</v>
      </c>
      <c r="NG9" s="284">
        <v>45589301</v>
      </c>
      <c r="NH9" s="284">
        <v>77887116</v>
      </c>
      <c r="NI9" s="284">
        <v>92419229</v>
      </c>
      <c r="NJ9" s="284">
        <v>48658377</v>
      </c>
      <c r="NK9" s="288">
        <v>282754370</v>
      </c>
      <c r="NL9" s="286">
        <v>282754370</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33831</v>
      </c>
      <c r="OD9" s="284">
        <v>347203</v>
      </c>
      <c r="OE9" s="284">
        <v>5582898</v>
      </c>
      <c r="OF9" s="284">
        <v>5380985</v>
      </c>
      <c r="OG9" s="288">
        <v>11544917</v>
      </c>
      <c r="OH9" s="289">
        <v>11544917</v>
      </c>
      <c r="OI9" s="287">
        <v>28904440</v>
      </c>
      <c r="OJ9" s="284">
        <v>51212198</v>
      </c>
      <c r="OK9" s="285">
        <v>80116638</v>
      </c>
      <c r="OL9" s="290">
        <v>0</v>
      </c>
      <c r="OM9" s="284">
        <v>413768221</v>
      </c>
      <c r="ON9" s="284">
        <v>588913458</v>
      </c>
      <c r="OO9" s="284">
        <v>651529067</v>
      </c>
      <c r="OP9" s="284">
        <v>682278358</v>
      </c>
      <c r="OQ9" s="284">
        <v>409276484</v>
      </c>
      <c r="OR9" s="288">
        <v>2745765588</v>
      </c>
      <c r="OS9" s="293">
        <v>2825882226</v>
      </c>
    </row>
    <row r="10" spans="1:409" s="407" customFormat="1" ht="21" customHeight="1" x14ac:dyDescent="0.2">
      <c r="A10" s="70"/>
      <c r="B10" s="409" t="s">
        <v>5</v>
      </c>
      <c r="C10" s="295">
        <v>11100055</v>
      </c>
      <c r="D10" s="296">
        <v>27496292</v>
      </c>
      <c r="E10" s="297">
        <v>38596347</v>
      </c>
      <c r="F10" s="298">
        <v>0</v>
      </c>
      <c r="G10" s="296">
        <v>110936815</v>
      </c>
      <c r="H10" s="296">
        <v>195796865</v>
      </c>
      <c r="I10" s="296">
        <v>156039636</v>
      </c>
      <c r="J10" s="296">
        <v>141491209</v>
      </c>
      <c r="K10" s="296">
        <v>95483037</v>
      </c>
      <c r="L10" s="298">
        <v>699747562</v>
      </c>
      <c r="M10" s="299">
        <v>738343909</v>
      </c>
      <c r="N10" s="295">
        <v>3821490</v>
      </c>
      <c r="O10" s="296">
        <v>10673989</v>
      </c>
      <c r="P10" s="297">
        <v>14495479</v>
      </c>
      <c r="Q10" s="295">
        <v>0</v>
      </c>
      <c r="R10" s="296">
        <v>36277159</v>
      </c>
      <c r="S10" s="296">
        <v>70191088</v>
      </c>
      <c r="T10" s="296">
        <v>57232686</v>
      </c>
      <c r="U10" s="296">
        <v>52287645</v>
      </c>
      <c r="V10" s="296">
        <v>48731928</v>
      </c>
      <c r="W10" s="297">
        <v>264720506</v>
      </c>
      <c r="X10" s="299">
        <v>279215985</v>
      </c>
      <c r="Y10" s="295">
        <v>0</v>
      </c>
      <c r="Z10" s="296">
        <v>0</v>
      </c>
      <c r="AA10" s="297">
        <v>0</v>
      </c>
      <c r="AB10" s="295">
        <v>0</v>
      </c>
      <c r="AC10" s="296">
        <v>15096421</v>
      </c>
      <c r="AD10" s="296">
        <v>26426146</v>
      </c>
      <c r="AE10" s="296">
        <v>24854243</v>
      </c>
      <c r="AF10" s="296">
        <v>25888051</v>
      </c>
      <c r="AG10" s="296">
        <v>27027945</v>
      </c>
      <c r="AH10" s="297">
        <v>119292806</v>
      </c>
      <c r="AI10" s="299">
        <v>119292806</v>
      </c>
      <c r="AJ10" s="295">
        <v>0</v>
      </c>
      <c r="AK10" s="296">
        <v>16510</v>
      </c>
      <c r="AL10" s="297">
        <v>16510</v>
      </c>
      <c r="AM10" s="295">
        <v>0</v>
      </c>
      <c r="AN10" s="296">
        <v>139709</v>
      </c>
      <c r="AO10" s="296">
        <v>566668</v>
      </c>
      <c r="AP10" s="296">
        <v>1416073</v>
      </c>
      <c r="AQ10" s="296">
        <v>2959433</v>
      </c>
      <c r="AR10" s="296">
        <v>5716481</v>
      </c>
      <c r="AS10" s="297">
        <v>10798364</v>
      </c>
      <c r="AT10" s="299">
        <v>10814874</v>
      </c>
      <c r="AU10" s="295">
        <v>2100944</v>
      </c>
      <c r="AV10" s="296">
        <v>7706965</v>
      </c>
      <c r="AW10" s="297">
        <v>9807909</v>
      </c>
      <c r="AX10" s="295">
        <v>0</v>
      </c>
      <c r="AY10" s="296">
        <v>13581246</v>
      </c>
      <c r="AZ10" s="296">
        <v>31729783</v>
      </c>
      <c r="BA10" s="296">
        <v>21602196</v>
      </c>
      <c r="BB10" s="296">
        <v>14737902</v>
      </c>
      <c r="BC10" s="296">
        <v>10076947</v>
      </c>
      <c r="BD10" s="297">
        <v>91728074</v>
      </c>
      <c r="BE10" s="299">
        <v>101535983</v>
      </c>
      <c r="BF10" s="295">
        <v>219946</v>
      </c>
      <c r="BG10" s="296">
        <v>798514</v>
      </c>
      <c r="BH10" s="300">
        <v>1018460</v>
      </c>
      <c r="BI10" s="301">
        <v>0</v>
      </c>
      <c r="BJ10" s="296">
        <v>1032567</v>
      </c>
      <c r="BK10" s="296">
        <v>1378491</v>
      </c>
      <c r="BL10" s="296">
        <v>1172798</v>
      </c>
      <c r="BM10" s="296">
        <v>877437</v>
      </c>
      <c r="BN10" s="296">
        <v>836779</v>
      </c>
      <c r="BO10" s="297">
        <v>5298072</v>
      </c>
      <c r="BP10" s="299">
        <v>6316532</v>
      </c>
      <c r="BQ10" s="295">
        <v>1500600</v>
      </c>
      <c r="BR10" s="296">
        <v>2152000</v>
      </c>
      <c r="BS10" s="297">
        <v>3652600</v>
      </c>
      <c r="BT10" s="295">
        <v>0</v>
      </c>
      <c r="BU10" s="296">
        <v>6427216</v>
      </c>
      <c r="BV10" s="296">
        <v>10090000</v>
      </c>
      <c r="BW10" s="296">
        <v>8187376</v>
      </c>
      <c r="BX10" s="296">
        <v>7824822</v>
      </c>
      <c r="BY10" s="296">
        <v>5073776</v>
      </c>
      <c r="BZ10" s="297">
        <v>37603190</v>
      </c>
      <c r="CA10" s="299">
        <v>41255790</v>
      </c>
      <c r="CB10" s="295">
        <v>1580980</v>
      </c>
      <c r="CC10" s="296">
        <v>3930696</v>
      </c>
      <c r="CD10" s="297">
        <v>5511676</v>
      </c>
      <c r="CE10" s="295">
        <v>0</v>
      </c>
      <c r="CF10" s="296">
        <v>34160368</v>
      </c>
      <c r="CG10" s="296">
        <v>51353528</v>
      </c>
      <c r="CH10" s="296">
        <v>35589580</v>
      </c>
      <c r="CI10" s="296">
        <v>19280999</v>
      </c>
      <c r="CJ10" s="296">
        <v>8435738</v>
      </c>
      <c r="CK10" s="297">
        <v>148820213</v>
      </c>
      <c r="CL10" s="299">
        <v>154331889</v>
      </c>
      <c r="CM10" s="295">
        <v>0</v>
      </c>
      <c r="CN10" s="296">
        <v>0</v>
      </c>
      <c r="CO10" s="297">
        <v>0</v>
      </c>
      <c r="CP10" s="301">
        <v>0</v>
      </c>
      <c r="CQ10" s="296">
        <v>27959363</v>
      </c>
      <c r="CR10" s="296">
        <v>36183480</v>
      </c>
      <c r="CS10" s="296">
        <v>24453229</v>
      </c>
      <c r="CT10" s="296">
        <v>12069582</v>
      </c>
      <c r="CU10" s="296">
        <v>6784338</v>
      </c>
      <c r="CV10" s="297">
        <v>107449992</v>
      </c>
      <c r="CW10" s="299">
        <v>107449992</v>
      </c>
      <c r="CX10" s="295">
        <v>1580980</v>
      </c>
      <c r="CY10" s="296">
        <v>3930696</v>
      </c>
      <c r="CZ10" s="297">
        <v>5511676</v>
      </c>
      <c r="DA10" s="295">
        <v>0</v>
      </c>
      <c r="DB10" s="296">
        <v>6201005</v>
      </c>
      <c r="DC10" s="296">
        <v>15170048</v>
      </c>
      <c r="DD10" s="296">
        <v>11136351</v>
      </c>
      <c r="DE10" s="296">
        <v>7211417</v>
      </c>
      <c r="DF10" s="296">
        <v>1651400</v>
      </c>
      <c r="DG10" s="297">
        <v>41370221</v>
      </c>
      <c r="DH10" s="299">
        <v>46881897</v>
      </c>
      <c r="DI10" s="295">
        <v>19670</v>
      </c>
      <c r="DJ10" s="296">
        <v>337375</v>
      </c>
      <c r="DK10" s="300">
        <v>357045</v>
      </c>
      <c r="DL10" s="301">
        <v>0</v>
      </c>
      <c r="DM10" s="296">
        <v>3797275</v>
      </c>
      <c r="DN10" s="296">
        <v>8045456</v>
      </c>
      <c r="DO10" s="296">
        <v>11960777</v>
      </c>
      <c r="DP10" s="296">
        <v>10734781</v>
      </c>
      <c r="DQ10" s="296">
        <v>5354553</v>
      </c>
      <c r="DR10" s="297">
        <v>39892842</v>
      </c>
      <c r="DS10" s="299">
        <v>40249887</v>
      </c>
      <c r="DT10" s="295">
        <v>19670</v>
      </c>
      <c r="DU10" s="296">
        <v>337375</v>
      </c>
      <c r="DV10" s="297">
        <v>357045</v>
      </c>
      <c r="DW10" s="295">
        <v>0</v>
      </c>
      <c r="DX10" s="296">
        <v>3257466</v>
      </c>
      <c r="DY10" s="296">
        <v>6736050</v>
      </c>
      <c r="DZ10" s="296">
        <v>9517901</v>
      </c>
      <c r="EA10" s="296">
        <v>8654829</v>
      </c>
      <c r="EB10" s="296">
        <v>4264261</v>
      </c>
      <c r="EC10" s="297">
        <v>32430507</v>
      </c>
      <c r="ED10" s="299">
        <v>32787552</v>
      </c>
      <c r="EE10" s="295">
        <v>0</v>
      </c>
      <c r="EF10" s="300">
        <v>0</v>
      </c>
      <c r="EG10" s="297">
        <v>0</v>
      </c>
      <c r="EH10" s="295">
        <v>0</v>
      </c>
      <c r="EI10" s="296">
        <v>539809</v>
      </c>
      <c r="EJ10" s="296">
        <v>1309406</v>
      </c>
      <c r="EK10" s="296">
        <v>2442876</v>
      </c>
      <c r="EL10" s="296">
        <v>2079952</v>
      </c>
      <c r="EM10" s="296">
        <v>1090292</v>
      </c>
      <c r="EN10" s="300">
        <v>7462335</v>
      </c>
      <c r="EO10" s="299">
        <v>7462335</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1758813</v>
      </c>
      <c r="FM10" s="296">
        <v>5573489</v>
      </c>
      <c r="FN10" s="297">
        <v>7332302</v>
      </c>
      <c r="FO10" s="295">
        <v>0</v>
      </c>
      <c r="FP10" s="296">
        <v>4196768</v>
      </c>
      <c r="FQ10" s="296">
        <v>18119675</v>
      </c>
      <c r="FR10" s="296">
        <v>12865266</v>
      </c>
      <c r="FS10" s="296">
        <v>9590381</v>
      </c>
      <c r="FT10" s="296">
        <v>6820808</v>
      </c>
      <c r="FU10" s="297">
        <v>51592898</v>
      </c>
      <c r="FV10" s="299">
        <v>58925200</v>
      </c>
      <c r="FW10" s="302">
        <v>897952</v>
      </c>
      <c r="FX10" s="296">
        <v>3400624</v>
      </c>
      <c r="FY10" s="300">
        <v>4298576</v>
      </c>
      <c r="FZ10" s="301">
        <v>0</v>
      </c>
      <c r="GA10" s="296">
        <v>3379920</v>
      </c>
      <c r="GB10" s="296">
        <v>15749441</v>
      </c>
      <c r="GC10" s="296">
        <v>11434656</v>
      </c>
      <c r="GD10" s="296">
        <v>8529432</v>
      </c>
      <c r="GE10" s="296">
        <v>6353304</v>
      </c>
      <c r="GF10" s="297">
        <v>45446753</v>
      </c>
      <c r="GG10" s="303">
        <v>49745329</v>
      </c>
      <c r="GH10" s="302">
        <v>46701</v>
      </c>
      <c r="GI10" s="296">
        <v>234568</v>
      </c>
      <c r="GJ10" s="300">
        <v>281269</v>
      </c>
      <c r="GK10" s="301">
        <v>0</v>
      </c>
      <c r="GL10" s="296">
        <v>209568</v>
      </c>
      <c r="GM10" s="296">
        <v>686554</v>
      </c>
      <c r="GN10" s="296">
        <v>450290</v>
      </c>
      <c r="GO10" s="296">
        <v>116045</v>
      </c>
      <c r="GP10" s="296">
        <v>180928</v>
      </c>
      <c r="GQ10" s="297">
        <v>1643385</v>
      </c>
      <c r="GR10" s="299">
        <v>1924654</v>
      </c>
      <c r="GS10" s="295">
        <v>814160</v>
      </c>
      <c r="GT10" s="296">
        <v>1938297</v>
      </c>
      <c r="GU10" s="297">
        <v>2752457</v>
      </c>
      <c r="GV10" s="295">
        <v>0</v>
      </c>
      <c r="GW10" s="296">
        <v>607280</v>
      </c>
      <c r="GX10" s="296">
        <v>1683680</v>
      </c>
      <c r="GY10" s="296">
        <v>980320</v>
      </c>
      <c r="GZ10" s="296">
        <v>944904</v>
      </c>
      <c r="HA10" s="296">
        <v>286576</v>
      </c>
      <c r="HB10" s="300">
        <v>4502760</v>
      </c>
      <c r="HC10" s="299">
        <v>7255217</v>
      </c>
      <c r="HD10" s="295">
        <v>3919102</v>
      </c>
      <c r="HE10" s="296">
        <v>6980743</v>
      </c>
      <c r="HF10" s="300">
        <v>10899845</v>
      </c>
      <c r="HG10" s="301">
        <v>0</v>
      </c>
      <c r="HH10" s="296">
        <v>32505245</v>
      </c>
      <c r="HI10" s="296">
        <v>48087118</v>
      </c>
      <c r="HJ10" s="296">
        <v>38391327</v>
      </c>
      <c r="HK10" s="296">
        <v>49597403</v>
      </c>
      <c r="HL10" s="296">
        <v>26140010</v>
      </c>
      <c r="HM10" s="297">
        <v>194721103</v>
      </c>
      <c r="HN10" s="298">
        <v>205620948</v>
      </c>
      <c r="HO10" s="302">
        <v>0</v>
      </c>
      <c r="HP10" s="296">
        <v>0</v>
      </c>
      <c r="HQ10" s="297">
        <v>0</v>
      </c>
      <c r="HR10" s="295">
        <v>0</v>
      </c>
      <c r="HS10" s="296">
        <v>0</v>
      </c>
      <c r="HT10" s="296">
        <v>0</v>
      </c>
      <c r="HU10" s="296">
        <v>0</v>
      </c>
      <c r="HV10" s="296">
        <v>0</v>
      </c>
      <c r="HW10" s="296">
        <v>0</v>
      </c>
      <c r="HX10" s="300">
        <v>0</v>
      </c>
      <c r="HY10" s="299">
        <v>0</v>
      </c>
      <c r="HZ10" s="304">
        <v>148427</v>
      </c>
      <c r="IA10" s="305">
        <v>193340</v>
      </c>
      <c r="IB10" s="306">
        <v>341767</v>
      </c>
      <c r="IC10" s="307">
        <v>0</v>
      </c>
      <c r="ID10" s="308">
        <v>31017581</v>
      </c>
      <c r="IE10" s="309">
        <v>52907177</v>
      </c>
      <c r="IF10" s="310">
        <v>46514857</v>
      </c>
      <c r="IG10" s="308">
        <v>31422980</v>
      </c>
      <c r="IH10" s="310">
        <v>21521277</v>
      </c>
      <c r="II10" s="311">
        <v>183383872</v>
      </c>
      <c r="IJ10" s="312">
        <v>183725639</v>
      </c>
      <c r="IK10" s="313">
        <v>0</v>
      </c>
      <c r="IL10" s="314">
        <v>0</v>
      </c>
      <c r="IM10" s="315">
        <v>0</v>
      </c>
      <c r="IN10" s="403">
        <v>0</v>
      </c>
      <c r="IO10" s="316">
        <v>545292</v>
      </c>
      <c r="IP10" s="316">
        <v>1162787</v>
      </c>
      <c r="IQ10" s="316">
        <v>2025069</v>
      </c>
      <c r="IR10" s="316">
        <v>4249759</v>
      </c>
      <c r="IS10" s="316">
        <v>2381942</v>
      </c>
      <c r="IT10" s="317">
        <v>10364849</v>
      </c>
      <c r="IU10" s="318">
        <v>10364849</v>
      </c>
      <c r="IV10" s="319">
        <v>0</v>
      </c>
      <c r="IW10" s="316">
        <v>0</v>
      </c>
      <c r="IX10" s="320">
        <v>0</v>
      </c>
      <c r="IY10" s="403">
        <v>0</v>
      </c>
      <c r="IZ10" s="316">
        <v>68432</v>
      </c>
      <c r="JA10" s="316">
        <v>365252</v>
      </c>
      <c r="JB10" s="316">
        <v>347667</v>
      </c>
      <c r="JC10" s="316">
        <v>759480</v>
      </c>
      <c r="JD10" s="316">
        <v>899440</v>
      </c>
      <c r="JE10" s="320">
        <v>2440271</v>
      </c>
      <c r="JF10" s="321">
        <v>2440271</v>
      </c>
      <c r="JG10" s="319">
        <v>0</v>
      </c>
      <c r="JH10" s="316">
        <v>0</v>
      </c>
      <c r="JI10" s="317">
        <v>0</v>
      </c>
      <c r="JJ10" s="322">
        <v>0</v>
      </c>
      <c r="JK10" s="316">
        <v>13906110</v>
      </c>
      <c r="JL10" s="316">
        <v>22219920</v>
      </c>
      <c r="JM10" s="316">
        <v>13672685</v>
      </c>
      <c r="JN10" s="316">
        <v>7093590</v>
      </c>
      <c r="JO10" s="316">
        <v>3834441</v>
      </c>
      <c r="JP10" s="320">
        <v>60726746</v>
      </c>
      <c r="JQ10" s="318">
        <v>60726746</v>
      </c>
      <c r="JR10" s="319">
        <v>0</v>
      </c>
      <c r="JS10" s="316">
        <v>0</v>
      </c>
      <c r="JT10" s="317">
        <v>0</v>
      </c>
      <c r="JU10" s="322">
        <v>0</v>
      </c>
      <c r="JV10" s="316">
        <v>2396079</v>
      </c>
      <c r="JW10" s="316">
        <v>4187525</v>
      </c>
      <c r="JX10" s="316">
        <v>4927770</v>
      </c>
      <c r="JY10" s="316">
        <v>2254846</v>
      </c>
      <c r="JZ10" s="316">
        <v>838966</v>
      </c>
      <c r="KA10" s="320">
        <v>14605186</v>
      </c>
      <c r="KB10" s="318">
        <v>14605186</v>
      </c>
      <c r="KC10" s="323">
        <v>148427</v>
      </c>
      <c r="KD10" s="324">
        <v>193340</v>
      </c>
      <c r="KE10" s="320">
        <v>341767</v>
      </c>
      <c r="KF10" s="322">
        <v>0</v>
      </c>
      <c r="KG10" s="316">
        <v>3363581</v>
      </c>
      <c r="KH10" s="316">
        <v>7127927</v>
      </c>
      <c r="KI10" s="316">
        <v>8675671</v>
      </c>
      <c r="KJ10" s="316">
        <v>4514350</v>
      </c>
      <c r="KK10" s="316">
        <v>2210253</v>
      </c>
      <c r="KL10" s="320">
        <v>25891782</v>
      </c>
      <c r="KM10" s="325">
        <v>26233549</v>
      </c>
      <c r="KN10" s="313">
        <v>0</v>
      </c>
      <c r="KO10" s="314">
        <v>0</v>
      </c>
      <c r="KP10" s="315">
        <v>0</v>
      </c>
      <c r="KQ10" s="403">
        <v>0</v>
      </c>
      <c r="KR10" s="316">
        <v>10140268</v>
      </c>
      <c r="KS10" s="316">
        <v>16573645</v>
      </c>
      <c r="KT10" s="316">
        <v>13778455</v>
      </c>
      <c r="KU10" s="316">
        <v>9055816</v>
      </c>
      <c r="KV10" s="316">
        <v>6364879</v>
      </c>
      <c r="KW10" s="320">
        <v>55913063</v>
      </c>
      <c r="KX10" s="318">
        <v>55913063</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4759</v>
      </c>
      <c r="LO10" s="316">
        <v>270504</v>
      </c>
      <c r="LP10" s="316">
        <v>585740</v>
      </c>
      <c r="LQ10" s="316">
        <v>1520547</v>
      </c>
      <c r="LR10" s="316">
        <v>632195</v>
      </c>
      <c r="LS10" s="320">
        <v>3243745</v>
      </c>
      <c r="LT10" s="318">
        <v>3243745</v>
      </c>
      <c r="LU10" s="319">
        <v>0</v>
      </c>
      <c r="LV10" s="316">
        <v>0</v>
      </c>
      <c r="LW10" s="320">
        <v>0</v>
      </c>
      <c r="LX10" s="403">
        <v>0</v>
      </c>
      <c r="LY10" s="316">
        <v>363060</v>
      </c>
      <c r="LZ10" s="316">
        <v>999617</v>
      </c>
      <c r="MA10" s="316">
        <v>2501800</v>
      </c>
      <c r="MB10" s="316">
        <v>1974592</v>
      </c>
      <c r="MC10" s="316">
        <v>4359161</v>
      </c>
      <c r="MD10" s="320">
        <v>10198230</v>
      </c>
      <c r="ME10" s="321">
        <v>10198230</v>
      </c>
      <c r="MF10" s="319">
        <v>0</v>
      </c>
      <c r="MG10" s="316">
        <v>0</v>
      </c>
      <c r="MH10" s="320">
        <v>0</v>
      </c>
      <c r="MI10" s="403">
        <v>0</v>
      </c>
      <c r="MJ10" s="316">
        <v>11310570</v>
      </c>
      <c r="MK10" s="316">
        <v>37895935</v>
      </c>
      <c r="ML10" s="316">
        <v>89675098</v>
      </c>
      <c r="MM10" s="316">
        <v>128794728</v>
      </c>
      <c r="MN10" s="316">
        <v>66280932</v>
      </c>
      <c r="MO10" s="320">
        <v>333957263</v>
      </c>
      <c r="MP10" s="325">
        <v>333957263</v>
      </c>
      <c r="MQ10" s="319">
        <v>0</v>
      </c>
      <c r="MR10" s="316">
        <v>0</v>
      </c>
      <c r="MS10" s="320">
        <v>0</v>
      </c>
      <c r="MT10" s="403">
        <v>0</v>
      </c>
      <c r="MU10" s="316">
        <v>2185613</v>
      </c>
      <c r="MV10" s="316">
        <v>12560507</v>
      </c>
      <c r="MW10" s="316">
        <v>54390054</v>
      </c>
      <c r="MX10" s="316">
        <v>79472158</v>
      </c>
      <c r="MY10" s="316">
        <v>41369852</v>
      </c>
      <c r="MZ10" s="320">
        <v>189978184</v>
      </c>
      <c r="NA10" s="325">
        <v>189978184</v>
      </c>
      <c r="NB10" s="319">
        <v>0</v>
      </c>
      <c r="NC10" s="316">
        <v>0</v>
      </c>
      <c r="ND10" s="320">
        <v>0</v>
      </c>
      <c r="NE10" s="403">
        <v>0</v>
      </c>
      <c r="NF10" s="316">
        <v>9124957</v>
      </c>
      <c r="NG10" s="316">
        <v>25335428</v>
      </c>
      <c r="NH10" s="316">
        <v>35285044</v>
      </c>
      <c r="NI10" s="316">
        <v>47650853</v>
      </c>
      <c r="NJ10" s="316">
        <v>23060304</v>
      </c>
      <c r="NK10" s="320">
        <v>140456586</v>
      </c>
      <c r="NL10" s="318">
        <v>14045658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671717</v>
      </c>
      <c r="OF10" s="316">
        <v>1850776</v>
      </c>
      <c r="OG10" s="320">
        <v>3522493</v>
      </c>
      <c r="OH10" s="321">
        <v>3522493</v>
      </c>
      <c r="OI10" s="319">
        <v>11248482</v>
      </c>
      <c r="OJ10" s="316">
        <v>27689632</v>
      </c>
      <c r="OK10" s="317">
        <v>38938114</v>
      </c>
      <c r="OL10" s="322">
        <v>0</v>
      </c>
      <c r="OM10" s="316">
        <v>153264966</v>
      </c>
      <c r="ON10" s="316">
        <v>286599977</v>
      </c>
      <c r="OO10" s="316">
        <v>292229591</v>
      </c>
      <c r="OP10" s="316">
        <v>301708917</v>
      </c>
      <c r="OQ10" s="316">
        <v>183285246</v>
      </c>
      <c r="OR10" s="320">
        <v>1217088697</v>
      </c>
      <c r="OS10" s="325">
        <v>1256026811</v>
      </c>
    </row>
    <row r="11" spans="1:409" s="70" customFormat="1" ht="21" customHeight="1" x14ac:dyDescent="0.2">
      <c r="B11" s="410" t="s">
        <v>6</v>
      </c>
      <c r="C11" s="326">
        <v>3477499</v>
      </c>
      <c r="D11" s="327">
        <v>4698636</v>
      </c>
      <c r="E11" s="328">
        <v>8176135</v>
      </c>
      <c r="F11" s="329">
        <v>0</v>
      </c>
      <c r="G11" s="327">
        <v>47976722</v>
      </c>
      <c r="H11" s="327">
        <v>51914787</v>
      </c>
      <c r="I11" s="327">
        <v>38193944</v>
      </c>
      <c r="J11" s="327">
        <v>38730124</v>
      </c>
      <c r="K11" s="327">
        <v>25776515</v>
      </c>
      <c r="L11" s="329">
        <v>202592092</v>
      </c>
      <c r="M11" s="330">
        <v>210768227</v>
      </c>
      <c r="N11" s="326">
        <v>999167</v>
      </c>
      <c r="O11" s="327">
        <v>1801450</v>
      </c>
      <c r="P11" s="328">
        <v>2800617</v>
      </c>
      <c r="Q11" s="326">
        <v>0</v>
      </c>
      <c r="R11" s="327">
        <v>16000900</v>
      </c>
      <c r="S11" s="327">
        <v>17433853</v>
      </c>
      <c r="T11" s="327">
        <v>11419715</v>
      </c>
      <c r="U11" s="327">
        <v>13885649</v>
      </c>
      <c r="V11" s="327">
        <v>13456783</v>
      </c>
      <c r="W11" s="328">
        <v>72196900</v>
      </c>
      <c r="X11" s="330">
        <v>74997517</v>
      </c>
      <c r="Y11" s="326">
        <v>0</v>
      </c>
      <c r="Z11" s="327">
        <v>0</v>
      </c>
      <c r="AA11" s="328">
        <v>0</v>
      </c>
      <c r="AB11" s="326">
        <v>0</v>
      </c>
      <c r="AC11" s="327">
        <v>6436797</v>
      </c>
      <c r="AD11" s="327">
        <v>6260726</v>
      </c>
      <c r="AE11" s="327">
        <v>5542961</v>
      </c>
      <c r="AF11" s="327">
        <v>6550671</v>
      </c>
      <c r="AG11" s="327">
        <v>7296882</v>
      </c>
      <c r="AH11" s="328">
        <v>32088037</v>
      </c>
      <c r="AI11" s="330">
        <v>32088037</v>
      </c>
      <c r="AJ11" s="326">
        <v>0</v>
      </c>
      <c r="AK11" s="327">
        <v>0</v>
      </c>
      <c r="AL11" s="328">
        <v>0</v>
      </c>
      <c r="AM11" s="326">
        <v>0</v>
      </c>
      <c r="AN11" s="327">
        <v>127762</v>
      </c>
      <c r="AO11" s="327">
        <v>134621</v>
      </c>
      <c r="AP11" s="327">
        <v>122002</v>
      </c>
      <c r="AQ11" s="327">
        <v>473650</v>
      </c>
      <c r="AR11" s="327">
        <v>1214300</v>
      </c>
      <c r="AS11" s="328">
        <v>2072335</v>
      </c>
      <c r="AT11" s="330">
        <v>2072335</v>
      </c>
      <c r="AU11" s="326">
        <v>405401</v>
      </c>
      <c r="AV11" s="327">
        <v>1226414</v>
      </c>
      <c r="AW11" s="328">
        <v>1631815</v>
      </c>
      <c r="AX11" s="326">
        <v>0</v>
      </c>
      <c r="AY11" s="327">
        <v>5794016</v>
      </c>
      <c r="AZ11" s="327">
        <v>7273097</v>
      </c>
      <c r="BA11" s="327">
        <v>3205446</v>
      </c>
      <c r="BB11" s="327">
        <v>4150934</v>
      </c>
      <c r="BC11" s="327">
        <v>3096764</v>
      </c>
      <c r="BD11" s="328">
        <v>23520257</v>
      </c>
      <c r="BE11" s="330">
        <v>25152072</v>
      </c>
      <c r="BF11" s="326">
        <v>61926</v>
      </c>
      <c r="BG11" s="327">
        <v>97028</v>
      </c>
      <c r="BH11" s="331">
        <v>158954</v>
      </c>
      <c r="BI11" s="332">
        <v>0</v>
      </c>
      <c r="BJ11" s="327">
        <v>723637</v>
      </c>
      <c r="BK11" s="327">
        <v>776857</v>
      </c>
      <c r="BL11" s="327">
        <v>229042</v>
      </c>
      <c r="BM11" s="327">
        <v>285538</v>
      </c>
      <c r="BN11" s="327">
        <v>251869</v>
      </c>
      <c r="BO11" s="328">
        <v>2266943</v>
      </c>
      <c r="BP11" s="330">
        <v>2425897</v>
      </c>
      <c r="BQ11" s="326">
        <v>531840</v>
      </c>
      <c r="BR11" s="327">
        <v>478008</v>
      </c>
      <c r="BS11" s="328">
        <v>1009848</v>
      </c>
      <c r="BT11" s="326">
        <v>0</v>
      </c>
      <c r="BU11" s="327">
        <v>2918688</v>
      </c>
      <c r="BV11" s="327">
        <v>2988552</v>
      </c>
      <c r="BW11" s="327">
        <v>2320264</v>
      </c>
      <c r="BX11" s="327">
        <v>2424856</v>
      </c>
      <c r="BY11" s="327">
        <v>1596968</v>
      </c>
      <c r="BZ11" s="328">
        <v>12249328</v>
      </c>
      <c r="CA11" s="330">
        <v>13259176</v>
      </c>
      <c r="CB11" s="326">
        <v>197759</v>
      </c>
      <c r="CC11" s="327">
        <v>441313</v>
      </c>
      <c r="CD11" s="328">
        <v>639072</v>
      </c>
      <c r="CE11" s="326">
        <v>0</v>
      </c>
      <c r="CF11" s="327">
        <v>13236669</v>
      </c>
      <c r="CG11" s="327">
        <v>16516656</v>
      </c>
      <c r="CH11" s="327">
        <v>8732550</v>
      </c>
      <c r="CI11" s="327">
        <v>6294273</v>
      </c>
      <c r="CJ11" s="327">
        <v>2455385</v>
      </c>
      <c r="CK11" s="328">
        <v>47235533</v>
      </c>
      <c r="CL11" s="330">
        <v>47874605</v>
      </c>
      <c r="CM11" s="326">
        <v>0</v>
      </c>
      <c r="CN11" s="327">
        <v>0</v>
      </c>
      <c r="CO11" s="328">
        <v>0</v>
      </c>
      <c r="CP11" s="332">
        <v>0</v>
      </c>
      <c r="CQ11" s="327">
        <v>10815883</v>
      </c>
      <c r="CR11" s="327">
        <v>12880701</v>
      </c>
      <c r="CS11" s="327">
        <v>6496626</v>
      </c>
      <c r="CT11" s="327">
        <v>4292677</v>
      </c>
      <c r="CU11" s="327">
        <v>1933358</v>
      </c>
      <c r="CV11" s="328">
        <v>36419245</v>
      </c>
      <c r="CW11" s="330">
        <v>36419245</v>
      </c>
      <c r="CX11" s="326">
        <v>197759</v>
      </c>
      <c r="CY11" s="327">
        <v>441313</v>
      </c>
      <c r="CZ11" s="328">
        <v>639072</v>
      </c>
      <c r="DA11" s="326">
        <v>0</v>
      </c>
      <c r="DB11" s="327">
        <v>2420786</v>
      </c>
      <c r="DC11" s="327">
        <v>3635955</v>
      </c>
      <c r="DD11" s="327">
        <v>2235924</v>
      </c>
      <c r="DE11" s="327">
        <v>2001596</v>
      </c>
      <c r="DF11" s="327">
        <v>522027</v>
      </c>
      <c r="DG11" s="328">
        <v>10816288</v>
      </c>
      <c r="DH11" s="330">
        <v>11455360</v>
      </c>
      <c r="DI11" s="326">
        <v>12872</v>
      </c>
      <c r="DJ11" s="327">
        <v>29906</v>
      </c>
      <c r="DK11" s="331">
        <v>42778</v>
      </c>
      <c r="DL11" s="332">
        <v>0</v>
      </c>
      <c r="DM11" s="327">
        <v>881223</v>
      </c>
      <c r="DN11" s="327">
        <v>1849803</v>
      </c>
      <c r="DO11" s="327">
        <v>2312459</v>
      </c>
      <c r="DP11" s="327">
        <v>2089170</v>
      </c>
      <c r="DQ11" s="327">
        <v>1009588</v>
      </c>
      <c r="DR11" s="328">
        <v>8142243</v>
      </c>
      <c r="DS11" s="330">
        <v>8185021</v>
      </c>
      <c r="DT11" s="326">
        <v>12872</v>
      </c>
      <c r="DU11" s="327">
        <v>29906</v>
      </c>
      <c r="DV11" s="328">
        <v>42778</v>
      </c>
      <c r="DW11" s="326">
        <v>0</v>
      </c>
      <c r="DX11" s="327">
        <v>779720</v>
      </c>
      <c r="DY11" s="327">
        <v>1520454</v>
      </c>
      <c r="DZ11" s="327">
        <v>1700386</v>
      </c>
      <c r="EA11" s="327">
        <v>1876590</v>
      </c>
      <c r="EB11" s="327">
        <v>747155</v>
      </c>
      <c r="EC11" s="328">
        <v>6624305</v>
      </c>
      <c r="ED11" s="330">
        <v>6667083</v>
      </c>
      <c r="EE11" s="326">
        <v>0</v>
      </c>
      <c r="EF11" s="331">
        <v>0</v>
      </c>
      <c r="EG11" s="328">
        <v>0</v>
      </c>
      <c r="EH11" s="326">
        <v>0</v>
      </c>
      <c r="EI11" s="327">
        <v>101503</v>
      </c>
      <c r="EJ11" s="327">
        <v>329349</v>
      </c>
      <c r="EK11" s="327">
        <v>612073</v>
      </c>
      <c r="EL11" s="327">
        <v>212580</v>
      </c>
      <c r="EM11" s="327">
        <v>262433</v>
      </c>
      <c r="EN11" s="331">
        <v>1517938</v>
      </c>
      <c r="EO11" s="330">
        <v>1517938</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689880</v>
      </c>
      <c r="FM11" s="327">
        <v>885816</v>
      </c>
      <c r="FN11" s="328">
        <v>1575696</v>
      </c>
      <c r="FO11" s="326">
        <v>0</v>
      </c>
      <c r="FP11" s="327">
        <v>1950888</v>
      </c>
      <c r="FQ11" s="327">
        <v>4942848</v>
      </c>
      <c r="FR11" s="327">
        <v>3380704</v>
      </c>
      <c r="FS11" s="327">
        <v>3383659</v>
      </c>
      <c r="FT11" s="327">
        <v>2034160</v>
      </c>
      <c r="FU11" s="328">
        <v>15692259</v>
      </c>
      <c r="FV11" s="330">
        <v>17267955</v>
      </c>
      <c r="FW11" s="333">
        <v>391488</v>
      </c>
      <c r="FX11" s="327">
        <v>718360</v>
      </c>
      <c r="FY11" s="331">
        <v>1109848</v>
      </c>
      <c r="FZ11" s="332">
        <v>0</v>
      </c>
      <c r="GA11" s="327">
        <v>1571632</v>
      </c>
      <c r="GB11" s="327">
        <v>4585776</v>
      </c>
      <c r="GC11" s="327">
        <v>2861264</v>
      </c>
      <c r="GD11" s="327">
        <v>2776904</v>
      </c>
      <c r="GE11" s="327">
        <v>1805680</v>
      </c>
      <c r="GF11" s="328">
        <v>13601256</v>
      </c>
      <c r="GG11" s="334">
        <v>14711104</v>
      </c>
      <c r="GH11" s="333">
        <v>36160</v>
      </c>
      <c r="GI11" s="327">
        <v>50336</v>
      </c>
      <c r="GJ11" s="331">
        <v>86496</v>
      </c>
      <c r="GK11" s="332">
        <v>0</v>
      </c>
      <c r="GL11" s="327">
        <v>66472</v>
      </c>
      <c r="GM11" s="327">
        <v>95200</v>
      </c>
      <c r="GN11" s="327">
        <v>132080</v>
      </c>
      <c r="GO11" s="327">
        <v>134024</v>
      </c>
      <c r="GP11" s="327">
        <v>68480</v>
      </c>
      <c r="GQ11" s="328">
        <v>496256</v>
      </c>
      <c r="GR11" s="330">
        <v>582752</v>
      </c>
      <c r="GS11" s="326">
        <v>262232</v>
      </c>
      <c r="GT11" s="327">
        <v>117120</v>
      </c>
      <c r="GU11" s="328">
        <v>379352</v>
      </c>
      <c r="GV11" s="326">
        <v>0</v>
      </c>
      <c r="GW11" s="327">
        <v>312784</v>
      </c>
      <c r="GX11" s="327">
        <v>261872</v>
      </c>
      <c r="GY11" s="327">
        <v>387360</v>
      </c>
      <c r="GZ11" s="327">
        <v>472731</v>
      </c>
      <c r="HA11" s="327">
        <v>160000</v>
      </c>
      <c r="HB11" s="331">
        <v>1594747</v>
      </c>
      <c r="HC11" s="330">
        <v>1974099</v>
      </c>
      <c r="HD11" s="326">
        <v>1577821</v>
      </c>
      <c r="HE11" s="327">
        <v>1540151</v>
      </c>
      <c r="HF11" s="331">
        <v>3117972</v>
      </c>
      <c r="HG11" s="332">
        <v>0</v>
      </c>
      <c r="HH11" s="327">
        <v>15907042</v>
      </c>
      <c r="HI11" s="327">
        <v>11171627</v>
      </c>
      <c r="HJ11" s="327">
        <v>12348516</v>
      </c>
      <c r="HK11" s="327">
        <v>13077373</v>
      </c>
      <c r="HL11" s="327">
        <v>6820599</v>
      </c>
      <c r="HM11" s="328">
        <v>59325157</v>
      </c>
      <c r="HN11" s="329">
        <v>62443129</v>
      </c>
      <c r="HO11" s="333">
        <v>0</v>
      </c>
      <c r="HP11" s="327">
        <v>0</v>
      </c>
      <c r="HQ11" s="328">
        <v>0</v>
      </c>
      <c r="HR11" s="326">
        <v>0</v>
      </c>
      <c r="HS11" s="327">
        <v>0</v>
      </c>
      <c r="HT11" s="327">
        <v>0</v>
      </c>
      <c r="HU11" s="327">
        <v>0</v>
      </c>
      <c r="HV11" s="327">
        <v>0</v>
      </c>
      <c r="HW11" s="327">
        <v>0</v>
      </c>
      <c r="HX11" s="331">
        <v>0</v>
      </c>
      <c r="HY11" s="330">
        <v>0</v>
      </c>
      <c r="HZ11" s="335">
        <v>160046</v>
      </c>
      <c r="IA11" s="336">
        <v>146600</v>
      </c>
      <c r="IB11" s="337">
        <v>306646</v>
      </c>
      <c r="IC11" s="338">
        <v>0</v>
      </c>
      <c r="ID11" s="336">
        <v>15133631</v>
      </c>
      <c r="IE11" s="339">
        <v>15709292</v>
      </c>
      <c r="IF11" s="337">
        <v>13348495</v>
      </c>
      <c r="IG11" s="336">
        <v>16935068</v>
      </c>
      <c r="IH11" s="337">
        <v>7189537</v>
      </c>
      <c r="II11" s="340">
        <v>68316023</v>
      </c>
      <c r="IJ11" s="341">
        <v>68622669</v>
      </c>
      <c r="IK11" s="342">
        <v>0</v>
      </c>
      <c r="IL11" s="343">
        <v>0</v>
      </c>
      <c r="IM11" s="344">
        <v>0</v>
      </c>
      <c r="IN11" s="404">
        <v>0</v>
      </c>
      <c r="IO11" s="345">
        <v>262367</v>
      </c>
      <c r="IP11" s="345">
        <v>488592</v>
      </c>
      <c r="IQ11" s="345">
        <v>630993</v>
      </c>
      <c r="IR11" s="345">
        <v>1017084</v>
      </c>
      <c r="IS11" s="345">
        <v>431035</v>
      </c>
      <c r="IT11" s="346">
        <v>2830071</v>
      </c>
      <c r="IU11" s="347">
        <v>2830071</v>
      </c>
      <c r="IV11" s="348">
        <v>0</v>
      </c>
      <c r="IW11" s="345">
        <v>0</v>
      </c>
      <c r="IX11" s="349">
        <v>0</v>
      </c>
      <c r="IY11" s="404">
        <v>0</v>
      </c>
      <c r="IZ11" s="345">
        <v>51620</v>
      </c>
      <c r="JA11" s="345">
        <v>122483</v>
      </c>
      <c r="JB11" s="345">
        <v>249454</v>
      </c>
      <c r="JC11" s="345">
        <v>167633</v>
      </c>
      <c r="JD11" s="345">
        <v>91882</v>
      </c>
      <c r="JE11" s="349">
        <v>683072</v>
      </c>
      <c r="JF11" s="350">
        <v>683072</v>
      </c>
      <c r="JG11" s="348">
        <v>0</v>
      </c>
      <c r="JH11" s="345">
        <v>0</v>
      </c>
      <c r="JI11" s="346">
        <v>0</v>
      </c>
      <c r="JJ11" s="351">
        <v>0</v>
      </c>
      <c r="JK11" s="345">
        <v>4013891</v>
      </c>
      <c r="JL11" s="345">
        <v>4614273</v>
      </c>
      <c r="JM11" s="345">
        <v>2703687</v>
      </c>
      <c r="JN11" s="345">
        <v>1493701</v>
      </c>
      <c r="JO11" s="345">
        <v>1297499</v>
      </c>
      <c r="JP11" s="349">
        <v>14123051</v>
      </c>
      <c r="JQ11" s="347">
        <v>14123051</v>
      </c>
      <c r="JR11" s="348">
        <v>0</v>
      </c>
      <c r="JS11" s="345">
        <v>0</v>
      </c>
      <c r="JT11" s="346">
        <v>0</v>
      </c>
      <c r="JU11" s="351">
        <v>0</v>
      </c>
      <c r="JV11" s="345">
        <v>1194621</v>
      </c>
      <c r="JW11" s="345">
        <v>1540477</v>
      </c>
      <c r="JX11" s="345">
        <v>2236114</v>
      </c>
      <c r="JY11" s="345">
        <v>1199028</v>
      </c>
      <c r="JZ11" s="345">
        <v>668596</v>
      </c>
      <c r="KA11" s="349">
        <v>6838836</v>
      </c>
      <c r="KB11" s="347">
        <v>6838836</v>
      </c>
      <c r="KC11" s="352">
        <v>160046</v>
      </c>
      <c r="KD11" s="353">
        <v>146600</v>
      </c>
      <c r="KE11" s="349">
        <v>306646</v>
      </c>
      <c r="KF11" s="351">
        <v>0</v>
      </c>
      <c r="KG11" s="345">
        <v>2187647</v>
      </c>
      <c r="KH11" s="345">
        <v>1522680</v>
      </c>
      <c r="KI11" s="345">
        <v>473974</v>
      </c>
      <c r="KJ11" s="345">
        <v>2280529</v>
      </c>
      <c r="KK11" s="345">
        <v>554644</v>
      </c>
      <c r="KL11" s="349">
        <v>7019474</v>
      </c>
      <c r="KM11" s="354">
        <v>7326120</v>
      </c>
      <c r="KN11" s="342">
        <v>0</v>
      </c>
      <c r="KO11" s="343">
        <v>0</v>
      </c>
      <c r="KP11" s="344">
        <v>0</v>
      </c>
      <c r="KQ11" s="404">
        <v>0</v>
      </c>
      <c r="KR11" s="345">
        <v>6081771</v>
      </c>
      <c r="KS11" s="345">
        <v>6771054</v>
      </c>
      <c r="KT11" s="345">
        <v>5305430</v>
      </c>
      <c r="KU11" s="345">
        <v>5673407</v>
      </c>
      <c r="KV11" s="345">
        <v>1882530</v>
      </c>
      <c r="KW11" s="349">
        <v>25714192</v>
      </c>
      <c r="KX11" s="347">
        <v>25714192</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586288</v>
      </c>
      <c r="LQ11" s="345">
        <v>2404085</v>
      </c>
      <c r="LR11" s="345">
        <v>955648</v>
      </c>
      <c r="LS11" s="349">
        <v>3946021</v>
      </c>
      <c r="LT11" s="347">
        <v>3946021</v>
      </c>
      <c r="LU11" s="348">
        <v>0</v>
      </c>
      <c r="LV11" s="345">
        <v>0</v>
      </c>
      <c r="LW11" s="349">
        <v>0</v>
      </c>
      <c r="LX11" s="404">
        <v>0</v>
      </c>
      <c r="LY11" s="345">
        <v>1341714</v>
      </c>
      <c r="LZ11" s="345">
        <v>649733</v>
      </c>
      <c r="MA11" s="345">
        <v>1162555</v>
      </c>
      <c r="MB11" s="345">
        <v>2699601</v>
      </c>
      <c r="MC11" s="345">
        <v>1307703</v>
      </c>
      <c r="MD11" s="349">
        <v>7161306</v>
      </c>
      <c r="ME11" s="350">
        <v>7161306</v>
      </c>
      <c r="MF11" s="348">
        <v>0</v>
      </c>
      <c r="MG11" s="345">
        <v>0</v>
      </c>
      <c r="MH11" s="349">
        <v>0</v>
      </c>
      <c r="MI11" s="404">
        <v>0</v>
      </c>
      <c r="MJ11" s="345">
        <v>2698974</v>
      </c>
      <c r="MK11" s="345">
        <v>5247967</v>
      </c>
      <c r="ML11" s="345">
        <v>23702824</v>
      </c>
      <c r="MM11" s="345">
        <v>30728187</v>
      </c>
      <c r="MN11" s="345">
        <v>18838631</v>
      </c>
      <c r="MO11" s="349">
        <v>81216583</v>
      </c>
      <c r="MP11" s="354">
        <v>81216583</v>
      </c>
      <c r="MQ11" s="348">
        <v>0</v>
      </c>
      <c r="MR11" s="345">
        <v>0</v>
      </c>
      <c r="MS11" s="349">
        <v>0</v>
      </c>
      <c r="MT11" s="404">
        <v>0</v>
      </c>
      <c r="MU11" s="345">
        <v>619802</v>
      </c>
      <c r="MV11" s="345">
        <v>1593295</v>
      </c>
      <c r="MW11" s="345">
        <v>12950444</v>
      </c>
      <c r="MX11" s="345">
        <v>20669810</v>
      </c>
      <c r="MY11" s="345">
        <v>11333773</v>
      </c>
      <c r="MZ11" s="349">
        <v>47167124</v>
      </c>
      <c r="NA11" s="354">
        <v>47167124</v>
      </c>
      <c r="NB11" s="348">
        <v>0</v>
      </c>
      <c r="NC11" s="345">
        <v>0</v>
      </c>
      <c r="ND11" s="349">
        <v>0</v>
      </c>
      <c r="NE11" s="404">
        <v>0</v>
      </c>
      <c r="NF11" s="345">
        <v>2079172</v>
      </c>
      <c r="NG11" s="345">
        <v>3654672</v>
      </c>
      <c r="NH11" s="345">
        <v>10752380</v>
      </c>
      <c r="NI11" s="345">
        <v>10058377</v>
      </c>
      <c r="NJ11" s="345">
        <v>7246118</v>
      </c>
      <c r="NK11" s="349">
        <v>33790719</v>
      </c>
      <c r="NL11" s="347">
        <v>33790719</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0</v>
      </c>
      <c r="OF11" s="345">
        <v>258740</v>
      </c>
      <c r="OG11" s="349">
        <v>258740</v>
      </c>
      <c r="OH11" s="350">
        <v>258740</v>
      </c>
      <c r="OI11" s="348">
        <v>3637545</v>
      </c>
      <c r="OJ11" s="345">
        <v>4845236</v>
      </c>
      <c r="OK11" s="346">
        <v>8482781</v>
      </c>
      <c r="OL11" s="351">
        <v>0</v>
      </c>
      <c r="OM11" s="345">
        <v>65809327</v>
      </c>
      <c r="ON11" s="345">
        <v>72872046</v>
      </c>
      <c r="OO11" s="345">
        <v>75245263</v>
      </c>
      <c r="OP11" s="345">
        <v>86393379</v>
      </c>
      <c r="OQ11" s="345">
        <v>51804683</v>
      </c>
      <c r="OR11" s="349">
        <v>352124698</v>
      </c>
      <c r="OS11" s="354">
        <v>360607479</v>
      </c>
    </row>
    <row r="12" spans="1:409" s="70" customFormat="1" ht="21" customHeight="1" x14ac:dyDescent="0.2">
      <c r="B12" s="410" t="s">
        <v>14</v>
      </c>
      <c r="C12" s="326">
        <v>1899073</v>
      </c>
      <c r="D12" s="327">
        <v>3128995</v>
      </c>
      <c r="E12" s="328">
        <v>5028068</v>
      </c>
      <c r="F12" s="329">
        <v>0</v>
      </c>
      <c r="G12" s="327">
        <v>17229970</v>
      </c>
      <c r="H12" s="327">
        <v>28527917</v>
      </c>
      <c r="I12" s="327">
        <v>29180980</v>
      </c>
      <c r="J12" s="327">
        <v>21246734</v>
      </c>
      <c r="K12" s="327">
        <v>15191457</v>
      </c>
      <c r="L12" s="331">
        <v>111377058</v>
      </c>
      <c r="M12" s="330">
        <v>116405126</v>
      </c>
      <c r="N12" s="326">
        <v>646162</v>
      </c>
      <c r="O12" s="327">
        <v>882271</v>
      </c>
      <c r="P12" s="328">
        <v>1528433</v>
      </c>
      <c r="Q12" s="326">
        <v>0</v>
      </c>
      <c r="R12" s="327">
        <v>4855889</v>
      </c>
      <c r="S12" s="327">
        <v>9669411</v>
      </c>
      <c r="T12" s="327">
        <v>8755039</v>
      </c>
      <c r="U12" s="327">
        <v>8961716</v>
      </c>
      <c r="V12" s="327">
        <v>8240471</v>
      </c>
      <c r="W12" s="328">
        <v>40482526</v>
      </c>
      <c r="X12" s="330">
        <v>42010959</v>
      </c>
      <c r="Y12" s="326">
        <v>0</v>
      </c>
      <c r="Z12" s="327">
        <v>0</v>
      </c>
      <c r="AA12" s="328">
        <v>0</v>
      </c>
      <c r="AB12" s="326">
        <v>0</v>
      </c>
      <c r="AC12" s="327">
        <v>1934670</v>
      </c>
      <c r="AD12" s="327">
        <v>4401397</v>
      </c>
      <c r="AE12" s="327">
        <v>3842896</v>
      </c>
      <c r="AF12" s="327">
        <v>4841576</v>
      </c>
      <c r="AG12" s="327">
        <v>5091483</v>
      </c>
      <c r="AH12" s="328">
        <v>20112022</v>
      </c>
      <c r="AI12" s="330">
        <v>20112022</v>
      </c>
      <c r="AJ12" s="326">
        <v>0</v>
      </c>
      <c r="AK12" s="327">
        <v>0</v>
      </c>
      <c r="AL12" s="328">
        <v>0</v>
      </c>
      <c r="AM12" s="326">
        <v>0</v>
      </c>
      <c r="AN12" s="327">
        <v>0</v>
      </c>
      <c r="AO12" s="327">
        <v>135952</v>
      </c>
      <c r="AP12" s="327">
        <v>242363</v>
      </c>
      <c r="AQ12" s="327">
        <v>386097</v>
      </c>
      <c r="AR12" s="327">
        <v>476043</v>
      </c>
      <c r="AS12" s="328">
        <v>1240455</v>
      </c>
      <c r="AT12" s="330">
        <v>1240455</v>
      </c>
      <c r="AU12" s="326">
        <v>281270</v>
      </c>
      <c r="AV12" s="327">
        <v>617179</v>
      </c>
      <c r="AW12" s="328">
        <v>898449</v>
      </c>
      <c r="AX12" s="326">
        <v>0</v>
      </c>
      <c r="AY12" s="327">
        <v>1761683</v>
      </c>
      <c r="AZ12" s="327">
        <v>3314830</v>
      </c>
      <c r="BA12" s="327">
        <v>2854380</v>
      </c>
      <c r="BB12" s="327">
        <v>2182491</v>
      </c>
      <c r="BC12" s="327">
        <v>1633649</v>
      </c>
      <c r="BD12" s="328">
        <v>11747033</v>
      </c>
      <c r="BE12" s="330">
        <v>12645482</v>
      </c>
      <c r="BF12" s="326">
        <v>31700</v>
      </c>
      <c r="BG12" s="327">
        <v>52940</v>
      </c>
      <c r="BH12" s="331">
        <v>84640</v>
      </c>
      <c r="BI12" s="332">
        <v>0</v>
      </c>
      <c r="BJ12" s="327">
        <v>0</v>
      </c>
      <c r="BK12" s="327">
        <v>94064</v>
      </c>
      <c r="BL12" s="327">
        <v>78760</v>
      </c>
      <c r="BM12" s="327">
        <v>155088</v>
      </c>
      <c r="BN12" s="327">
        <v>67728</v>
      </c>
      <c r="BO12" s="328">
        <v>395640</v>
      </c>
      <c r="BP12" s="330">
        <v>480280</v>
      </c>
      <c r="BQ12" s="326">
        <v>333192</v>
      </c>
      <c r="BR12" s="327">
        <v>212152</v>
      </c>
      <c r="BS12" s="328">
        <v>545344</v>
      </c>
      <c r="BT12" s="326">
        <v>0</v>
      </c>
      <c r="BU12" s="327">
        <v>1159536</v>
      </c>
      <c r="BV12" s="327">
        <v>1723168</v>
      </c>
      <c r="BW12" s="327">
        <v>1736640</v>
      </c>
      <c r="BX12" s="327">
        <v>1396464</v>
      </c>
      <c r="BY12" s="327">
        <v>971568</v>
      </c>
      <c r="BZ12" s="328">
        <v>6987376</v>
      </c>
      <c r="CA12" s="330">
        <v>7532720</v>
      </c>
      <c r="CB12" s="326">
        <v>103475</v>
      </c>
      <c r="CC12" s="327">
        <v>454951</v>
      </c>
      <c r="CD12" s="328">
        <v>558426</v>
      </c>
      <c r="CE12" s="326">
        <v>0</v>
      </c>
      <c r="CF12" s="327">
        <v>5952292</v>
      </c>
      <c r="CG12" s="327">
        <v>9465568</v>
      </c>
      <c r="CH12" s="327">
        <v>9266370</v>
      </c>
      <c r="CI12" s="327">
        <v>3892918</v>
      </c>
      <c r="CJ12" s="327">
        <v>956194</v>
      </c>
      <c r="CK12" s="328">
        <v>29533342</v>
      </c>
      <c r="CL12" s="330">
        <v>30091768</v>
      </c>
      <c r="CM12" s="326">
        <v>0</v>
      </c>
      <c r="CN12" s="327">
        <v>0</v>
      </c>
      <c r="CO12" s="328">
        <v>0</v>
      </c>
      <c r="CP12" s="332">
        <v>0</v>
      </c>
      <c r="CQ12" s="327">
        <v>5462876</v>
      </c>
      <c r="CR12" s="327">
        <v>7618150</v>
      </c>
      <c r="CS12" s="327">
        <v>8016610</v>
      </c>
      <c r="CT12" s="327">
        <v>3390134</v>
      </c>
      <c r="CU12" s="327">
        <v>956194</v>
      </c>
      <c r="CV12" s="328">
        <v>25443964</v>
      </c>
      <c r="CW12" s="330">
        <v>25443964</v>
      </c>
      <c r="CX12" s="326">
        <v>103475</v>
      </c>
      <c r="CY12" s="327">
        <v>454951</v>
      </c>
      <c r="CZ12" s="328">
        <v>558426</v>
      </c>
      <c r="DA12" s="326">
        <v>0</v>
      </c>
      <c r="DB12" s="327">
        <v>489416</v>
      </c>
      <c r="DC12" s="327">
        <v>1847418</v>
      </c>
      <c r="DD12" s="327">
        <v>1249760</v>
      </c>
      <c r="DE12" s="327">
        <v>502784</v>
      </c>
      <c r="DF12" s="327">
        <v>0</v>
      </c>
      <c r="DG12" s="328">
        <v>4089378</v>
      </c>
      <c r="DH12" s="330">
        <v>4647804</v>
      </c>
      <c r="DI12" s="326">
        <v>30707</v>
      </c>
      <c r="DJ12" s="327">
        <v>0</v>
      </c>
      <c r="DK12" s="331">
        <v>30707</v>
      </c>
      <c r="DL12" s="332">
        <v>0</v>
      </c>
      <c r="DM12" s="327">
        <v>72912</v>
      </c>
      <c r="DN12" s="327">
        <v>1137980</v>
      </c>
      <c r="DO12" s="327">
        <v>2936644</v>
      </c>
      <c r="DP12" s="327">
        <v>2494614</v>
      </c>
      <c r="DQ12" s="327">
        <v>1697430</v>
      </c>
      <c r="DR12" s="328">
        <v>8339580</v>
      </c>
      <c r="DS12" s="330">
        <v>8370287</v>
      </c>
      <c r="DT12" s="326">
        <v>30707</v>
      </c>
      <c r="DU12" s="327">
        <v>0</v>
      </c>
      <c r="DV12" s="328">
        <v>30707</v>
      </c>
      <c r="DW12" s="326">
        <v>0</v>
      </c>
      <c r="DX12" s="327">
        <v>72912</v>
      </c>
      <c r="DY12" s="327">
        <v>1035207</v>
      </c>
      <c r="DZ12" s="327">
        <v>2818137</v>
      </c>
      <c r="EA12" s="327">
        <v>2292290</v>
      </c>
      <c r="EB12" s="327">
        <v>1697430</v>
      </c>
      <c r="EC12" s="328">
        <v>7915976</v>
      </c>
      <c r="ED12" s="330">
        <v>7946683</v>
      </c>
      <c r="EE12" s="326">
        <v>0</v>
      </c>
      <c r="EF12" s="331">
        <v>0</v>
      </c>
      <c r="EG12" s="328">
        <v>0</v>
      </c>
      <c r="EH12" s="326">
        <v>0</v>
      </c>
      <c r="EI12" s="327">
        <v>0</v>
      </c>
      <c r="EJ12" s="327">
        <v>102773</v>
      </c>
      <c r="EK12" s="327">
        <v>118507</v>
      </c>
      <c r="EL12" s="327">
        <v>202324</v>
      </c>
      <c r="EM12" s="327">
        <v>0</v>
      </c>
      <c r="EN12" s="331">
        <v>423604</v>
      </c>
      <c r="EO12" s="330">
        <v>423604</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326752</v>
      </c>
      <c r="FM12" s="327">
        <v>1131440</v>
      </c>
      <c r="FN12" s="328">
        <v>1458192</v>
      </c>
      <c r="FO12" s="326">
        <v>0</v>
      </c>
      <c r="FP12" s="327">
        <v>1023944</v>
      </c>
      <c r="FQ12" s="327">
        <v>2979752</v>
      </c>
      <c r="FR12" s="327">
        <v>2509248</v>
      </c>
      <c r="FS12" s="327">
        <v>1685392</v>
      </c>
      <c r="FT12" s="327">
        <v>1169512</v>
      </c>
      <c r="FU12" s="328">
        <v>9367848</v>
      </c>
      <c r="FV12" s="330">
        <v>10826040</v>
      </c>
      <c r="FW12" s="333">
        <v>183552</v>
      </c>
      <c r="FX12" s="327">
        <v>774224</v>
      </c>
      <c r="FY12" s="331">
        <v>957776</v>
      </c>
      <c r="FZ12" s="332">
        <v>0</v>
      </c>
      <c r="GA12" s="327">
        <v>771528</v>
      </c>
      <c r="GB12" s="327">
        <v>2733296</v>
      </c>
      <c r="GC12" s="327">
        <v>2338448</v>
      </c>
      <c r="GD12" s="327">
        <v>1606248</v>
      </c>
      <c r="GE12" s="327">
        <v>1148952</v>
      </c>
      <c r="GF12" s="328">
        <v>8598472</v>
      </c>
      <c r="GG12" s="334">
        <v>9556248</v>
      </c>
      <c r="GH12" s="333">
        <v>0</v>
      </c>
      <c r="GI12" s="327">
        <v>44336</v>
      </c>
      <c r="GJ12" s="331">
        <v>44336</v>
      </c>
      <c r="GK12" s="332">
        <v>0</v>
      </c>
      <c r="GL12" s="327">
        <v>65680</v>
      </c>
      <c r="GM12" s="327">
        <v>88016</v>
      </c>
      <c r="GN12" s="327">
        <v>0</v>
      </c>
      <c r="GO12" s="327">
        <v>26520</v>
      </c>
      <c r="GP12" s="327">
        <v>20560</v>
      </c>
      <c r="GQ12" s="328">
        <v>200776</v>
      </c>
      <c r="GR12" s="330">
        <v>245112</v>
      </c>
      <c r="GS12" s="326">
        <v>143200</v>
      </c>
      <c r="GT12" s="327">
        <v>312880</v>
      </c>
      <c r="GU12" s="328">
        <v>456080</v>
      </c>
      <c r="GV12" s="326">
        <v>0</v>
      </c>
      <c r="GW12" s="327">
        <v>186736</v>
      </c>
      <c r="GX12" s="327">
        <v>158440</v>
      </c>
      <c r="GY12" s="327">
        <v>170800</v>
      </c>
      <c r="GZ12" s="327">
        <v>52624</v>
      </c>
      <c r="HA12" s="327">
        <v>0</v>
      </c>
      <c r="HB12" s="331">
        <v>568600</v>
      </c>
      <c r="HC12" s="330">
        <v>1024680</v>
      </c>
      <c r="HD12" s="326">
        <v>791977</v>
      </c>
      <c r="HE12" s="327">
        <v>660333</v>
      </c>
      <c r="HF12" s="331">
        <v>1452310</v>
      </c>
      <c r="HG12" s="332">
        <v>0</v>
      </c>
      <c r="HH12" s="327">
        <v>5324933</v>
      </c>
      <c r="HI12" s="327">
        <v>5275206</v>
      </c>
      <c r="HJ12" s="327">
        <v>5713679</v>
      </c>
      <c r="HK12" s="327">
        <v>4212094</v>
      </c>
      <c r="HL12" s="327">
        <v>3127850</v>
      </c>
      <c r="HM12" s="328">
        <v>23653762</v>
      </c>
      <c r="HN12" s="329">
        <v>25106072</v>
      </c>
      <c r="HO12" s="333">
        <v>0</v>
      </c>
      <c r="HP12" s="327">
        <v>0</v>
      </c>
      <c r="HQ12" s="328">
        <v>0</v>
      </c>
      <c r="HR12" s="326">
        <v>0</v>
      </c>
      <c r="HS12" s="327">
        <v>0</v>
      </c>
      <c r="HT12" s="327">
        <v>0</v>
      </c>
      <c r="HU12" s="327">
        <v>0</v>
      </c>
      <c r="HV12" s="327">
        <v>0</v>
      </c>
      <c r="HW12" s="327">
        <v>0</v>
      </c>
      <c r="HX12" s="331">
        <v>0</v>
      </c>
      <c r="HY12" s="330">
        <v>0</v>
      </c>
      <c r="HZ12" s="335">
        <v>0</v>
      </c>
      <c r="IA12" s="336">
        <v>67251</v>
      </c>
      <c r="IB12" s="337">
        <v>67251</v>
      </c>
      <c r="IC12" s="355">
        <v>0</v>
      </c>
      <c r="ID12" s="356">
        <v>5909912</v>
      </c>
      <c r="IE12" s="357">
        <v>8305788</v>
      </c>
      <c r="IF12" s="358">
        <v>9069186</v>
      </c>
      <c r="IG12" s="356">
        <v>7496597</v>
      </c>
      <c r="IH12" s="358">
        <v>3665577</v>
      </c>
      <c r="II12" s="359">
        <v>34447060</v>
      </c>
      <c r="IJ12" s="341">
        <v>34514311</v>
      </c>
      <c r="IK12" s="342">
        <v>0</v>
      </c>
      <c r="IL12" s="343">
        <v>0</v>
      </c>
      <c r="IM12" s="344">
        <v>0</v>
      </c>
      <c r="IN12" s="404">
        <v>0</v>
      </c>
      <c r="IO12" s="345">
        <v>67970</v>
      </c>
      <c r="IP12" s="345">
        <v>318736</v>
      </c>
      <c r="IQ12" s="345">
        <v>133427</v>
      </c>
      <c r="IR12" s="345">
        <v>219253</v>
      </c>
      <c r="IS12" s="345">
        <v>234672</v>
      </c>
      <c r="IT12" s="346">
        <v>974058</v>
      </c>
      <c r="IU12" s="347">
        <v>974058</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2882212</v>
      </c>
      <c r="JL12" s="345">
        <v>4253045</v>
      </c>
      <c r="JM12" s="345">
        <v>2913226</v>
      </c>
      <c r="JN12" s="345">
        <v>1123491</v>
      </c>
      <c r="JO12" s="345">
        <v>420780</v>
      </c>
      <c r="JP12" s="349">
        <v>11592754</v>
      </c>
      <c r="JQ12" s="347">
        <v>11592754</v>
      </c>
      <c r="JR12" s="348">
        <v>0</v>
      </c>
      <c r="JS12" s="345">
        <v>0</v>
      </c>
      <c r="JT12" s="346">
        <v>0</v>
      </c>
      <c r="JU12" s="351">
        <v>0</v>
      </c>
      <c r="JV12" s="345">
        <v>154526</v>
      </c>
      <c r="JW12" s="345">
        <v>294017</v>
      </c>
      <c r="JX12" s="345">
        <v>102514</v>
      </c>
      <c r="JY12" s="345">
        <v>0</v>
      </c>
      <c r="JZ12" s="345">
        <v>0</v>
      </c>
      <c r="KA12" s="349">
        <v>551057</v>
      </c>
      <c r="KB12" s="347">
        <v>551057</v>
      </c>
      <c r="KC12" s="352">
        <v>0</v>
      </c>
      <c r="KD12" s="353">
        <v>67251</v>
      </c>
      <c r="KE12" s="349">
        <v>67251</v>
      </c>
      <c r="KF12" s="351">
        <v>0</v>
      </c>
      <c r="KG12" s="345">
        <v>970636</v>
      </c>
      <c r="KH12" s="345">
        <v>960316</v>
      </c>
      <c r="KI12" s="345">
        <v>1682322</v>
      </c>
      <c r="KJ12" s="345">
        <v>1517066</v>
      </c>
      <c r="KK12" s="345">
        <v>576756</v>
      </c>
      <c r="KL12" s="349">
        <v>5707096</v>
      </c>
      <c r="KM12" s="354">
        <v>5774347</v>
      </c>
      <c r="KN12" s="342">
        <v>0</v>
      </c>
      <c r="KO12" s="343">
        <v>0</v>
      </c>
      <c r="KP12" s="344">
        <v>0</v>
      </c>
      <c r="KQ12" s="404">
        <v>0</v>
      </c>
      <c r="KR12" s="345">
        <v>1661715</v>
      </c>
      <c r="KS12" s="345">
        <v>2479674</v>
      </c>
      <c r="KT12" s="345">
        <v>3713931</v>
      </c>
      <c r="KU12" s="345">
        <v>4030372</v>
      </c>
      <c r="KV12" s="345">
        <v>1357522</v>
      </c>
      <c r="KW12" s="349">
        <v>13243214</v>
      </c>
      <c r="KX12" s="347">
        <v>13243214</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42318</v>
      </c>
      <c r="LQ12" s="345">
        <v>546771</v>
      </c>
      <c r="LR12" s="345">
        <v>0</v>
      </c>
      <c r="LS12" s="349">
        <v>789089</v>
      </c>
      <c r="LT12" s="347">
        <v>789089</v>
      </c>
      <c r="LU12" s="348">
        <v>0</v>
      </c>
      <c r="LV12" s="345">
        <v>0</v>
      </c>
      <c r="LW12" s="349">
        <v>0</v>
      </c>
      <c r="LX12" s="404">
        <v>0</v>
      </c>
      <c r="LY12" s="345">
        <v>172853</v>
      </c>
      <c r="LZ12" s="345">
        <v>0</v>
      </c>
      <c r="MA12" s="345">
        <v>281448</v>
      </c>
      <c r="MB12" s="345">
        <v>59644</v>
      </c>
      <c r="MC12" s="345">
        <v>1075847</v>
      </c>
      <c r="MD12" s="349">
        <v>1589792</v>
      </c>
      <c r="ME12" s="350">
        <v>1589792</v>
      </c>
      <c r="MF12" s="348">
        <v>0</v>
      </c>
      <c r="MG12" s="345">
        <v>0</v>
      </c>
      <c r="MH12" s="349">
        <v>0</v>
      </c>
      <c r="MI12" s="404">
        <v>0</v>
      </c>
      <c r="MJ12" s="345">
        <v>0</v>
      </c>
      <c r="MK12" s="345">
        <v>2794673</v>
      </c>
      <c r="ML12" s="345">
        <v>13191948</v>
      </c>
      <c r="MM12" s="345">
        <v>20439087</v>
      </c>
      <c r="MN12" s="345">
        <v>11878022</v>
      </c>
      <c r="MO12" s="349">
        <v>48303730</v>
      </c>
      <c r="MP12" s="354">
        <v>48303730</v>
      </c>
      <c r="MQ12" s="348">
        <v>0</v>
      </c>
      <c r="MR12" s="345">
        <v>0</v>
      </c>
      <c r="MS12" s="349">
        <v>0</v>
      </c>
      <c r="MT12" s="404">
        <v>0</v>
      </c>
      <c r="MU12" s="345">
        <v>0</v>
      </c>
      <c r="MV12" s="345">
        <v>16256</v>
      </c>
      <c r="MW12" s="345">
        <v>8748284</v>
      </c>
      <c r="MX12" s="345">
        <v>13383817</v>
      </c>
      <c r="MY12" s="345">
        <v>7507505</v>
      </c>
      <c r="MZ12" s="349">
        <v>29655862</v>
      </c>
      <c r="NA12" s="354">
        <v>29655862</v>
      </c>
      <c r="NB12" s="348">
        <v>0</v>
      </c>
      <c r="NC12" s="345">
        <v>0</v>
      </c>
      <c r="ND12" s="349">
        <v>0</v>
      </c>
      <c r="NE12" s="404">
        <v>0</v>
      </c>
      <c r="NF12" s="345">
        <v>0</v>
      </c>
      <c r="NG12" s="345">
        <v>2778417</v>
      </c>
      <c r="NH12" s="345">
        <v>4443664</v>
      </c>
      <c r="NI12" s="345">
        <v>5260695</v>
      </c>
      <c r="NJ12" s="345">
        <v>2739585</v>
      </c>
      <c r="NK12" s="349">
        <v>15222361</v>
      </c>
      <c r="NL12" s="347">
        <v>15222361</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794575</v>
      </c>
      <c r="OF12" s="345">
        <v>1630932</v>
      </c>
      <c r="OG12" s="349">
        <v>3425507</v>
      </c>
      <c r="OH12" s="350">
        <v>3425507</v>
      </c>
      <c r="OI12" s="348">
        <v>1899073</v>
      </c>
      <c r="OJ12" s="345">
        <v>3196246</v>
      </c>
      <c r="OK12" s="346">
        <v>5095319</v>
      </c>
      <c r="OL12" s="351">
        <v>0</v>
      </c>
      <c r="OM12" s="345">
        <v>23139882</v>
      </c>
      <c r="ON12" s="345">
        <v>39628378</v>
      </c>
      <c r="OO12" s="345">
        <v>51442114</v>
      </c>
      <c r="OP12" s="345">
        <v>49182418</v>
      </c>
      <c r="OQ12" s="345">
        <v>30735056</v>
      </c>
      <c r="OR12" s="349">
        <v>194127848</v>
      </c>
      <c r="OS12" s="354">
        <v>199223167</v>
      </c>
    </row>
    <row r="13" spans="1:409" s="70" customFormat="1" ht="21" customHeight="1" x14ac:dyDescent="0.2">
      <c r="B13" s="410" t="s">
        <v>7</v>
      </c>
      <c r="C13" s="326">
        <v>1657590</v>
      </c>
      <c r="D13" s="327">
        <v>1969830</v>
      </c>
      <c r="E13" s="328">
        <v>3627420</v>
      </c>
      <c r="F13" s="329">
        <v>0</v>
      </c>
      <c r="G13" s="327">
        <v>24975771</v>
      </c>
      <c r="H13" s="327">
        <v>25640178</v>
      </c>
      <c r="I13" s="327">
        <v>20356536</v>
      </c>
      <c r="J13" s="327">
        <v>17207947</v>
      </c>
      <c r="K13" s="327">
        <v>13804628</v>
      </c>
      <c r="L13" s="329">
        <v>101985060</v>
      </c>
      <c r="M13" s="330">
        <v>105612480</v>
      </c>
      <c r="N13" s="326">
        <v>302321</v>
      </c>
      <c r="O13" s="327">
        <v>278396</v>
      </c>
      <c r="P13" s="328">
        <v>580717</v>
      </c>
      <c r="Q13" s="326">
        <v>0</v>
      </c>
      <c r="R13" s="327">
        <v>7700056</v>
      </c>
      <c r="S13" s="327">
        <v>7709079</v>
      </c>
      <c r="T13" s="327">
        <v>5614734</v>
      </c>
      <c r="U13" s="327">
        <v>8519904</v>
      </c>
      <c r="V13" s="327">
        <v>7045520</v>
      </c>
      <c r="W13" s="328">
        <v>36589293</v>
      </c>
      <c r="X13" s="330">
        <v>37170010</v>
      </c>
      <c r="Y13" s="326">
        <v>0</v>
      </c>
      <c r="Z13" s="327">
        <v>0</v>
      </c>
      <c r="AA13" s="328">
        <v>0</v>
      </c>
      <c r="AB13" s="326">
        <v>0</v>
      </c>
      <c r="AC13" s="327">
        <v>3678179</v>
      </c>
      <c r="AD13" s="327">
        <v>3671675</v>
      </c>
      <c r="AE13" s="327">
        <v>2633509</v>
      </c>
      <c r="AF13" s="327">
        <v>5895235</v>
      </c>
      <c r="AG13" s="327">
        <v>3984046</v>
      </c>
      <c r="AH13" s="328">
        <v>19862644</v>
      </c>
      <c r="AI13" s="330">
        <v>19862644</v>
      </c>
      <c r="AJ13" s="326">
        <v>0</v>
      </c>
      <c r="AK13" s="327">
        <v>0</v>
      </c>
      <c r="AL13" s="328">
        <v>0</v>
      </c>
      <c r="AM13" s="326">
        <v>0</v>
      </c>
      <c r="AN13" s="327">
        <v>0</v>
      </c>
      <c r="AO13" s="327">
        <v>154715</v>
      </c>
      <c r="AP13" s="327">
        <v>192297</v>
      </c>
      <c r="AQ13" s="327">
        <v>323209</v>
      </c>
      <c r="AR13" s="327">
        <v>772841</v>
      </c>
      <c r="AS13" s="328">
        <v>1443062</v>
      </c>
      <c r="AT13" s="330">
        <v>1443062</v>
      </c>
      <c r="AU13" s="326">
        <v>109609</v>
      </c>
      <c r="AV13" s="327">
        <v>59244</v>
      </c>
      <c r="AW13" s="328">
        <v>168853</v>
      </c>
      <c r="AX13" s="326">
        <v>0</v>
      </c>
      <c r="AY13" s="327">
        <v>2491178</v>
      </c>
      <c r="AZ13" s="327">
        <v>2318043</v>
      </c>
      <c r="BA13" s="327">
        <v>1303847</v>
      </c>
      <c r="BB13" s="327">
        <v>1107586</v>
      </c>
      <c r="BC13" s="327">
        <v>1531692</v>
      </c>
      <c r="BD13" s="328">
        <v>8752346</v>
      </c>
      <c r="BE13" s="330">
        <v>8921199</v>
      </c>
      <c r="BF13" s="326">
        <v>41456</v>
      </c>
      <c r="BG13" s="327">
        <v>0</v>
      </c>
      <c r="BH13" s="331">
        <v>41456</v>
      </c>
      <c r="BI13" s="332">
        <v>0</v>
      </c>
      <c r="BJ13" s="327">
        <v>303009</v>
      </c>
      <c r="BK13" s="327">
        <v>167054</v>
      </c>
      <c r="BL13" s="327">
        <v>136873</v>
      </c>
      <c r="BM13" s="327">
        <v>299370</v>
      </c>
      <c r="BN13" s="327">
        <v>13317</v>
      </c>
      <c r="BO13" s="328">
        <v>919623</v>
      </c>
      <c r="BP13" s="330">
        <v>961079</v>
      </c>
      <c r="BQ13" s="326">
        <v>151256</v>
      </c>
      <c r="BR13" s="327">
        <v>219152</v>
      </c>
      <c r="BS13" s="328">
        <v>370408</v>
      </c>
      <c r="BT13" s="326">
        <v>0</v>
      </c>
      <c r="BU13" s="327">
        <v>1227690</v>
      </c>
      <c r="BV13" s="327">
        <v>1397592</v>
      </c>
      <c r="BW13" s="327">
        <v>1348208</v>
      </c>
      <c r="BX13" s="327">
        <v>894504</v>
      </c>
      <c r="BY13" s="327">
        <v>743624</v>
      </c>
      <c r="BZ13" s="328">
        <v>5611618</v>
      </c>
      <c r="CA13" s="330">
        <v>5982026</v>
      </c>
      <c r="CB13" s="326">
        <v>41615</v>
      </c>
      <c r="CC13" s="327">
        <v>147581</v>
      </c>
      <c r="CD13" s="328">
        <v>189196</v>
      </c>
      <c r="CE13" s="326">
        <v>0</v>
      </c>
      <c r="CF13" s="327">
        <v>8539314</v>
      </c>
      <c r="CG13" s="327">
        <v>6433394</v>
      </c>
      <c r="CH13" s="327">
        <v>4452394</v>
      </c>
      <c r="CI13" s="327">
        <v>902894</v>
      </c>
      <c r="CJ13" s="327">
        <v>895661</v>
      </c>
      <c r="CK13" s="328">
        <v>21223657</v>
      </c>
      <c r="CL13" s="330">
        <v>21412853</v>
      </c>
      <c r="CM13" s="326">
        <v>0</v>
      </c>
      <c r="CN13" s="327">
        <v>0</v>
      </c>
      <c r="CO13" s="328">
        <v>0</v>
      </c>
      <c r="CP13" s="332">
        <v>0</v>
      </c>
      <c r="CQ13" s="327">
        <v>7424377</v>
      </c>
      <c r="CR13" s="327">
        <v>4790578</v>
      </c>
      <c r="CS13" s="327">
        <v>3716732</v>
      </c>
      <c r="CT13" s="327">
        <v>508672</v>
      </c>
      <c r="CU13" s="327">
        <v>629621</v>
      </c>
      <c r="CV13" s="328">
        <v>17069980</v>
      </c>
      <c r="CW13" s="330">
        <v>17069980</v>
      </c>
      <c r="CX13" s="326">
        <v>41615</v>
      </c>
      <c r="CY13" s="327">
        <v>147581</v>
      </c>
      <c r="CZ13" s="328">
        <v>189196</v>
      </c>
      <c r="DA13" s="326">
        <v>0</v>
      </c>
      <c r="DB13" s="327">
        <v>1114937</v>
      </c>
      <c r="DC13" s="327">
        <v>1642816</v>
      </c>
      <c r="DD13" s="327">
        <v>735662</v>
      </c>
      <c r="DE13" s="327">
        <v>394222</v>
      </c>
      <c r="DF13" s="327">
        <v>266040</v>
      </c>
      <c r="DG13" s="328">
        <v>4153677</v>
      </c>
      <c r="DH13" s="330">
        <v>4342873</v>
      </c>
      <c r="DI13" s="326">
        <v>19571</v>
      </c>
      <c r="DJ13" s="327">
        <v>46648</v>
      </c>
      <c r="DK13" s="331">
        <v>66219</v>
      </c>
      <c r="DL13" s="332">
        <v>0</v>
      </c>
      <c r="DM13" s="327">
        <v>763079</v>
      </c>
      <c r="DN13" s="327">
        <v>2095028</v>
      </c>
      <c r="DO13" s="327">
        <v>2191698</v>
      </c>
      <c r="DP13" s="327">
        <v>1542592</v>
      </c>
      <c r="DQ13" s="327">
        <v>414936</v>
      </c>
      <c r="DR13" s="328">
        <v>7007333</v>
      </c>
      <c r="DS13" s="330">
        <v>7073552</v>
      </c>
      <c r="DT13" s="326">
        <v>19571</v>
      </c>
      <c r="DU13" s="327">
        <v>46648</v>
      </c>
      <c r="DV13" s="328">
        <v>66219</v>
      </c>
      <c r="DW13" s="326">
        <v>0</v>
      </c>
      <c r="DX13" s="327">
        <v>730431</v>
      </c>
      <c r="DY13" s="327">
        <v>2095028</v>
      </c>
      <c r="DZ13" s="327">
        <v>2191698</v>
      </c>
      <c r="EA13" s="327">
        <v>1286892</v>
      </c>
      <c r="EB13" s="327">
        <v>414936</v>
      </c>
      <c r="EC13" s="328">
        <v>6718985</v>
      </c>
      <c r="ED13" s="330">
        <v>6785204</v>
      </c>
      <c r="EE13" s="326">
        <v>0</v>
      </c>
      <c r="EF13" s="331">
        <v>0</v>
      </c>
      <c r="EG13" s="328">
        <v>0</v>
      </c>
      <c r="EH13" s="326">
        <v>0</v>
      </c>
      <c r="EI13" s="327">
        <v>32648</v>
      </c>
      <c r="EJ13" s="327">
        <v>0</v>
      </c>
      <c r="EK13" s="327">
        <v>0</v>
      </c>
      <c r="EL13" s="327">
        <v>255700</v>
      </c>
      <c r="EM13" s="327">
        <v>0</v>
      </c>
      <c r="EN13" s="331">
        <v>288348</v>
      </c>
      <c r="EO13" s="330">
        <v>288348</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773419</v>
      </c>
      <c r="FM13" s="327">
        <v>351256</v>
      </c>
      <c r="FN13" s="328">
        <v>1124675</v>
      </c>
      <c r="FO13" s="326">
        <v>0</v>
      </c>
      <c r="FP13" s="327">
        <v>1262832</v>
      </c>
      <c r="FQ13" s="327">
        <v>2529056</v>
      </c>
      <c r="FR13" s="327">
        <v>1292592</v>
      </c>
      <c r="FS13" s="327">
        <v>1367776</v>
      </c>
      <c r="FT13" s="327">
        <v>864600</v>
      </c>
      <c r="FU13" s="328">
        <v>7316856</v>
      </c>
      <c r="FV13" s="330">
        <v>8441531</v>
      </c>
      <c r="FW13" s="333">
        <v>146232</v>
      </c>
      <c r="FX13" s="327">
        <v>171256</v>
      </c>
      <c r="FY13" s="331">
        <v>317488</v>
      </c>
      <c r="FZ13" s="332">
        <v>0</v>
      </c>
      <c r="GA13" s="327">
        <v>807616</v>
      </c>
      <c r="GB13" s="327">
        <v>2193080</v>
      </c>
      <c r="GC13" s="327">
        <v>1193552</v>
      </c>
      <c r="GD13" s="327">
        <v>1111568</v>
      </c>
      <c r="GE13" s="327">
        <v>864600</v>
      </c>
      <c r="GF13" s="328">
        <v>6170416</v>
      </c>
      <c r="GG13" s="334">
        <v>6487904</v>
      </c>
      <c r="GH13" s="333">
        <v>56320</v>
      </c>
      <c r="GI13" s="327">
        <v>0</v>
      </c>
      <c r="GJ13" s="331">
        <v>56320</v>
      </c>
      <c r="GK13" s="332">
        <v>0</v>
      </c>
      <c r="GL13" s="327">
        <v>86416</v>
      </c>
      <c r="GM13" s="327">
        <v>118536</v>
      </c>
      <c r="GN13" s="327">
        <v>24640</v>
      </c>
      <c r="GO13" s="327">
        <v>80608</v>
      </c>
      <c r="GP13" s="327">
        <v>0</v>
      </c>
      <c r="GQ13" s="328">
        <v>310200</v>
      </c>
      <c r="GR13" s="330">
        <v>366520</v>
      </c>
      <c r="GS13" s="326">
        <v>570867</v>
      </c>
      <c r="GT13" s="327">
        <v>180000</v>
      </c>
      <c r="GU13" s="328">
        <v>750867</v>
      </c>
      <c r="GV13" s="326">
        <v>0</v>
      </c>
      <c r="GW13" s="327">
        <v>368800</v>
      </c>
      <c r="GX13" s="327">
        <v>217440</v>
      </c>
      <c r="GY13" s="327">
        <v>74400</v>
      </c>
      <c r="GZ13" s="327">
        <v>175600</v>
      </c>
      <c r="HA13" s="327">
        <v>0</v>
      </c>
      <c r="HB13" s="331">
        <v>836240</v>
      </c>
      <c r="HC13" s="330">
        <v>1587107</v>
      </c>
      <c r="HD13" s="326">
        <v>520664</v>
      </c>
      <c r="HE13" s="327">
        <v>1145949</v>
      </c>
      <c r="HF13" s="331">
        <v>1666613</v>
      </c>
      <c r="HG13" s="332">
        <v>0</v>
      </c>
      <c r="HH13" s="327">
        <v>6710490</v>
      </c>
      <c r="HI13" s="327">
        <v>6873621</v>
      </c>
      <c r="HJ13" s="327">
        <v>6805118</v>
      </c>
      <c r="HK13" s="327">
        <v>4874781</v>
      </c>
      <c r="HL13" s="327">
        <v>4583911</v>
      </c>
      <c r="HM13" s="328">
        <v>29847921</v>
      </c>
      <c r="HN13" s="329">
        <v>31514534</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736389</v>
      </c>
      <c r="IE13" s="339">
        <v>5130761</v>
      </c>
      <c r="IF13" s="337">
        <v>6160096</v>
      </c>
      <c r="IG13" s="336">
        <v>2485862</v>
      </c>
      <c r="IH13" s="337">
        <v>2918017</v>
      </c>
      <c r="II13" s="340">
        <v>22431125</v>
      </c>
      <c r="IJ13" s="341">
        <v>22431125</v>
      </c>
      <c r="IK13" s="342">
        <v>0</v>
      </c>
      <c r="IL13" s="343">
        <v>0</v>
      </c>
      <c r="IM13" s="344">
        <v>0</v>
      </c>
      <c r="IN13" s="404">
        <v>0</v>
      </c>
      <c r="IO13" s="345">
        <v>0</v>
      </c>
      <c r="IP13" s="345">
        <v>0</v>
      </c>
      <c r="IQ13" s="345">
        <v>0</v>
      </c>
      <c r="IR13" s="345">
        <v>184115</v>
      </c>
      <c r="IS13" s="345">
        <v>0</v>
      </c>
      <c r="IT13" s="346">
        <v>184115</v>
      </c>
      <c r="IU13" s="347">
        <v>184115</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852357</v>
      </c>
      <c r="JL13" s="345">
        <v>2918121</v>
      </c>
      <c r="JM13" s="345">
        <v>1421543</v>
      </c>
      <c r="JN13" s="345">
        <v>436024</v>
      </c>
      <c r="JO13" s="345">
        <v>193344</v>
      </c>
      <c r="JP13" s="349">
        <v>7821389</v>
      </c>
      <c r="JQ13" s="347">
        <v>7821389</v>
      </c>
      <c r="JR13" s="348">
        <v>0</v>
      </c>
      <c r="JS13" s="345">
        <v>0</v>
      </c>
      <c r="JT13" s="346">
        <v>0</v>
      </c>
      <c r="JU13" s="351">
        <v>0</v>
      </c>
      <c r="JV13" s="345">
        <v>273292</v>
      </c>
      <c r="JW13" s="345">
        <v>423022</v>
      </c>
      <c r="JX13" s="345">
        <v>518974</v>
      </c>
      <c r="JY13" s="345">
        <v>584395</v>
      </c>
      <c r="JZ13" s="345">
        <v>599848</v>
      </c>
      <c r="KA13" s="349">
        <v>2399531</v>
      </c>
      <c r="KB13" s="347">
        <v>2399531</v>
      </c>
      <c r="KC13" s="352">
        <v>0</v>
      </c>
      <c r="KD13" s="353">
        <v>0</v>
      </c>
      <c r="KE13" s="349">
        <v>0</v>
      </c>
      <c r="KF13" s="351">
        <v>0</v>
      </c>
      <c r="KG13" s="345">
        <v>571415</v>
      </c>
      <c r="KH13" s="345">
        <v>326203</v>
      </c>
      <c r="KI13" s="345">
        <v>438713</v>
      </c>
      <c r="KJ13" s="345">
        <v>0</v>
      </c>
      <c r="KK13" s="345">
        <v>0</v>
      </c>
      <c r="KL13" s="349">
        <v>1336331</v>
      </c>
      <c r="KM13" s="354">
        <v>1336331</v>
      </c>
      <c r="KN13" s="342">
        <v>0</v>
      </c>
      <c r="KO13" s="343">
        <v>0</v>
      </c>
      <c r="KP13" s="344">
        <v>0</v>
      </c>
      <c r="KQ13" s="404">
        <v>0</v>
      </c>
      <c r="KR13" s="345">
        <v>2171174</v>
      </c>
      <c r="KS13" s="345">
        <v>1261635</v>
      </c>
      <c r="KT13" s="345">
        <v>2994057</v>
      </c>
      <c r="KU13" s="345">
        <v>1551872</v>
      </c>
      <c r="KV13" s="345">
        <v>810167</v>
      </c>
      <c r="KW13" s="349">
        <v>8788905</v>
      </c>
      <c r="KX13" s="347">
        <v>8788905</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131849</v>
      </c>
      <c r="LZ13" s="345">
        <v>201780</v>
      </c>
      <c r="MA13" s="345">
        <v>786809</v>
      </c>
      <c r="MB13" s="345">
        <v>-270544</v>
      </c>
      <c r="MC13" s="345">
        <v>1314658</v>
      </c>
      <c r="MD13" s="349">
        <v>1900854</v>
      </c>
      <c r="ME13" s="350">
        <v>1900854</v>
      </c>
      <c r="MF13" s="348">
        <v>0</v>
      </c>
      <c r="MG13" s="345">
        <v>0</v>
      </c>
      <c r="MH13" s="349">
        <v>0</v>
      </c>
      <c r="MI13" s="404">
        <v>0</v>
      </c>
      <c r="MJ13" s="345">
        <v>2844895</v>
      </c>
      <c r="MK13" s="345">
        <v>1869618</v>
      </c>
      <c r="ML13" s="345">
        <v>8751071</v>
      </c>
      <c r="MM13" s="345">
        <v>19207985</v>
      </c>
      <c r="MN13" s="345">
        <v>7913817</v>
      </c>
      <c r="MO13" s="349">
        <v>40587386</v>
      </c>
      <c r="MP13" s="354">
        <v>40587386</v>
      </c>
      <c r="MQ13" s="348">
        <v>0</v>
      </c>
      <c r="MR13" s="345">
        <v>0</v>
      </c>
      <c r="MS13" s="349">
        <v>0</v>
      </c>
      <c r="MT13" s="404">
        <v>0</v>
      </c>
      <c r="MU13" s="345">
        <v>224316</v>
      </c>
      <c r="MV13" s="345">
        <v>238296</v>
      </c>
      <c r="MW13" s="345">
        <v>6634067</v>
      </c>
      <c r="MX13" s="345">
        <v>14599916</v>
      </c>
      <c r="MY13" s="345">
        <v>6516826</v>
      </c>
      <c r="MZ13" s="349">
        <v>28213421</v>
      </c>
      <c r="NA13" s="354">
        <v>28213421</v>
      </c>
      <c r="NB13" s="348">
        <v>0</v>
      </c>
      <c r="NC13" s="345">
        <v>0</v>
      </c>
      <c r="ND13" s="349">
        <v>0</v>
      </c>
      <c r="NE13" s="404">
        <v>0</v>
      </c>
      <c r="NF13" s="345">
        <v>2620579</v>
      </c>
      <c r="NG13" s="345">
        <v>1631322</v>
      </c>
      <c r="NH13" s="345">
        <v>1769801</v>
      </c>
      <c r="NI13" s="345">
        <v>4251105</v>
      </c>
      <c r="NJ13" s="345">
        <v>1396991</v>
      </c>
      <c r="NK13" s="349">
        <v>11669798</v>
      </c>
      <c r="NL13" s="347">
        <v>11669798</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347203</v>
      </c>
      <c r="OE13" s="345">
        <v>356964</v>
      </c>
      <c r="OF13" s="345">
        <v>0</v>
      </c>
      <c r="OG13" s="349">
        <v>704167</v>
      </c>
      <c r="OH13" s="350">
        <v>704167</v>
      </c>
      <c r="OI13" s="348">
        <v>1657590</v>
      </c>
      <c r="OJ13" s="345">
        <v>1969830</v>
      </c>
      <c r="OK13" s="346">
        <v>3627420</v>
      </c>
      <c r="OL13" s="351">
        <v>0</v>
      </c>
      <c r="OM13" s="345">
        <v>33557055</v>
      </c>
      <c r="ON13" s="345">
        <v>32640557</v>
      </c>
      <c r="OO13" s="345">
        <v>35267703</v>
      </c>
      <c r="OP13" s="345">
        <v>38901794</v>
      </c>
      <c r="OQ13" s="345">
        <v>24636462</v>
      </c>
      <c r="OR13" s="349">
        <v>165003571</v>
      </c>
      <c r="OS13" s="354">
        <v>168630991</v>
      </c>
    </row>
    <row r="14" spans="1:409" s="70" customFormat="1" ht="21" customHeight="1" x14ac:dyDescent="0.2">
      <c r="B14" s="410" t="s">
        <v>8</v>
      </c>
      <c r="C14" s="326">
        <v>802272</v>
      </c>
      <c r="D14" s="327">
        <v>785775</v>
      </c>
      <c r="E14" s="328">
        <v>1588047</v>
      </c>
      <c r="F14" s="329">
        <v>0</v>
      </c>
      <c r="G14" s="327">
        <v>8158975</v>
      </c>
      <c r="H14" s="327">
        <v>8854260</v>
      </c>
      <c r="I14" s="327">
        <v>11666643</v>
      </c>
      <c r="J14" s="327">
        <v>6585863</v>
      </c>
      <c r="K14" s="327">
        <v>5687166</v>
      </c>
      <c r="L14" s="329">
        <v>40952907</v>
      </c>
      <c r="M14" s="330">
        <v>42540954</v>
      </c>
      <c r="N14" s="326">
        <v>197362</v>
      </c>
      <c r="O14" s="327">
        <v>111742</v>
      </c>
      <c r="P14" s="328">
        <v>309104</v>
      </c>
      <c r="Q14" s="326">
        <v>0</v>
      </c>
      <c r="R14" s="327">
        <v>2377718</v>
      </c>
      <c r="S14" s="327">
        <v>2876115</v>
      </c>
      <c r="T14" s="327">
        <v>4451297</v>
      </c>
      <c r="U14" s="327">
        <v>2096075</v>
      </c>
      <c r="V14" s="327">
        <v>3301831</v>
      </c>
      <c r="W14" s="328">
        <v>15103036</v>
      </c>
      <c r="X14" s="330">
        <v>15412140</v>
      </c>
      <c r="Y14" s="326">
        <v>0</v>
      </c>
      <c r="Z14" s="327">
        <v>0</v>
      </c>
      <c r="AA14" s="328">
        <v>0</v>
      </c>
      <c r="AB14" s="326">
        <v>0</v>
      </c>
      <c r="AC14" s="327">
        <v>956041</v>
      </c>
      <c r="AD14" s="327">
        <v>1512690</v>
      </c>
      <c r="AE14" s="327">
        <v>2250323</v>
      </c>
      <c r="AF14" s="327">
        <v>1159965</v>
      </c>
      <c r="AG14" s="327">
        <v>2275297</v>
      </c>
      <c r="AH14" s="328">
        <v>8154316</v>
      </c>
      <c r="AI14" s="330">
        <v>8154316</v>
      </c>
      <c r="AJ14" s="326">
        <v>0</v>
      </c>
      <c r="AK14" s="327">
        <v>0</v>
      </c>
      <c r="AL14" s="328">
        <v>0</v>
      </c>
      <c r="AM14" s="326">
        <v>0</v>
      </c>
      <c r="AN14" s="327">
        <v>0</v>
      </c>
      <c r="AO14" s="327">
        <v>46994</v>
      </c>
      <c r="AP14" s="327">
        <v>213844</v>
      </c>
      <c r="AQ14" s="327">
        <v>58738</v>
      </c>
      <c r="AR14" s="327">
        <v>212052</v>
      </c>
      <c r="AS14" s="328">
        <v>531628</v>
      </c>
      <c r="AT14" s="330">
        <v>531628</v>
      </c>
      <c r="AU14" s="326">
        <v>89541</v>
      </c>
      <c r="AV14" s="327">
        <v>68718</v>
      </c>
      <c r="AW14" s="328">
        <v>158259</v>
      </c>
      <c r="AX14" s="326">
        <v>0</v>
      </c>
      <c r="AY14" s="327">
        <v>713724</v>
      </c>
      <c r="AZ14" s="327">
        <v>984489</v>
      </c>
      <c r="BA14" s="327">
        <v>1236222</v>
      </c>
      <c r="BB14" s="327">
        <v>529284</v>
      </c>
      <c r="BC14" s="327">
        <v>482881</v>
      </c>
      <c r="BD14" s="328">
        <v>3946600</v>
      </c>
      <c r="BE14" s="330">
        <v>4104859</v>
      </c>
      <c r="BF14" s="326">
        <v>21133</v>
      </c>
      <c r="BG14" s="327">
        <v>0</v>
      </c>
      <c r="BH14" s="331">
        <v>21133</v>
      </c>
      <c r="BI14" s="332">
        <v>0</v>
      </c>
      <c r="BJ14" s="327">
        <v>232233</v>
      </c>
      <c r="BK14" s="327">
        <v>25294</v>
      </c>
      <c r="BL14" s="327">
        <v>305116</v>
      </c>
      <c r="BM14" s="327">
        <v>0</v>
      </c>
      <c r="BN14" s="327">
        <v>33249</v>
      </c>
      <c r="BO14" s="328">
        <v>595892</v>
      </c>
      <c r="BP14" s="330">
        <v>617025</v>
      </c>
      <c r="BQ14" s="326">
        <v>86688</v>
      </c>
      <c r="BR14" s="327">
        <v>43024</v>
      </c>
      <c r="BS14" s="328">
        <v>129712</v>
      </c>
      <c r="BT14" s="326">
        <v>0</v>
      </c>
      <c r="BU14" s="327">
        <v>475720</v>
      </c>
      <c r="BV14" s="327">
        <v>306648</v>
      </c>
      <c r="BW14" s="327">
        <v>445792</v>
      </c>
      <c r="BX14" s="327">
        <v>348088</v>
      </c>
      <c r="BY14" s="327">
        <v>298352</v>
      </c>
      <c r="BZ14" s="328">
        <v>1874600</v>
      </c>
      <c r="CA14" s="330">
        <v>2004312</v>
      </c>
      <c r="CB14" s="326">
        <v>104184</v>
      </c>
      <c r="CC14" s="327">
        <v>77840</v>
      </c>
      <c r="CD14" s="328">
        <v>182024</v>
      </c>
      <c r="CE14" s="326">
        <v>0</v>
      </c>
      <c r="CF14" s="327">
        <v>2622128</v>
      </c>
      <c r="CG14" s="327">
        <v>3043320</v>
      </c>
      <c r="CH14" s="327">
        <v>2296929</v>
      </c>
      <c r="CI14" s="327">
        <v>1560084</v>
      </c>
      <c r="CJ14" s="327">
        <v>411345</v>
      </c>
      <c r="CK14" s="328">
        <v>9933806</v>
      </c>
      <c r="CL14" s="330">
        <v>10115830</v>
      </c>
      <c r="CM14" s="326">
        <v>0</v>
      </c>
      <c r="CN14" s="327">
        <v>0</v>
      </c>
      <c r="CO14" s="328">
        <v>0</v>
      </c>
      <c r="CP14" s="332">
        <v>0</v>
      </c>
      <c r="CQ14" s="327">
        <v>2050681</v>
      </c>
      <c r="CR14" s="327">
        <v>2688550</v>
      </c>
      <c r="CS14" s="327">
        <v>1509307</v>
      </c>
      <c r="CT14" s="327">
        <v>1447984</v>
      </c>
      <c r="CU14" s="327">
        <v>411345</v>
      </c>
      <c r="CV14" s="328">
        <v>8107867</v>
      </c>
      <c r="CW14" s="330">
        <v>8107867</v>
      </c>
      <c r="CX14" s="326">
        <v>104184</v>
      </c>
      <c r="CY14" s="327">
        <v>77840</v>
      </c>
      <c r="CZ14" s="328">
        <v>182024</v>
      </c>
      <c r="DA14" s="326">
        <v>0</v>
      </c>
      <c r="DB14" s="327">
        <v>571447</v>
      </c>
      <c r="DC14" s="327">
        <v>354770</v>
      </c>
      <c r="DD14" s="327">
        <v>787622</v>
      </c>
      <c r="DE14" s="327">
        <v>112100</v>
      </c>
      <c r="DF14" s="327">
        <v>0</v>
      </c>
      <c r="DG14" s="328">
        <v>1825939</v>
      </c>
      <c r="DH14" s="330">
        <v>2007963</v>
      </c>
      <c r="DI14" s="326">
        <v>34088</v>
      </c>
      <c r="DJ14" s="327">
        <v>142414</v>
      </c>
      <c r="DK14" s="331">
        <v>176502</v>
      </c>
      <c r="DL14" s="332">
        <v>0</v>
      </c>
      <c r="DM14" s="327">
        <v>220239</v>
      </c>
      <c r="DN14" s="327">
        <v>182590</v>
      </c>
      <c r="DO14" s="327">
        <v>1576126</v>
      </c>
      <c r="DP14" s="327">
        <v>497729</v>
      </c>
      <c r="DQ14" s="327">
        <v>99600</v>
      </c>
      <c r="DR14" s="328">
        <v>2576284</v>
      </c>
      <c r="DS14" s="330">
        <v>2752786</v>
      </c>
      <c r="DT14" s="326">
        <v>34088</v>
      </c>
      <c r="DU14" s="327">
        <v>142414</v>
      </c>
      <c r="DV14" s="328">
        <v>176502</v>
      </c>
      <c r="DW14" s="326">
        <v>0</v>
      </c>
      <c r="DX14" s="327">
        <v>220239</v>
      </c>
      <c r="DY14" s="327">
        <v>173386</v>
      </c>
      <c r="DZ14" s="327">
        <v>1522791</v>
      </c>
      <c r="EA14" s="327">
        <v>497729</v>
      </c>
      <c r="EB14" s="327">
        <v>99600</v>
      </c>
      <c r="EC14" s="328">
        <v>2513745</v>
      </c>
      <c r="ED14" s="330">
        <v>2690247</v>
      </c>
      <c r="EE14" s="326">
        <v>0</v>
      </c>
      <c r="EF14" s="331">
        <v>0</v>
      </c>
      <c r="EG14" s="328">
        <v>0</v>
      </c>
      <c r="EH14" s="326">
        <v>0</v>
      </c>
      <c r="EI14" s="327">
        <v>0</v>
      </c>
      <c r="EJ14" s="327">
        <v>9204</v>
      </c>
      <c r="EK14" s="327">
        <v>53335</v>
      </c>
      <c r="EL14" s="327">
        <v>0</v>
      </c>
      <c r="EM14" s="327">
        <v>0</v>
      </c>
      <c r="EN14" s="331">
        <v>62539</v>
      </c>
      <c r="EO14" s="330">
        <v>62539</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189880</v>
      </c>
      <c r="FM14" s="327">
        <v>259272</v>
      </c>
      <c r="FN14" s="328">
        <v>449152</v>
      </c>
      <c r="FO14" s="326">
        <v>0</v>
      </c>
      <c r="FP14" s="327">
        <v>485383</v>
      </c>
      <c r="FQ14" s="327">
        <v>845608</v>
      </c>
      <c r="FR14" s="327">
        <v>1033509</v>
      </c>
      <c r="FS14" s="327">
        <v>678432</v>
      </c>
      <c r="FT14" s="327">
        <v>417488</v>
      </c>
      <c r="FU14" s="328">
        <v>3460420</v>
      </c>
      <c r="FV14" s="330">
        <v>3909572</v>
      </c>
      <c r="FW14" s="333">
        <v>97360</v>
      </c>
      <c r="FX14" s="327">
        <v>173832</v>
      </c>
      <c r="FY14" s="331">
        <v>271192</v>
      </c>
      <c r="FZ14" s="332">
        <v>0</v>
      </c>
      <c r="GA14" s="327">
        <v>358104</v>
      </c>
      <c r="GB14" s="327">
        <v>839344</v>
      </c>
      <c r="GC14" s="327">
        <v>925080</v>
      </c>
      <c r="GD14" s="327">
        <v>518432</v>
      </c>
      <c r="GE14" s="327">
        <v>417488</v>
      </c>
      <c r="GF14" s="328">
        <v>3058448</v>
      </c>
      <c r="GG14" s="334">
        <v>3329640</v>
      </c>
      <c r="GH14" s="333">
        <v>0</v>
      </c>
      <c r="GI14" s="327">
        <v>29040</v>
      </c>
      <c r="GJ14" s="331">
        <v>29040</v>
      </c>
      <c r="GK14" s="332">
        <v>0</v>
      </c>
      <c r="GL14" s="327">
        <v>14880</v>
      </c>
      <c r="GM14" s="327">
        <v>6264</v>
      </c>
      <c r="GN14" s="327">
        <v>12760</v>
      </c>
      <c r="GO14" s="327">
        <v>0</v>
      </c>
      <c r="GP14" s="327">
        <v>0</v>
      </c>
      <c r="GQ14" s="328">
        <v>33904</v>
      </c>
      <c r="GR14" s="330">
        <v>62944</v>
      </c>
      <c r="GS14" s="326">
        <v>92520</v>
      </c>
      <c r="GT14" s="327">
        <v>56400</v>
      </c>
      <c r="GU14" s="328">
        <v>148920</v>
      </c>
      <c r="GV14" s="326">
        <v>0</v>
      </c>
      <c r="GW14" s="327">
        <v>112399</v>
      </c>
      <c r="GX14" s="327">
        <v>0</v>
      </c>
      <c r="GY14" s="327">
        <v>95669</v>
      </c>
      <c r="GZ14" s="327">
        <v>160000</v>
      </c>
      <c r="HA14" s="327">
        <v>0</v>
      </c>
      <c r="HB14" s="331">
        <v>368068</v>
      </c>
      <c r="HC14" s="330">
        <v>516988</v>
      </c>
      <c r="HD14" s="326">
        <v>276758</v>
      </c>
      <c r="HE14" s="327">
        <v>194507</v>
      </c>
      <c r="HF14" s="331">
        <v>471265</v>
      </c>
      <c r="HG14" s="332">
        <v>0</v>
      </c>
      <c r="HH14" s="327">
        <v>2453507</v>
      </c>
      <c r="HI14" s="327">
        <v>1906627</v>
      </c>
      <c r="HJ14" s="327">
        <v>2308782</v>
      </c>
      <c r="HK14" s="327">
        <v>1753543</v>
      </c>
      <c r="HL14" s="327">
        <v>1456902</v>
      </c>
      <c r="HM14" s="328">
        <v>9879361</v>
      </c>
      <c r="HN14" s="329">
        <v>10350626</v>
      </c>
      <c r="HO14" s="333">
        <v>0</v>
      </c>
      <c r="HP14" s="327">
        <v>0</v>
      </c>
      <c r="HQ14" s="328">
        <v>0</v>
      </c>
      <c r="HR14" s="326">
        <v>0</v>
      </c>
      <c r="HS14" s="327">
        <v>0</v>
      </c>
      <c r="HT14" s="327">
        <v>0</v>
      </c>
      <c r="HU14" s="327">
        <v>0</v>
      </c>
      <c r="HV14" s="327">
        <v>0</v>
      </c>
      <c r="HW14" s="327">
        <v>0</v>
      </c>
      <c r="HX14" s="331">
        <v>0</v>
      </c>
      <c r="HY14" s="330">
        <v>0</v>
      </c>
      <c r="HZ14" s="335">
        <v>0</v>
      </c>
      <c r="IA14" s="336">
        <v>166452</v>
      </c>
      <c r="IB14" s="337">
        <v>166452</v>
      </c>
      <c r="IC14" s="355">
        <v>0</v>
      </c>
      <c r="ID14" s="356">
        <v>2872055</v>
      </c>
      <c r="IE14" s="357">
        <v>3019019</v>
      </c>
      <c r="IF14" s="358">
        <v>2872364</v>
      </c>
      <c r="IG14" s="356">
        <v>2896885</v>
      </c>
      <c r="IH14" s="358">
        <v>1071877</v>
      </c>
      <c r="II14" s="359">
        <v>12732200</v>
      </c>
      <c r="IJ14" s="341">
        <v>12898652</v>
      </c>
      <c r="IK14" s="342">
        <v>0</v>
      </c>
      <c r="IL14" s="343">
        <v>0</v>
      </c>
      <c r="IM14" s="344">
        <v>0</v>
      </c>
      <c r="IN14" s="404">
        <v>0</v>
      </c>
      <c r="IO14" s="345">
        <v>70155</v>
      </c>
      <c r="IP14" s="345">
        <v>0</v>
      </c>
      <c r="IQ14" s="345">
        <v>0</v>
      </c>
      <c r="IR14" s="345">
        <v>0</v>
      </c>
      <c r="IS14" s="345">
        <v>0</v>
      </c>
      <c r="IT14" s="346">
        <v>70155</v>
      </c>
      <c r="IU14" s="347">
        <v>70155</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872575</v>
      </c>
      <c r="JL14" s="345">
        <v>2571628</v>
      </c>
      <c r="JM14" s="345">
        <v>788649</v>
      </c>
      <c r="JN14" s="345">
        <v>374618</v>
      </c>
      <c r="JO14" s="345">
        <v>170585</v>
      </c>
      <c r="JP14" s="349">
        <v>4778055</v>
      </c>
      <c r="JQ14" s="347">
        <v>4778055</v>
      </c>
      <c r="JR14" s="348">
        <v>0</v>
      </c>
      <c r="JS14" s="345">
        <v>0</v>
      </c>
      <c r="JT14" s="346">
        <v>0</v>
      </c>
      <c r="JU14" s="351">
        <v>0</v>
      </c>
      <c r="JV14" s="345">
        <v>0</v>
      </c>
      <c r="JW14" s="345">
        <v>0</v>
      </c>
      <c r="JX14" s="345">
        <v>0</v>
      </c>
      <c r="JY14" s="345">
        <v>105229</v>
      </c>
      <c r="JZ14" s="345">
        <v>0</v>
      </c>
      <c r="KA14" s="349">
        <v>105229</v>
      </c>
      <c r="KB14" s="347">
        <v>105229</v>
      </c>
      <c r="KC14" s="352">
        <v>0</v>
      </c>
      <c r="KD14" s="353">
        <v>166452</v>
      </c>
      <c r="KE14" s="349">
        <v>166452</v>
      </c>
      <c r="KF14" s="351">
        <v>0</v>
      </c>
      <c r="KG14" s="345">
        <v>119147</v>
      </c>
      <c r="KH14" s="345">
        <v>0</v>
      </c>
      <c r="KI14" s="345">
        <v>215220</v>
      </c>
      <c r="KJ14" s="345">
        <v>255225</v>
      </c>
      <c r="KK14" s="345">
        <v>0</v>
      </c>
      <c r="KL14" s="349">
        <v>589592</v>
      </c>
      <c r="KM14" s="354">
        <v>756044</v>
      </c>
      <c r="KN14" s="342">
        <v>0</v>
      </c>
      <c r="KO14" s="343">
        <v>0</v>
      </c>
      <c r="KP14" s="344">
        <v>0</v>
      </c>
      <c r="KQ14" s="404">
        <v>0</v>
      </c>
      <c r="KR14" s="345">
        <v>1422624</v>
      </c>
      <c r="KS14" s="345">
        <v>247372</v>
      </c>
      <c r="KT14" s="345">
        <v>1211987</v>
      </c>
      <c r="KU14" s="345">
        <v>1307274</v>
      </c>
      <c r="KV14" s="345">
        <v>265136</v>
      </c>
      <c r="KW14" s="349">
        <v>4454393</v>
      </c>
      <c r="KX14" s="347">
        <v>4454393</v>
      </c>
      <c r="KY14" s="348">
        <v>0</v>
      </c>
      <c r="KZ14" s="345">
        <v>0</v>
      </c>
      <c r="LA14" s="349">
        <v>0</v>
      </c>
      <c r="LB14" s="404">
        <v>0</v>
      </c>
      <c r="LC14" s="345">
        <v>0</v>
      </c>
      <c r="LD14" s="345">
        <v>0</v>
      </c>
      <c r="LE14" s="345">
        <v>409095</v>
      </c>
      <c r="LF14" s="345">
        <v>0</v>
      </c>
      <c r="LG14" s="345">
        <v>486701</v>
      </c>
      <c r="LH14" s="349">
        <v>895796</v>
      </c>
      <c r="LI14" s="350">
        <v>895796</v>
      </c>
      <c r="LJ14" s="348">
        <v>0</v>
      </c>
      <c r="LK14" s="345">
        <v>0</v>
      </c>
      <c r="LL14" s="349">
        <v>0</v>
      </c>
      <c r="LM14" s="404">
        <v>0</v>
      </c>
      <c r="LN14" s="345">
        <v>0</v>
      </c>
      <c r="LO14" s="345">
        <v>0</v>
      </c>
      <c r="LP14" s="345">
        <v>247413</v>
      </c>
      <c r="LQ14" s="345">
        <v>254052</v>
      </c>
      <c r="LR14" s="345">
        <v>0</v>
      </c>
      <c r="LS14" s="349">
        <v>501465</v>
      </c>
      <c r="LT14" s="347">
        <v>501465</v>
      </c>
      <c r="LU14" s="348">
        <v>0</v>
      </c>
      <c r="LV14" s="345">
        <v>0</v>
      </c>
      <c r="LW14" s="349">
        <v>0</v>
      </c>
      <c r="LX14" s="404">
        <v>0</v>
      </c>
      <c r="LY14" s="345">
        <v>387554</v>
      </c>
      <c r="LZ14" s="345">
        <v>200019</v>
      </c>
      <c r="MA14" s="345">
        <v>0</v>
      </c>
      <c r="MB14" s="345">
        <v>600487</v>
      </c>
      <c r="MC14" s="345">
        <v>149455</v>
      </c>
      <c r="MD14" s="349">
        <v>1337515</v>
      </c>
      <c r="ME14" s="350">
        <v>1337515</v>
      </c>
      <c r="MF14" s="348">
        <v>0</v>
      </c>
      <c r="MG14" s="345">
        <v>0</v>
      </c>
      <c r="MH14" s="349">
        <v>0</v>
      </c>
      <c r="MI14" s="404">
        <v>0</v>
      </c>
      <c r="MJ14" s="345">
        <v>179196</v>
      </c>
      <c r="MK14" s="345">
        <v>1161291</v>
      </c>
      <c r="ML14" s="345">
        <v>5221882</v>
      </c>
      <c r="MM14" s="345">
        <v>4944249</v>
      </c>
      <c r="MN14" s="345">
        <v>3316531</v>
      </c>
      <c r="MO14" s="349">
        <v>14823149</v>
      </c>
      <c r="MP14" s="354">
        <v>14823149</v>
      </c>
      <c r="MQ14" s="348">
        <v>0</v>
      </c>
      <c r="MR14" s="345">
        <v>0</v>
      </c>
      <c r="MS14" s="349">
        <v>0</v>
      </c>
      <c r="MT14" s="404">
        <v>0</v>
      </c>
      <c r="MU14" s="345">
        <v>136460</v>
      </c>
      <c r="MV14" s="345">
        <v>431625</v>
      </c>
      <c r="MW14" s="345">
        <v>2855975</v>
      </c>
      <c r="MX14" s="345">
        <v>2400401</v>
      </c>
      <c r="MY14" s="345">
        <v>2045110</v>
      </c>
      <c r="MZ14" s="349">
        <v>7869571</v>
      </c>
      <c r="NA14" s="354">
        <v>7869571</v>
      </c>
      <c r="NB14" s="348">
        <v>0</v>
      </c>
      <c r="NC14" s="345">
        <v>0</v>
      </c>
      <c r="ND14" s="349">
        <v>0</v>
      </c>
      <c r="NE14" s="404">
        <v>0</v>
      </c>
      <c r="NF14" s="345">
        <v>42736</v>
      </c>
      <c r="NG14" s="345">
        <v>729666</v>
      </c>
      <c r="NH14" s="345">
        <v>2365907</v>
      </c>
      <c r="NI14" s="345">
        <v>2248248</v>
      </c>
      <c r="NJ14" s="345">
        <v>1271421</v>
      </c>
      <c r="NK14" s="349">
        <v>6657978</v>
      </c>
      <c r="NL14" s="347">
        <v>6657978</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295600</v>
      </c>
      <c r="OF14" s="345">
        <v>0</v>
      </c>
      <c r="OG14" s="349">
        <v>295600</v>
      </c>
      <c r="OH14" s="350">
        <v>295600</v>
      </c>
      <c r="OI14" s="348">
        <v>802272</v>
      </c>
      <c r="OJ14" s="345">
        <v>952227</v>
      </c>
      <c r="OK14" s="346">
        <v>1754499</v>
      </c>
      <c r="OL14" s="351">
        <v>0</v>
      </c>
      <c r="OM14" s="345">
        <v>11210226</v>
      </c>
      <c r="ON14" s="345">
        <v>13034570</v>
      </c>
      <c r="OO14" s="345">
        <v>19760889</v>
      </c>
      <c r="OP14" s="345">
        <v>14426997</v>
      </c>
      <c r="OQ14" s="345">
        <v>10075574</v>
      </c>
      <c r="OR14" s="349">
        <v>68508256</v>
      </c>
      <c r="OS14" s="354">
        <v>70262755</v>
      </c>
    </row>
    <row r="15" spans="1:409" s="70" customFormat="1" ht="21" customHeight="1" x14ac:dyDescent="0.2">
      <c r="B15" s="410" t="s">
        <v>9</v>
      </c>
      <c r="C15" s="326">
        <v>1046946</v>
      </c>
      <c r="D15" s="327">
        <v>1098919</v>
      </c>
      <c r="E15" s="328">
        <v>2145865</v>
      </c>
      <c r="F15" s="332">
        <v>0</v>
      </c>
      <c r="G15" s="327">
        <v>12698426</v>
      </c>
      <c r="H15" s="327">
        <v>10884971</v>
      </c>
      <c r="I15" s="327">
        <v>11640624</v>
      </c>
      <c r="J15" s="327">
        <v>12302881</v>
      </c>
      <c r="K15" s="327">
        <v>7836550</v>
      </c>
      <c r="L15" s="329">
        <v>55363452</v>
      </c>
      <c r="M15" s="330">
        <v>57509317</v>
      </c>
      <c r="N15" s="326">
        <v>172684</v>
      </c>
      <c r="O15" s="327">
        <v>419224</v>
      </c>
      <c r="P15" s="328">
        <v>591908</v>
      </c>
      <c r="Q15" s="326">
        <v>0</v>
      </c>
      <c r="R15" s="327">
        <v>4542429</v>
      </c>
      <c r="S15" s="327">
        <v>3004873</v>
      </c>
      <c r="T15" s="327">
        <v>4017224</v>
      </c>
      <c r="U15" s="327">
        <v>3804884</v>
      </c>
      <c r="V15" s="327">
        <v>4578690</v>
      </c>
      <c r="W15" s="328">
        <v>19948100</v>
      </c>
      <c r="X15" s="330">
        <v>20540008</v>
      </c>
      <c r="Y15" s="326">
        <v>0</v>
      </c>
      <c r="Z15" s="327">
        <v>0</v>
      </c>
      <c r="AA15" s="328">
        <v>0</v>
      </c>
      <c r="AB15" s="326">
        <v>0</v>
      </c>
      <c r="AC15" s="327">
        <v>1922255</v>
      </c>
      <c r="AD15" s="327">
        <v>1199919</v>
      </c>
      <c r="AE15" s="327">
        <v>1688584</v>
      </c>
      <c r="AF15" s="327">
        <v>2110999</v>
      </c>
      <c r="AG15" s="327">
        <v>2695251</v>
      </c>
      <c r="AH15" s="328">
        <v>9617008</v>
      </c>
      <c r="AI15" s="330">
        <v>9617008</v>
      </c>
      <c r="AJ15" s="326">
        <v>0</v>
      </c>
      <c r="AK15" s="327">
        <v>0</v>
      </c>
      <c r="AL15" s="328">
        <v>0</v>
      </c>
      <c r="AM15" s="326">
        <v>0</v>
      </c>
      <c r="AN15" s="327">
        <v>0</v>
      </c>
      <c r="AO15" s="327">
        <v>48531</v>
      </c>
      <c r="AP15" s="327">
        <v>59507</v>
      </c>
      <c r="AQ15" s="327">
        <v>0</v>
      </c>
      <c r="AR15" s="327">
        <v>376096</v>
      </c>
      <c r="AS15" s="328">
        <v>484134</v>
      </c>
      <c r="AT15" s="330">
        <v>484134</v>
      </c>
      <c r="AU15" s="326">
        <v>107332</v>
      </c>
      <c r="AV15" s="327">
        <v>261146</v>
      </c>
      <c r="AW15" s="328">
        <v>368478</v>
      </c>
      <c r="AX15" s="326">
        <v>0</v>
      </c>
      <c r="AY15" s="327">
        <v>1659975</v>
      </c>
      <c r="AZ15" s="327">
        <v>1058054</v>
      </c>
      <c r="BA15" s="327">
        <v>1487790</v>
      </c>
      <c r="BB15" s="327">
        <v>991599</v>
      </c>
      <c r="BC15" s="327">
        <v>1059150</v>
      </c>
      <c r="BD15" s="328">
        <v>6256568</v>
      </c>
      <c r="BE15" s="330">
        <v>6625046</v>
      </c>
      <c r="BF15" s="326">
        <v>0</v>
      </c>
      <c r="BG15" s="327">
        <v>90838</v>
      </c>
      <c r="BH15" s="331">
        <v>90838</v>
      </c>
      <c r="BI15" s="332">
        <v>0</v>
      </c>
      <c r="BJ15" s="327">
        <v>156351</v>
      </c>
      <c r="BK15" s="327">
        <v>123265</v>
      </c>
      <c r="BL15" s="327">
        <v>27559</v>
      </c>
      <c r="BM15" s="327">
        <v>146342</v>
      </c>
      <c r="BN15" s="327">
        <v>65593</v>
      </c>
      <c r="BO15" s="328">
        <v>519110</v>
      </c>
      <c r="BP15" s="330">
        <v>609948</v>
      </c>
      <c r="BQ15" s="326">
        <v>65352</v>
      </c>
      <c r="BR15" s="327">
        <v>67240</v>
      </c>
      <c r="BS15" s="328">
        <v>132592</v>
      </c>
      <c r="BT15" s="326">
        <v>0</v>
      </c>
      <c r="BU15" s="327">
        <v>803848</v>
      </c>
      <c r="BV15" s="327">
        <v>575104</v>
      </c>
      <c r="BW15" s="327">
        <v>753784</v>
      </c>
      <c r="BX15" s="327">
        <v>555944</v>
      </c>
      <c r="BY15" s="327">
        <v>382600</v>
      </c>
      <c r="BZ15" s="328">
        <v>3071280</v>
      </c>
      <c r="CA15" s="330">
        <v>3203872</v>
      </c>
      <c r="CB15" s="326">
        <v>106562</v>
      </c>
      <c r="CC15" s="327">
        <v>194702</v>
      </c>
      <c r="CD15" s="328">
        <v>301264</v>
      </c>
      <c r="CE15" s="326">
        <v>0</v>
      </c>
      <c r="CF15" s="327">
        <v>3299847</v>
      </c>
      <c r="CG15" s="327">
        <v>2745037</v>
      </c>
      <c r="CH15" s="327">
        <v>3526833</v>
      </c>
      <c r="CI15" s="327">
        <v>1802073</v>
      </c>
      <c r="CJ15" s="327">
        <v>370962</v>
      </c>
      <c r="CK15" s="328">
        <v>11744752</v>
      </c>
      <c r="CL15" s="330">
        <v>12046016</v>
      </c>
      <c r="CM15" s="326">
        <v>0</v>
      </c>
      <c r="CN15" s="327">
        <v>0</v>
      </c>
      <c r="CO15" s="328">
        <v>0</v>
      </c>
      <c r="CP15" s="332">
        <v>0</v>
      </c>
      <c r="CQ15" s="327">
        <v>2591079</v>
      </c>
      <c r="CR15" s="327">
        <v>2078600</v>
      </c>
      <c r="CS15" s="327">
        <v>2897540</v>
      </c>
      <c r="CT15" s="327">
        <v>684794</v>
      </c>
      <c r="CU15" s="327">
        <v>267965</v>
      </c>
      <c r="CV15" s="328">
        <v>8519978</v>
      </c>
      <c r="CW15" s="330">
        <v>8519978</v>
      </c>
      <c r="CX15" s="326">
        <v>106562</v>
      </c>
      <c r="CY15" s="327">
        <v>194702</v>
      </c>
      <c r="CZ15" s="328">
        <v>301264</v>
      </c>
      <c r="DA15" s="326">
        <v>0</v>
      </c>
      <c r="DB15" s="327">
        <v>708768</v>
      </c>
      <c r="DC15" s="327">
        <v>666437</v>
      </c>
      <c r="DD15" s="327">
        <v>629293</v>
      </c>
      <c r="DE15" s="327">
        <v>1117279</v>
      </c>
      <c r="DF15" s="327">
        <v>102997</v>
      </c>
      <c r="DG15" s="328">
        <v>3224774</v>
      </c>
      <c r="DH15" s="330">
        <v>3526038</v>
      </c>
      <c r="DI15" s="326">
        <v>0</v>
      </c>
      <c r="DJ15" s="327">
        <v>0</v>
      </c>
      <c r="DK15" s="331">
        <v>0</v>
      </c>
      <c r="DL15" s="332">
        <v>0</v>
      </c>
      <c r="DM15" s="327">
        <v>321191</v>
      </c>
      <c r="DN15" s="327">
        <v>1027026</v>
      </c>
      <c r="DO15" s="327">
        <v>847995</v>
      </c>
      <c r="DP15" s="327">
        <v>1063735</v>
      </c>
      <c r="DQ15" s="327">
        <v>128737</v>
      </c>
      <c r="DR15" s="328">
        <v>3388684</v>
      </c>
      <c r="DS15" s="330">
        <v>3388684</v>
      </c>
      <c r="DT15" s="326">
        <v>0</v>
      </c>
      <c r="DU15" s="327">
        <v>0</v>
      </c>
      <c r="DV15" s="328">
        <v>0</v>
      </c>
      <c r="DW15" s="326">
        <v>0</v>
      </c>
      <c r="DX15" s="327">
        <v>302839</v>
      </c>
      <c r="DY15" s="327">
        <v>516548</v>
      </c>
      <c r="DZ15" s="327">
        <v>736113</v>
      </c>
      <c r="EA15" s="327">
        <v>987276</v>
      </c>
      <c r="EB15" s="327">
        <v>128737</v>
      </c>
      <c r="EC15" s="328">
        <v>2671513</v>
      </c>
      <c r="ED15" s="330">
        <v>2671513</v>
      </c>
      <c r="EE15" s="326">
        <v>0</v>
      </c>
      <c r="EF15" s="331">
        <v>0</v>
      </c>
      <c r="EG15" s="328">
        <v>0</v>
      </c>
      <c r="EH15" s="326">
        <v>0</v>
      </c>
      <c r="EI15" s="327">
        <v>18352</v>
      </c>
      <c r="EJ15" s="327">
        <v>510478</v>
      </c>
      <c r="EK15" s="327">
        <v>111882</v>
      </c>
      <c r="EL15" s="327">
        <v>76459</v>
      </c>
      <c r="EM15" s="327">
        <v>0</v>
      </c>
      <c r="EN15" s="331">
        <v>717171</v>
      </c>
      <c r="EO15" s="330">
        <v>717171</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429280</v>
      </c>
      <c r="FM15" s="327">
        <v>137680</v>
      </c>
      <c r="FN15" s="328">
        <v>566960</v>
      </c>
      <c r="FO15" s="326">
        <v>0</v>
      </c>
      <c r="FP15" s="327">
        <v>606672</v>
      </c>
      <c r="FQ15" s="327">
        <v>982936</v>
      </c>
      <c r="FR15" s="327">
        <v>972731</v>
      </c>
      <c r="FS15" s="327">
        <v>728816</v>
      </c>
      <c r="FT15" s="327">
        <v>486336</v>
      </c>
      <c r="FU15" s="328">
        <v>3777491</v>
      </c>
      <c r="FV15" s="330">
        <v>4344451</v>
      </c>
      <c r="FW15" s="333">
        <v>121840</v>
      </c>
      <c r="FX15" s="327">
        <v>119440</v>
      </c>
      <c r="FY15" s="331">
        <v>241280</v>
      </c>
      <c r="FZ15" s="332">
        <v>0</v>
      </c>
      <c r="GA15" s="327">
        <v>520192</v>
      </c>
      <c r="GB15" s="327">
        <v>791416</v>
      </c>
      <c r="GC15" s="327">
        <v>923680</v>
      </c>
      <c r="GD15" s="327">
        <v>689768</v>
      </c>
      <c r="GE15" s="327">
        <v>453536</v>
      </c>
      <c r="GF15" s="328">
        <v>3378592</v>
      </c>
      <c r="GG15" s="334">
        <v>3619872</v>
      </c>
      <c r="GH15" s="333">
        <v>37400</v>
      </c>
      <c r="GI15" s="327">
        <v>0</v>
      </c>
      <c r="GJ15" s="331">
        <v>37400</v>
      </c>
      <c r="GK15" s="332">
        <v>0</v>
      </c>
      <c r="GL15" s="327">
        <v>18480</v>
      </c>
      <c r="GM15" s="327">
        <v>21120</v>
      </c>
      <c r="GN15" s="327">
        <v>49051</v>
      </c>
      <c r="GO15" s="327">
        <v>39048</v>
      </c>
      <c r="GP15" s="327">
        <v>32800</v>
      </c>
      <c r="GQ15" s="328">
        <v>160499</v>
      </c>
      <c r="GR15" s="330">
        <v>197899</v>
      </c>
      <c r="GS15" s="326">
        <v>270040</v>
      </c>
      <c r="GT15" s="327">
        <v>18240</v>
      </c>
      <c r="GU15" s="328">
        <v>288280</v>
      </c>
      <c r="GV15" s="326">
        <v>0</v>
      </c>
      <c r="GW15" s="327">
        <v>68000</v>
      </c>
      <c r="GX15" s="327">
        <v>170400</v>
      </c>
      <c r="GY15" s="327">
        <v>0</v>
      </c>
      <c r="GZ15" s="327">
        <v>0</v>
      </c>
      <c r="HA15" s="327">
        <v>0</v>
      </c>
      <c r="HB15" s="331">
        <v>238400</v>
      </c>
      <c r="HC15" s="330">
        <v>526680</v>
      </c>
      <c r="HD15" s="326">
        <v>338420</v>
      </c>
      <c r="HE15" s="327">
        <v>347313</v>
      </c>
      <c r="HF15" s="331">
        <v>685733</v>
      </c>
      <c r="HG15" s="332">
        <v>0</v>
      </c>
      <c r="HH15" s="327">
        <v>3928287</v>
      </c>
      <c r="HI15" s="327">
        <v>3125099</v>
      </c>
      <c r="HJ15" s="327">
        <v>2275841</v>
      </c>
      <c r="HK15" s="327">
        <v>4903373</v>
      </c>
      <c r="HL15" s="327">
        <v>2271825</v>
      </c>
      <c r="HM15" s="328">
        <v>16504425</v>
      </c>
      <c r="HN15" s="329">
        <v>17190158</v>
      </c>
      <c r="HO15" s="333">
        <v>0</v>
      </c>
      <c r="HP15" s="327">
        <v>0</v>
      </c>
      <c r="HQ15" s="328">
        <v>0</v>
      </c>
      <c r="HR15" s="326">
        <v>0</v>
      </c>
      <c r="HS15" s="327">
        <v>0</v>
      </c>
      <c r="HT15" s="327">
        <v>0</v>
      </c>
      <c r="HU15" s="327">
        <v>0</v>
      </c>
      <c r="HV15" s="327">
        <v>0</v>
      </c>
      <c r="HW15" s="327">
        <v>0</v>
      </c>
      <c r="HX15" s="331">
        <v>0</v>
      </c>
      <c r="HY15" s="330">
        <v>0</v>
      </c>
      <c r="HZ15" s="360">
        <v>0</v>
      </c>
      <c r="IA15" s="361">
        <v>0</v>
      </c>
      <c r="IB15" s="362">
        <v>0</v>
      </c>
      <c r="IC15" s="338">
        <v>0</v>
      </c>
      <c r="ID15" s="336">
        <v>2507688</v>
      </c>
      <c r="IE15" s="339">
        <v>2575847</v>
      </c>
      <c r="IF15" s="337">
        <v>4371427</v>
      </c>
      <c r="IG15" s="336">
        <v>1334514</v>
      </c>
      <c r="IH15" s="337">
        <v>467281</v>
      </c>
      <c r="II15" s="340">
        <v>11256757</v>
      </c>
      <c r="IJ15" s="363">
        <v>11256757</v>
      </c>
      <c r="IK15" s="342">
        <v>0</v>
      </c>
      <c r="IL15" s="343">
        <v>0</v>
      </c>
      <c r="IM15" s="344">
        <v>0</v>
      </c>
      <c r="IN15" s="404">
        <v>0</v>
      </c>
      <c r="IO15" s="345">
        <v>0</v>
      </c>
      <c r="IP15" s="345">
        <v>0</v>
      </c>
      <c r="IQ15" s="345">
        <v>0</v>
      </c>
      <c r="IR15" s="345">
        <v>0</v>
      </c>
      <c r="IS15" s="345">
        <v>0</v>
      </c>
      <c r="IT15" s="346">
        <v>0</v>
      </c>
      <c r="IU15" s="347">
        <v>0</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662497</v>
      </c>
      <c r="JL15" s="345">
        <v>990846</v>
      </c>
      <c r="JM15" s="345">
        <v>1154495</v>
      </c>
      <c r="JN15" s="345">
        <v>552886</v>
      </c>
      <c r="JO15" s="345">
        <v>277098</v>
      </c>
      <c r="JP15" s="349">
        <v>4637822</v>
      </c>
      <c r="JQ15" s="347">
        <v>4637822</v>
      </c>
      <c r="JR15" s="348">
        <v>0</v>
      </c>
      <c r="JS15" s="345">
        <v>0</v>
      </c>
      <c r="JT15" s="346">
        <v>0</v>
      </c>
      <c r="JU15" s="351">
        <v>0</v>
      </c>
      <c r="JV15" s="345">
        <v>0</v>
      </c>
      <c r="JW15" s="345">
        <v>0</v>
      </c>
      <c r="JX15" s="345">
        <v>0</v>
      </c>
      <c r="JY15" s="345">
        <v>0</v>
      </c>
      <c r="JZ15" s="345">
        <v>190183</v>
      </c>
      <c r="KA15" s="349">
        <v>190183</v>
      </c>
      <c r="KB15" s="347">
        <v>190183</v>
      </c>
      <c r="KC15" s="352">
        <v>0</v>
      </c>
      <c r="KD15" s="353">
        <v>0</v>
      </c>
      <c r="KE15" s="349">
        <v>0</v>
      </c>
      <c r="KF15" s="351">
        <v>0</v>
      </c>
      <c r="KG15" s="345">
        <v>356339</v>
      </c>
      <c r="KH15" s="345">
        <v>528068</v>
      </c>
      <c r="KI15" s="345">
        <v>496333</v>
      </c>
      <c r="KJ15" s="345">
        <v>0</v>
      </c>
      <c r="KK15" s="345">
        <v>0</v>
      </c>
      <c r="KL15" s="349">
        <v>1380740</v>
      </c>
      <c r="KM15" s="354">
        <v>1380740</v>
      </c>
      <c r="KN15" s="342">
        <v>0</v>
      </c>
      <c r="KO15" s="343">
        <v>0</v>
      </c>
      <c r="KP15" s="344">
        <v>0</v>
      </c>
      <c r="KQ15" s="404">
        <v>0</v>
      </c>
      <c r="KR15" s="345">
        <v>488852</v>
      </c>
      <c r="KS15" s="345">
        <v>510460</v>
      </c>
      <c r="KT15" s="345">
        <v>2343621</v>
      </c>
      <c r="KU15" s="345">
        <v>781628</v>
      </c>
      <c r="KV15" s="345">
        <v>0</v>
      </c>
      <c r="KW15" s="349">
        <v>4124561</v>
      </c>
      <c r="KX15" s="347">
        <v>4124561</v>
      </c>
      <c r="KY15" s="348">
        <v>0</v>
      </c>
      <c r="KZ15" s="345">
        <v>0</v>
      </c>
      <c r="LA15" s="349">
        <v>0</v>
      </c>
      <c r="LB15" s="404">
        <v>0</v>
      </c>
      <c r="LC15" s="345">
        <v>0</v>
      </c>
      <c r="LD15" s="345">
        <v>361033</v>
      </c>
      <c r="LE15" s="345">
        <v>0</v>
      </c>
      <c r="LF15" s="345">
        <v>0</v>
      </c>
      <c r="LG15" s="345">
        <v>0</v>
      </c>
      <c r="LH15" s="349">
        <v>361033</v>
      </c>
      <c r="LI15" s="350">
        <v>361033</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5440</v>
      </c>
      <c r="MA15" s="345">
        <v>376978</v>
      </c>
      <c r="MB15" s="345">
        <v>0</v>
      </c>
      <c r="MC15" s="345">
        <v>0</v>
      </c>
      <c r="MD15" s="349">
        <v>562418</v>
      </c>
      <c r="ME15" s="350">
        <v>562418</v>
      </c>
      <c r="MF15" s="348">
        <v>0</v>
      </c>
      <c r="MG15" s="345">
        <v>0</v>
      </c>
      <c r="MH15" s="349">
        <v>0</v>
      </c>
      <c r="MI15" s="404">
        <v>0</v>
      </c>
      <c r="MJ15" s="345">
        <v>107841</v>
      </c>
      <c r="MK15" s="345">
        <v>1093933</v>
      </c>
      <c r="ML15" s="345">
        <v>7524950</v>
      </c>
      <c r="MM15" s="345">
        <v>8677236</v>
      </c>
      <c r="MN15" s="345">
        <v>2861772</v>
      </c>
      <c r="MO15" s="349">
        <v>20265732</v>
      </c>
      <c r="MP15" s="354">
        <v>20265732</v>
      </c>
      <c r="MQ15" s="348">
        <v>0</v>
      </c>
      <c r="MR15" s="345">
        <v>0</v>
      </c>
      <c r="MS15" s="349">
        <v>0</v>
      </c>
      <c r="MT15" s="404">
        <v>0</v>
      </c>
      <c r="MU15" s="345">
        <v>0</v>
      </c>
      <c r="MV15" s="345">
        <v>0</v>
      </c>
      <c r="MW15" s="345">
        <v>3391286</v>
      </c>
      <c r="MX15" s="345">
        <v>6579442</v>
      </c>
      <c r="MY15" s="345">
        <v>2140600</v>
      </c>
      <c r="MZ15" s="349">
        <v>12111328</v>
      </c>
      <c r="NA15" s="354">
        <v>12111328</v>
      </c>
      <c r="NB15" s="348">
        <v>0</v>
      </c>
      <c r="NC15" s="345">
        <v>0</v>
      </c>
      <c r="ND15" s="349">
        <v>0</v>
      </c>
      <c r="NE15" s="404">
        <v>0</v>
      </c>
      <c r="NF15" s="345">
        <v>107841</v>
      </c>
      <c r="NG15" s="345">
        <v>1093933</v>
      </c>
      <c r="NH15" s="345">
        <v>4133664</v>
      </c>
      <c r="NI15" s="345">
        <v>2097794</v>
      </c>
      <c r="NJ15" s="345">
        <v>721172</v>
      </c>
      <c r="NK15" s="349">
        <v>8154404</v>
      </c>
      <c r="NL15" s="347">
        <v>8154404</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046946</v>
      </c>
      <c r="OJ15" s="345">
        <v>1098919</v>
      </c>
      <c r="OK15" s="346">
        <v>2145865</v>
      </c>
      <c r="OL15" s="351">
        <v>0</v>
      </c>
      <c r="OM15" s="345">
        <v>15313955</v>
      </c>
      <c r="ON15" s="345">
        <v>14554751</v>
      </c>
      <c r="OO15" s="345">
        <v>23537001</v>
      </c>
      <c r="OP15" s="345">
        <v>22314631</v>
      </c>
      <c r="OQ15" s="345">
        <v>11165603</v>
      </c>
      <c r="OR15" s="349">
        <v>86885941</v>
      </c>
      <c r="OS15" s="354">
        <v>89031806</v>
      </c>
    </row>
    <row r="16" spans="1:409" s="70" customFormat="1" ht="21" customHeight="1" x14ac:dyDescent="0.2">
      <c r="B16" s="410" t="s">
        <v>10</v>
      </c>
      <c r="C16" s="326">
        <v>1904758</v>
      </c>
      <c r="D16" s="327">
        <v>1943459</v>
      </c>
      <c r="E16" s="328">
        <v>3848217</v>
      </c>
      <c r="F16" s="364">
        <v>0</v>
      </c>
      <c r="G16" s="327">
        <v>19081610</v>
      </c>
      <c r="H16" s="327">
        <v>15134433</v>
      </c>
      <c r="I16" s="327">
        <v>15110245</v>
      </c>
      <c r="J16" s="327">
        <v>18076294</v>
      </c>
      <c r="K16" s="327">
        <v>10354477</v>
      </c>
      <c r="L16" s="329">
        <v>77757059</v>
      </c>
      <c r="M16" s="330">
        <v>81605276</v>
      </c>
      <c r="N16" s="326">
        <v>634298</v>
      </c>
      <c r="O16" s="327">
        <v>650596</v>
      </c>
      <c r="P16" s="328">
        <v>1284894</v>
      </c>
      <c r="Q16" s="326">
        <v>0</v>
      </c>
      <c r="R16" s="327">
        <v>6304977</v>
      </c>
      <c r="S16" s="327">
        <v>5547232</v>
      </c>
      <c r="T16" s="327">
        <v>5428571</v>
      </c>
      <c r="U16" s="327">
        <v>7515373</v>
      </c>
      <c r="V16" s="327">
        <v>6053003</v>
      </c>
      <c r="W16" s="328">
        <v>30849156</v>
      </c>
      <c r="X16" s="330">
        <v>32134050</v>
      </c>
      <c r="Y16" s="326">
        <v>0</v>
      </c>
      <c r="Z16" s="327">
        <v>0</v>
      </c>
      <c r="AA16" s="328">
        <v>0</v>
      </c>
      <c r="AB16" s="326">
        <v>0</v>
      </c>
      <c r="AC16" s="327">
        <v>2984834</v>
      </c>
      <c r="AD16" s="327">
        <v>2771262</v>
      </c>
      <c r="AE16" s="327">
        <v>2698963</v>
      </c>
      <c r="AF16" s="327">
        <v>4367320</v>
      </c>
      <c r="AG16" s="327">
        <v>3654596</v>
      </c>
      <c r="AH16" s="328">
        <v>16476975</v>
      </c>
      <c r="AI16" s="330">
        <v>16476975</v>
      </c>
      <c r="AJ16" s="326">
        <v>0</v>
      </c>
      <c r="AK16" s="327">
        <v>0</v>
      </c>
      <c r="AL16" s="328">
        <v>0</v>
      </c>
      <c r="AM16" s="326">
        <v>0</v>
      </c>
      <c r="AN16" s="327">
        <v>75809</v>
      </c>
      <c r="AO16" s="327">
        <v>73814</v>
      </c>
      <c r="AP16" s="327">
        <v>167637</v>
      </c>
      <c r="AQ16" s="327">
        <v>296553</v>
      </c>
      <c r="AR16" s="327">
        <v>797398</v>
      </c>
      <c r="AS16" s="328">
        <v>1411211</v>
      </c>
      <c r="AT16" s="330">
        <v>1411211</v>
      </c>
      <c r="AU16" s="326">
        <v>389729</v>
      </c>
      <c r="AV16" s="327">
        <v>448555</v>
      </c>
      <c r="AW16" s="328">
        <v>838284</v>
      </c>
      <c r="AX16" s="326">
        <v>0</v>
      </c>
      <c r="AY16" s="327">
        <v>1974580</v>
      </c>
      <c r="AZ16" s="327">
        <v>1605199</v>
      </c>
      <c r="BA16" s="327">
        <v>1401302</v>
      </c>
      <c r="BB16" s="327">
        <v>1442185</v>
      </c>
      <c r="BC16" s="327">
        <v>729104</v>
      </c>
      <c r="BD16" s="328">
        <v>7152370</v>
      </c>
      <c r="BE16" s="330">
        <v>7990654</v>
      </c>
      <c r="BF16" s="326">
        <v>63633</v>
      </c>
      <c r="BG16" s="327">
        <v>68153</v>
      </c>
      <c r="BH16" s="331">
        <v>131786</v>
      </c>
      <c r="BI16" s="332">
        <v>0</v>
      </c>
      <c r="BJ16" s="327">
        <v>166410</v>
      </c>
      <c r="BK16" s="327">
        <v>307541</v>
      </c>
      <c r="BL16" s="327">
        <v>235453</v>
      </c>
      <c r="BM16" s="327">
        <v>286875</v>
      </c>
      <c r="BN16" s="327">
        <v>147625</v>
      </c>
      <c r="BO16" s="328">
        <v>1143904</v>
      </c>
      <c r="BP16" s="330">
        <v>1275690</v>
      </c>
      <c r="BQ16" s="326">
        <v>180936</v>
      </c>
      <c r="BR16" s="327">
        <v>133888</v>
      </c>
      <c r="BS16" s="328">
        <v>314824</v>
      </c>
      <c r="BT16" s="326">
        <v>0</v>
      </c>
      <c r="BU16" s="327">
        <v>1103344</v>
      </c>
      <c r="BV16" s="327">
        <v>789416</v>
      </c>
      <c r="BW16" s="327">
        <v>925216</v>
      </c>
      <c r="BX16" s="327">
        <v>1122440</v>
      </c>
      <c r="BY16" s="327">
        <v>724280</v>
      </c>
      <c r="BZ16" s="328">
        <v>4664696</v>
      </c>
      <c r="CA16" s="330">
        <v>4979520</v>
      </c>
      <c r="CB16" s="326">
        <v>102439</v>
      </c>
      <c r="CC16" s="327">
        <v>194711</v>
      </c>
      <c r="CD16" s="328">
        <v>297150</v>
      </c>
      <c r="CE16" s="326">
        <v>0</v>
      </c>
      <c r="CF16" s="327">
        <v>7182042</v>
      </c>
      <c r="CG16" s="327">
        <v>4216850</v>
      </c>
      <c r="CH16" s="327">
        <v>2374302</v>
      </c>
      <c r="CI16" s="327">
        <v>2608602</v>
      </c>
      <c r="CJ16" s="327">
        <v>611754</v>
      </c>
      <c r="CK16" s="328">
        <v>16993550</v>
      </c>
      <c r="CL16" s="330">
        <v>17290700</v>
      </c>
      <c r="CM16" s="326">
        <v>0</v>
      </c>
      <c r="CN16" s="327">
        <v>0</v>
      </c>
      <c r="CO16" s="328">
        <v>0</v>
      </c>
      <c r="CP16" s="332">
        <v>0</v>
      </c>
      <c r="CQ16" s="327">
        <v>5520205</v>
      </c>
      <c r="CR16" s="327">
        <v>3574746</v>
      </c>
      <c r="CS16" s="327">
        <v>1829030</v>
      </c>
      <c r="CT16" s="327">
        <v>2239488</v>
      </c>
      <c r="CU16" s="327">
        <v>360496</v>
      </c>
      <c r="CV16" s="328">
        <v>13523965</v>
      </c>
      <c r="CW16" s="330">
        <v>13523965</v>
      </c>
      <c r="CX16" s="326">
        <v>102439</v>
      </c>
      <c r="CY16" s="327">
        <v>194711</v>
      </c>
      <c r="CZ16" s="328">
        <v>297150</v>
      </c>
      <c r="DA16" s="326">
        <v>0</v>
      </c>
      <c r="DB16" s="327">
        <v>1661837</v>
      </c>
      <c r="DC16" s="327">
        <v>642104</v>
      </c>
      <c r="DD16" s="327">
        <v>545272</v>
      </c>
      <c r="DE16" s="327">
        <v>369114</v>
      </c>
      <c r="DF16" s="327">
        <v>251258</v>
      </c>
      <c r="DG16" s="328">
        <v>3469585</v>
      </c>
      <c r="DH16" s="330">
        <v>3766735</v>
      </c>
      <c r="DI16" s="326">
        <v>0</v>
      </c>
      <c r="DJ16" s="327">
        <v>39415</v>
      </c>
      <c r="DK16" s="331">
        <v>39415</v>
      </c>
      <c r="DL16" s="332">
        <v>0</v>
      </c>
      <c r="DM16" s="327">
        <v>928519</v>
      </c>
      <c r="DN16" s="327">
        <v>325979</v>
      </c>
      <c r="DO16" s="327">
        <v>1846852</v>
      </c>
      <c r="DP16" s="327">
        <v>1305597</v>
      </c>
      <c r="DQ16" s="327">
        <v>504855</v>
      </c>
      <c r="DR16" s="328">
        <v>4911802</v>
      </c>
      <c r="DS16" s="330">
        <v>4951217</v>
      </c>
      <c r="DT16" s="326">
        <v>0</v>
      </c>
      <c r="DU16" s="327">
        <v>39415</v>
      </c>
      <c r="DV16" s="328">
        <v>39415</v>
      </c>
      <c r="DW16" s="326">
        <v>0</v>
      </c>
      <c r="DX16" s="327">
        <v>805155</v>
      </c>
      <c r="DY16" s="327">
        <v>153841</v>
      </c>
      <c r="DZ16" s="327">
        <v>1660770</v>
      </c>
      <c r="EA16" s="327">
        <v>1218578</v>
      </c>
      <c r="EB16" s="327">
        <v>332631</v>
      </c>
      <c r="EC16" s="328">
        <v>4170975</v>
      </c>
      <c r="ED16" s="330">
        <v>4210390</v>
      </c>
      <c r="EE16" s="326">
        <v>0</v>
      </c>
      <c r="EF16" s="331">
        <v>0</v>
      </c>
      <c r="EG16" s="328">
        <v>0</v>
      </c>
      <c r="EH16" s="326">
        <v>0</v>
      </c>
      <c r="EI16" s="327">
        <v>123364</v>
      </c>
      <c r="EJ16" s="327">
        <v>172138</v>
      </c>
      <c r="EK16" s="327">
        <v>186082</v>
      </c>
      <c r="EL16" s="327">
        <v>87019</v>
      </c>
      <c r="EM16" s="327">
        <v>172224</v>
      </c>
      <c r="EN16" s="331">
        <v>740827</v>
      </c>
      <c r="EO16" s="330">
        <v>74082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607536</v>
      </c>
      <c r="FM16" s="327">
        <v>965472</v>
      </c>
      <c r="FN16" s="328">
        <v>1573008</v>
      </c>
      <c r="FO16" s="326">
        <v>0</v>
      </c>
      <c r="FP16" s="327">
        <v>1466086</v>
      </c>
      <c r="FQ16" s="327">
        <v>1509736</v>
      </c>
      <c r="FR16" s="327">
        <v>821024</v>
      </c>
      <c r="FS16" s="327">
        <v>1478656</v>
      </c>
      <c r="FT16" s="327">
        <v>810120</v>
      </c>
      <c r="FU16" s="328">
        <v>6085622</v>
      </c>
      <c r="FV16" s="330">
        <v>7658630</v>
      </c>
      <c r="FW16" s="333">
        <v>270112</v>
      </c>
      <c r="FX16" s="327">
        <v>424208</v>
      </c>
      <c r="FY16" s="331">
        <v>694320</v>
      </c>
      <c r="FZ16" s="332">
        <v>0</v>
      </c>
      <c r="GA16" s="327">
        <v>914728</v>
      </c>
      <c r="GB16" s="327">
        <v>1324536</v>
      </c>
      <c r="GC16" s="327">
        <v>799904</v>
      </c>
      <c r="GD16" s="327">
        <v>1191720</v>
      </c>
      <c r="GE16" s="327">
        <v>810120</v>
      </c>
      <c r="GF16" s="328">
        <v>5041008</v>
      </c>
      <c r="GG16" s="334">
        <v>5735328</v>
      </c>
      <c r="GH16" s="333">
        <v>29984</v>
      </c>
      <c r="GI16" s="327">
        <v>66864</v>
      </c>
      <c r="GJ16" s="331">
        <v>96848</v>
      </c>
      <c r="GK16" s="332">
        <v>0</v>
      </c>
      <c r="GL16" s="327">
        <v>52030</v>
      </c>
      <c r="GM16" s="327">
        <v>38000</v>
      </c>
      <c r="GN16" s="327">
        <v>21120</v>
      </c>
      <c r="GO16" s="327">
        <v>93496</v>
      </c>
      <c r="GP16" s="327">
        <v>0</v>
      </c>
      <c r="GQ16" s="328">
        <v>204646</v>
      </c>
      <c r="GR16" s="330">
        <v>301494</v>
      </c>
      <c r="GS16" s="326">
        <v>307440</v>
      </c>
      <c r="GT16" s="327">
        <v>474400</v>
      </c>
      <c r="GU16" s="328">
        <v>781840</v>
      </c>
      <c r="GV16" s="326">
        <v>0</v>
      </c>
      <c r="GW16" s="327">
        <v>499328</v>
      </c>
      <c r="GX16" s="327">
        <v>147200</v>
      </c>
      <c r="GY16" s="327">
        <v>0</v>
      </c>
      <c r="GZ16" s="327">
        <v>193440</v>
      </c>
      <c r="HA16" s="327">
        <v>0</v>
      </c>
      <c r="HB16" s="331">
        <v>839968</v>
      </c>
      <c r="HC16" s="330">
        <v>1621808</v>
      </c>
      <c r="HD16" s="326">
        <v>560485</v>
      </c>
      <c r="HE16" s="327">
        <v>93265</v>
      </c>
      <c r="HF16" s="331">
        <v>653750</v>
      </c>
      <c r="HG16" s="332">
        <v>0</v>
      </c>
      <c r="HH16" s="327">
        <v>3199986</v>
      </c>
      <c r="HI16" s="327">
        <v>3534636</v>
      </c>
      <c r="HJ16" s="327">
        <v>4639496</v>
      </c>
      <c r="HK16" s="327">
        <v>5168066</v>
      </c>
      <c r="HL16" s="327">
        <v>2374745</v>
      </c>
      <c r="HM16" s="328">
        <v>18916929</v>
      </c>
      <c r="HN16" s="329">
        <v>19570679</v>
      </c>
      <c r="HO16" s="333">
        <v>0</v>
      </c>
      <c r="HP16" s="327">
        <v>0</v>
      </c>
      <c r="HQ16" s="328">
        <v>0</v>
      </c>
      <c r="HR16" s="326">
        <v>0</v>
      </c>
      <c r="HS16" s="327">
        <v>0</v>
      </c>
      <c r="HT16" s="327">
        <v>0</v>
      </c>
      <c r="HU16" s="327">
        <v>0</v>
      </c>
      <c r="HV16" s="327">
        <v>0</v>
      </c>
      <c r="HW16" s="327">
        <v>0</v>
      </c>
      <c r="HX16" s="331">
        <v>0</v>
      </c>
      <c r="HY16" s="330">
        <v>0</v>
      </c>
      <c r="HZ16" s="358">
        <v>41121</v>
      </c>
      <c r="IA16" s="356">
        <v>0</v>
      </c>
      <c r="IB16" s="358">
        <v>41121</v>
      </c>
      <c r="IC16" s="355">
        <v>0</v>
      </c>
      <c r="ID16" s="356">
        <v>5285364</v>
      </c>
      <c r="IE16" s="357">
        <v>4449760</v>
      </c>
      <c r="IF16" s="358">
        <v>5571164</v>
      </c>
      <c r="IG16" s="356">
        <v>5042847</v>
      </c>
      <c r="IH16" s="358">
        <v>3322239</v>
      </c>
      <c r="II16" s="359">
        <v>23671374</v>
      </c>
      <c r="IJ16" s="358">
        <v>23712495</v>
      </c>
      <c r="IK16" s="342">
        <v>0</v>
      </c>
      <c r="IL16" s="343">
        <v>0</v>
      </c>
      <c r="IM16" s="344">
        <v>0</v>
      </c>
      <c r="IN16" s="404">
        <v>0</v>
      </c>
      <c r="IO16" s="345">
        <v>65048</v>
      </c>
      <c r="IP16" s="345">
        <v>336896</v>
      </c>
      <c r="IQ16" s="345">
        <v>366694</v>
      </c>
      <c r="IR16" s="345">
        <v>237412</v>
      </c>
      <c r="IS16" s="345">
        <v>0</v>
      </c>
      <c r="IT16" s="346">
        <v>1006050</v>
      </c>
      <c r="IU16" s="347">
        <v>1006050</v>
      </c>
      <c r="IV16" s="348">
        <v>0</v>
      </c>
      <c r="IW16" s="345">
        <v>0</v>
      </c>
      <c r="IX16" s="349">
        <v>0</v>
      </c>
      <c r="IY16" s="404">
        <v>0</v>
      </c>
      <c r="IZ16" s="345">
        <v>10319</v>
      </c>
      <c r="JA16" s="345">
        <v>10319</v>
      </c>
      <c r="JB16" s="345">
        <v>10319</v>
      </c>
      <c r="JC16" s="345">
        <v>0</v>
      </c>
      <c r="JD16" s="345">
        <v>0</v>
      </c>
      <c r="JE16" s="349">
        <v>30957</v>
      </c>
      <c r="JF16" s="350">
        <v>30957</v>
      </c>
      <c r="JG16" s="348">
        <v>0</v>
      </c>
      <c r="JH16" s="345">
        <v>0</v>
      </c>
      <c r="JI16" s="346">
        <v>0</v>
      </c>
      <c r="JJ16" s="351">
        <v>0</v>
      </c>
      <c r="JK16" s="345">
        <v>1549700</v>
      </c>
      <c r="JL16" s="345">
        <v>757159</v>
      </c>
      <c r="JM16" s="345">
        <v>431467</v>
      </c>
      <c r="JN16" s="345">
        <v>981806</v>
      </c>
      <c r="JO16" s="345">
        <v>276079</v>
      </c>
      <c r="JP16" s="349">
        <v>3996211</v>
      </c>
      <c r="JQ16" s="347">
        <v>3996211</v>
      </c>
      <c r="JR16" s="348">
        <v>0</v>
      </c>
      <c r="JS16" s="345">
        <v>0</v>
      </c>
      <c r="JT16" s="346">
        <v>0</v>
      </c>
      <c r="JU16" s="351">
        <v>0</v>
      </c>
      <c r="JV16" s="345">
        <v>356971</v>
      </c>
      <c r="JW16" s="345">
        <v>0</v>
      </c>
      <c r="JX16" s="345">
        <v>114667</v>
      </c>
      <c r="JY16" s="345">
        <v>0</v>
      </c>
      <c r="JZ16" s="345">
        <v>0</v>
      </c>
      <c r="KA16" s="349">
        <v>471638</v>
      </c>
      <c r="KB16" s="347">
        <v>471638</v>
      </c>
      <c r="KC16" s="352">
        <v>41121</v>
      </c>
      <c r="KD16" s="353">
        <v>0</v>
      </c>
      <c r="KE16" s="349">
        <v>41121</v>
      </c>
      <c r="KF16" s="351">
        <v>0</v>
      </c>
      <c r="KG16" s="345">
        <v>1007929</v>
      </c>
      <c r="KH16" s="345">
        <v>219390</v>
      </c>
      <c r="KI16" s="345">
        <v>970456</v>
      </c>
      <c r="KJ16" s="345">
        <v>559196</v>
      </c>
      <c r="KK16" s="345">
        <v>0</v>
      </c>
      <c r="KL16" s="349">
        <v>2756971</v>
      </c>
      <c r="KM16" s="354">
        <v>2798092</v>
      </c>
      <c r="KN16" s="342">
        <v>0</v>
      </c>
      <c r="KO16" s="343">
        <v>0</v>
      </c>
      <c r="KP16" s="344">
        <v>0</v>
      </c>
      <c r="KQ16" s="404">
        <v>0</v>
      </c>
      <c r="KR16" s="345">
        <v>1703806</v>
      </c>
      <c r="KS16" s="345">
        <v>2264936</v>
      </c>
      <c r="KT16" s="345">
        <v>2560545</v>
      </c>
      <c r="KU16" s="345">
        <v>1222660</v>
      </c>
      <c r="KV16" s="345">
        <v>1331914</v>
      </c>
      <c r="KW16" s="349">
        <v>9083861</v>
      </c>
      <c r="KX16" s="347">
        <v>9083861</v>
      </c>
      <c r="KY16" s="348">
        <v>0</v>
      </c>
      <c r="KZ16" s="345">
        <v>0</v>
      </c>
      <c r="LA16" s="349">
        <v>0</v>
      </c>
      <c r="LB16" s="404">
        <v>0</v>
      </c>
      <c r="LC16" s="345">
        <v>412095</v>
      </c>
      <c r="LD16" s="345">
        <v>359961</v>
      </c>
      <c r="LE16" s="345">
        <v>372440</v>
      </c>
      <c r="LF16" s="345">
        <v>436320</v>
      </c>
      <c r="LG16" s="345">
        <v>238456</v>
      </c>
      <c r="LH16" s="349">
        <v>1819272</v>
      </c>
      <c r="LI16" s="350">
        <v>1819272</v>
      </c>
      <c r="LJ16" s="348">
        <v>0</v>
      </c>
      <c r="LK16" s="345">
        <v>0</v>
      </c>
      <c r="LL16" s="349">
        <v>0</v>
      </c>
      <c r="LM16" s="404">
        <v>0</v>
      </c>
      <c r="LN16" s="345">
        <v>0</v>
      </c>
      <c r="LO16" s="345">
        <v>218961</v>
      </c>
      <c r="LP16" s="345">
        <v>272016</v>
      </c>
      <c r="LQ16" s="345">
        <v>686741</v>
      </c>
      <c r="LR16" s="345">
        <v>1475790</v>
      </c>
      <c r="LS16" s="349">
        <v>2653508</v>
      </c>
      <c r="LT16" s="347">
        <v>2653508</v>
      </c>
      <c r="LU16" s="348">
        <v>0</v>
      </c>
      <c r="LV16" s="345">
        <v>0</v>
      </c>
      <c r="LW16" s="349">
        <v>0</v>
      </c>
      <c r="LX16" s="404">
        <v>0</v>
      </c>
      <c r="LY16" s="345">
        <v>179496</v>
      </c>
      <c r="LZ16" s="345">
        <v>282138</v>
      </c>
      <c r="MA16" s="345">
        <v>472560</v>
      </c>
      <c r="MB16" s="345">
        <v>918712</v>
      </c>
      <c r="MC16" s="345">
        <v>0</v>
      </c>
      <c r="MD16" s="349">
        <v>1852906</v>
      </c>
      <c r="ME16" s="350">
        <v>1852906</v>
      </c>
      <c r="MF16" s="348">
        <v>0</v>
      </c>
      <c r="MG16" s="345">
        <v>0</v>
      </c>
      <c r="MH16" s="349">
        <v>0</v>
      </c>
      <c r="MI16" s="404">
        <v>0</v>
      </c>
      <c r="MJ16" s="345">
        <v>953682</v>
      </c>
      <c r="MK16" s="345">
        <v>2427408</v>
      </c>
      <c r="ML16" s="345">
        <v>5866932</v>
      </c>
      <c r="MM16" s="345">
        <v>10709090</v>
      </c>
      <c r="MN16" s="345">
        <v>6913198</v>
      </c>
      <c r="MO16" s="349">
        <v>26870310</v>
      </c>
      <c r="MP16" s="354">
        <v>26870310</v>
      </c>
      <c r="MQ16" s="348">
        <v>0</v>
      </c>
      <c r="MR16" s="345">
        <v>0</v>
      </c>
      <c r="MS16" s="349">
        <v>0</v>
      </c>
      <c r="MT16" s="404">
        <v>0</v>
      </c>
      <c r="MU16" s="345">
        <v>220707</v>
      </c>
      <c r="MV16" s="345">
        <v>247647</v>
      </c>
      <c r="MW16" s="345">
        <v>4508734</v>
      </c>
      <c r="MX16" s="345">
        <v>8343098</v>
      </c>
      <c r="MY16" s="345">
        <v>3599229</v>
      </c>
      <c r="MZ16" s="349">
        <v>16919415</v>
      </c>
      <c r="NA16" s="354">
        <v>16919415</v>
      </c>
      <c r="NB16" s="348">
        <v>0</v>
      </c>
      <c r="NC16" s="345">
        <v>0</v>
      </c>
      <c r="ND16" s="349">
        <v>0</v>
      </c>
      <c r="NE16" s="404">
        <v>0</v>
      </c>
      <c r="NF16" s="345">
        <v>732975</v>
      </c>
      <c r="NG16" s="345">
        <v>2179761</v>
      </c>
      <c r="NH16" s="345">
        <v>1358198</v>
      </c>
      <c r="NI16" s="345">
        <v>2365992</v>
      </c>
      <c r="NJ16" s="345">
        <v>2926803</v>
      </c>
      <c r="NK16" s="349">
        <v>9563729</v>
      </c>
      <c r="NL16" s="347">
        <v>9563729</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0</v>
      </c>
      <c r="OF16" s="345">
        <v>387166</v>
      </c>
      <c r="OG16" s="349">
        <v>387166</v>
      </c>
      <c r="OH16" s="350">
        <v>387166</v>
      </c>
      <c r="OI16" s="348">
        <v>1945879</v>
      </c>
      <c r="OJ16" s="345">
        <v>1943459</v>
      </c>
      <c r="OK16" s="346">
        <v>3889338</v>
      </c>
      <c r="OL16" s="351">
        <v>0</v>
      </c>
      <c r="OM16" s="345">
        <v>25320656</v>
      </c>
      <c r="ON16" s="345">
        <v>22011601</v>
      </c>
      <c r="OO16" s="345">
        <v>26548341</v>
      </c>
      <c r="OP16" s="345">
        <v>33828231</v>
      </c>
      <c r="OQ16" s="345">
        <v>20589914</v>
      </c>
      <c r="OR16" s="349">
        <v>128298743</v>
      </c>
      <c r="OS16" s="354">
        <v>132188081</v>
      </c>
    </row>
    <row r="17" spans="2:409" s="70" customFormat="1" ht="21" customHeight="1" x14ac:dyDescent="0.2">
      <c r="B17" s="410" t="s">
        <v>11</v>
      </c>
      <c r="C17" s="326">
        <v>755874</v>
      </c>
      <c r="D17" s="327">
        <v>662198</v>
      </c>
      <c r="E17" s="365">
        <v>1418072</v>
      </c>
      <c r="F17" s="332">
        <v>0</v>
      </c>
      <c r="G17" s="327">
        <v>7515564</v>
      </c>
      <c r="H17" s="327">
        <v>6543176</v>
      </c>
      <c r="I17" s="327">
        <v>6181081</v>
      </c>
      <c r="J17" s="327">
        <v>9445031</v>
      </c>
      <c r="K17" s="327">
        <v>3769149</v>
      </c>
      <c r="L17" s="329">
        <v>33454001</v>
      </c>
      <c r="M17" s="330">
        <v>34872073</v>
      </c>
      <c r="N17" s="326">
        <v>180023</v>
      </c>
      <c r="O17" s="327">
        <v>168648</v>
      </c>
      <c r="P17" s="328">
        <v>348671</v>
      </c>
      <c r="Q17" s="326">
        <v>0</v>
      </c>
      <c r="R17" s="327">
        <v>1785363</v>
      </c>
      <c r="S17" s="327">
        <v>1402002</v>
      </c>
      <c r="T17" s="327">
        <v>1988463</v>
      </c>
      <c r="U17" s="327">
        <v>2715247</v>
      </c>
      <c r="V17" s="327">
        <v>2409517</v>
      </c>
      <c r="W17" s="328">
        <v>10300592</v>
      </c>
      <c r="X17" s="330">
        <v>10649263</v>
      </c>
      <c r="Y17" s="326">
        <v>0</v>
      </c>
      <c r="Z17" s="327">
        <v>0</v>
      </c>
      <c r="AA17" s="328">
        <v>0</v>
      </c>
      <c r="AB17" s="326">
        <v>0</v>
      </c>
      <c r="AC17" s="327">
        <v>708797</v>
      </c>
      <c r="AD17" s="327">
        <v>594688</v>
      </c>
      <c r="AE17" s="327">
        <v>1078292</v>
      </c>
      <c r="AF17" s="327">
        <v>1251587</v>
      </c>
      <c r="AG17" s="327">
        <v>1391199</v>
      </c>
      <c r="AH17" s="328">
        <v>5024563</v>
      </c>
      <c r="AI17" s="330">
        <v>5024563</v>
      </c>
      <c r="AJ17" s="326">
        <v>0</v>
      </c>
      <c r="AK17" s="327">
        <v>0</v>
      </c>
      <c r="AL17" s="328">
        <v>0</v>
      </c>
      <c r="AM17" s="326">
        <v>0</v>
      </c>
      <c r="AN17" s="327">
        <v>0</v>
      </c>
      <c r="AO17" s="327">
        <v>105724</v>
      </c>
      <c r="AP17" s="327">
        <v>0</v>
      </c>
      <c r="AQ17" s="327">
        <v>281628</v>
      </c>
      <c r="AR17" s="327">
        <v>423794</v>
      </c>
      <c r="AS17" s="328">
        <v>811146</v>
      </c>
      <c r="AT17" s="330">
        <v>811146</v>
      </c>
      <c r="AU17" s="326">
        <v>139111</v>
      </c>
      <c r="AV17" s="327">
        <v>83885</v>
      </c>
      <c r="AW17" s="328">
        <v>222996</v>
      </c>
      <c r="AX17" s="326">
        <v>0</v>
      </c>
      <c r="AY17" s="327">
        <v>680296</v>
      </c>
      <c r="AZ17" s="327">
        <v>328284</v>
      </c>
      <c r="BA17" s="327">
        <v>617953</v>
      </c>
      <c r="BB17" s="327">
        <v>775203</v>
      </c>
      <c r="BC17" s="327">
        <v>481084</v>
      </c>
      <c r="BD17" s="328">
        <v>2882820</v>
      </c>
      <c r="BE17" s="330">
        <v>3105816</v>
      </c>
      <c r="BF17" s="326">
        <v>0</v>
      </c>
      <c r="BG17" s="327">
        <v>58683</v>
      </c>
      <c r="BH17" s="331">
        <v>58683</v>
      </c>
      <c r="BI17" s="332">
        <v>0</v>
      </c>
      <c r="BJ17" s="327">
        <v>72974</v>
      </c>
      <c r="BK17" s="327">
        <v>59962</v>
      </c>
      <c r="BL17" s="327">
        <v>70642</v>
      </c>
      <c r="BM17" s="327">
        <v>85453</v>
      </c>
      <c r="BN17" s="327">
        <v>0</v>
      </c>
      <c r="BO17" s="328">
        <v>289031</v>
      </c>
      <c r="BP17" s="330">
        <v>347714</v>
      </c>
      <c r="BQ17" s="326">
        <v>40912</v>
      </c>
      <c r="BR17" s="327">
        <v>26080</v>
      </c>
      <c r="BS17" s="328">
        <v>66992</v>
      </c>
      <c r="BT17" s="326">
        <v>0</v>
      </c>
      <c r="BU17" s="327">
        <v>323296</v>
      </c>
      <c r="BV17" s="327">
        <v>313344</v>
      </c>
      <c r="BW17" s="327">
        <v>221576</v>
      </c>
      <c r="BX17" s="327">
        <v>321376</v>
      </c>
      <c r="BY17" s="327">
        <v>113440</v>
      </c>
      <c r="BZ17" s="328">
        <v>1293032</v>
      </c>
      <c r="CA17" s="330">
        <v>1360024</v>
      </c>
      <c r="CB17" s="326">
        <v>163891</v>
      </c>
      <c r="CC17" s="327">
        <v>111001</v>
      </c>
      <c r="CD17" s="328">
        <v>274892</v>
      </c>
      <c r="CE17" s="326">
        <v>0</v>
      </c>
      <c r="CF17" s="327">
        <v>2741922</v>
      </c>
      <c r="CG17" s="327">
        <v>1987212</v>
      </c>
      <c r="CH17" s="327">
        <v>1686401</v>
      </c>
      <c r="CI17" s="327">
        <v>2092954</v>
      </c>
      <c r="CJ17" s="327">
        <v>270803</v>
      </c>
      <c r="CK17" s="328">
        <v>8779292</v>
      </c>
      <c r="CL17" s="330">
        <v>9054184</v>
      </c>
      <c r="CM17" s="326">
        <v>0</v>
      </c>
      <c r="CN17" s="327">
        <v>0</v>
      </c>
      <c r="CO17" s="328">
        <v>0</v>
      </c>
      <c r="CP17" s="332">
        <v>0</v>
      </c>
      <c r="CQ17" s="327">
        <v>1993036</v>
      </c>
      <c r="CR17" s="327">
        <v>1437183</v>
      </c>
      <c r="CS17" s="327">
        <v>1277118</v>
      </c>
      <c r="CT17" s="327">
        <v>987563</v>
      </c>
      <c r="CU17" s="327">
        <v>220552</v>
      </c>
      <c r="CV17" s="328">
        <v>5915452</v>
      </c>
      <c r="CW17" s="330">
        <v>5915452</v>
      </c>
      <c r="CX17" s="326">
        <v>163891</v>
      </c>
      <c r="CY17" s="327">
        <v>111001</v>
      </c>
      <c r="CZ17" s="328">
        <v>274892</v>
      </c>
      <c r="DA17" s="326">
        <v>0</v>
      </c>
      <c r="DB17" s="327">
        <v>748886</v>
      </c>
      <c r="DC17" s="327">
        <v>550029</v>
      </c>
      <c r="DD17" s="327">
        <v>409283</v>
      </c>
      <c r="DE17" s="327">
        <v>1105391</v>
      </c>
      <c r="DF17" s="327">
        <v>50251</v>
      </c>
      <c r="DG17" s="328">
        <v>2863840</v>
      </c>
      <c r="DH17" s="330">
        <v>3138732</v>
      </c>
      <c r="DI17" s="326">
        <v>0</v>
      </c>
      <c r="DJ17" s="327">
        <v>0</v>
      </c>
      <c r="DK17" s="331">
        <v>0</v>
      </c>
      <c r="DL17" s="332">
        <v>0</v>
      </c>
      <c r="DM17" s="327">
        <v>283962</v>
      </c>
      <c r="DN17" s="327">
        <v>362890</v>
      </c>
      <c r="DO17" s="327">
        <v>295396</v>
      </c>
      <c r="DP17" s="327">
        <v>372411</v>
      </c>
      <c r="DQ17" s="327">
        <v>63712</v>
      </c>
      <c r="DR17" s="328">
        <v>1378371</v>
      </c>
      <c r="DS17" s="330">
        <v>1378371</v>
      </c>
      <c r="DT17" s="326">
        <v>0</v>
      </c>
      <c r="DU17" s="327">
        <v>0</v>
      </c>
      <c r="DV17" s="328">
        <v>0</v>
      </c>
      <c r="DW17" s="326">
        <v>0</v>
      </c>
      <c r="DX17" s="327">
        <v>180182</v>
      </c>
      <c r="DY17" s="327">
        <v>362890</v>
      </c>
      <c r="DZ17" s="327">
        <v>295396</v>
      </c>
      <c r="EA17" s="327">
        <v>307254</v>
      </c>
      <c r="EB17" s="327">
        <v>63712</v>
      </c>
      <c r="EC17" s="328">
        <v>1209434</v>
      </c>
      <c r="ED17" s="330">
        <v>1209434</v>
      </c>
      <c r="EE17" s="326">
        <v>0</v>
      </c>
      <c r="EF17" s="331">
        <v>0</v>
      </c>
      <c r="EG17" s="328">
        <v>0</v>
      </c>
      <c r="EH17" s="326">
        <v>0</v>
      </c>
      <c r="EI17" s="327">
        <v>103780</v>
      </c>
      <c r="EJ17" s="327">
        <v>0</v>
      </c>
      <c r="EK17" s="327">
        <v>0</v>
      </c>
      <c r="EL17" s="327">
        <v>65157</v>
      </c>
      <c r="EM17" s="327">
        <v>0</v>
      </c>
      <c r="EN17" s="331">
        <v>168937</v>
      </c>
      <c r="EO17" s="330">
        <v>168937</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63520</v>
      </c>
      <c r="FM17" s="327">
        <v>191600</v>
      </c>
      <c r="FN17" s="328">
        <v>255120</v>
      </c>
      <c r="FO17" s="326">
        <v>0</v>
      </c>
      <c r="FP17" s="327">
        <v>357128</v>
      </c>
      <c r="FQ17" s="327">
        <v>640808</v>
      </c>
      <c r="FR17" s="327">
        <v>593792</v>
      </c>
      <c r="FS17" s="327">
        <v>552560</v>
      </c>
      <c r="FT17" s="327">
        <v>238720</v>
      </c>
      <c r="FU17" s="328">
        <v>2383008</v>
      </c>
      <c r="FV17" s="330">
        <v>2638128</v>
      </c>
      <c r="FW17" s="333">
        <v>63520</v>
      </c>
      <c r="FX17" s="327">
        <v>124400</v>
      </c>
      <c r="FY17" s="331">
        <v>187920</v>
      </c>
      <c r="FZ17" s="332">
        <v>0</v>
      </c>
      <c r="GA17" s="327">
        <v>291288</v>
      </c>
      <c r="GB17" s="327">
        <v>628488</v>
      </c>
      <c r="GC17" s="327">
        <v>433792</v>
      </c>
      <c r="GD17" s="327">
        <v>552560</v>
      </c>
      <c r="GE17" s="327">
        <v>238720</v>
      </c>
      <c r="GF17" s="328">
        <v>2144848</v>
      </c>
      <c r="GG17" s="334">
        <v>2332768</v>
      </c>
      <c r="GH17" s="333">
        <v>0</v>
      </c>
      <c r="GI17" s="327">
        <v>0</v>
      </c>
      <c r="GJ17" s="331">
        <v>0</v>
      </c>
      <c r="GK17" s="332">
        <v>0</v>
      </c>
      <c r="GL17" s="327">
        <v>0</v>
      </c>
      <c r="GM17" s="327">
        <v>0</v>
      </c>
      <c r="GN17" s="327">
        <v>0</v>
      </c>
      <c r="GO17" s="327">
        <v>0</v>
      </c>
      <c r="GP17" s="327">
        <v>0</v>
      </c>
      <c r="GQ17" s="328">
        <v>0</v>
      </c>
      <c r="GR17" s="330">
        <v>0</v>
      </c>
      <c r="GS17" s="326">
        <v>0</v>
      </c>
      <c r="GT17" s="327">
        <v>67200</v>
      </c>
      <c r="GU17" s="328">
        <v>67200</v>
      </c>
      <c r="GV17" s="326">
        <v>0</v>
      </c>
      <c r="GW17" s="327">
        <v>65840</v>
      </c>
      <c r="GX17" s="327">
        <v>12320</v>
      </c>
      <c r="GY17" s="327">
        <v>160000</v>
      </c>
      <c r="GZ17" s="327">
        <v>0</v>
      </c>
      <c r="HA17" s="327">
        <v>0</v>
      </c>
      <c r="HB17" s="331">
        <v>238160</v>
      </c>
      <c r="HC17" s="330">
        <v>305360</v>
      </c>
      <c r="HD17" s="326">
        <v>348440</v>
      </c>
      <c r="HE17" s="327">
        <v>190949</v>
      </c>
      <c r="HF17" s="331">
        <v>539389</v>
      </c>
      <c r="HG17" s="332">
        <v>0</v>
      </c>
      <c r="HH17" s="327">
        <v>2347189</v>
      </c>
      <c r="HI17" s="327">
        <v>2150264</v>
      </c>
      <c r="HJ17" s="327">
        <v>1617029</v>
      </c>
      <c r="HK17" s="327">
        <v>3711859</v>
      </c>
      <c r="HL17" s="327">
        <v>786397</v>
      </c>
      <c r="HM17" s="328">
        <v>10612738</v>
      </c>
      <c r="HN17" s="329">
        <v>11152127</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913251</v>
      </c>
      <c r="IE17" s="339">
        <v>2020569</v>
      </c>
      <c r="IF17" s="337">
        <v>1552448</v>
      </c>
      <c r="IG17" s="336">
        <v>921836</v>
      </c>
      <c r="IH17" s="337">
        <v>469466</v>
      </c>
      <c r="II17" s="340">
        <v>6877570</v>
      </c>
      <c r="IJ17" s="341">
        <v>6877570</v>
      </c>
      <c r="IK17" s="342">
        <v>0</v>
      </c>
      <c r="IL17" s="343">
        <v>0</v>
      </c>
      <c r="IM17" s="344">
        <v>0</v>
      </c>
      <c r="IN17" s="404">
        <v>0</v>
      </c>
      <c r="IO17" s="345">
        <v>149131</v>
      </c>
      <c r="IP17" s="345">
        <v>0</v>
      </c>
      <c r="IQ17" s="345">
        <v>0</v>
      </c>
      <c r="IR17" s="345">
        <v>0</v>
      </c>
      <c r="IS17" s="345">
        <v>0</v>
      </c>
      <c r="IT17" s="346">
        <v>149131</v>
      </c>
      <c r="IU17" s="347">
        <v>149131</v>
      </c>
      <c r="IV17" s="348">
        <v>0</v>
      </c>
      <c r="IW17" s="345">
        <v>0</v>
      </c>
      <c r="IX17" s="349">
        <v>0</v>
      </c>
      <c r="IY17" s="404">
        <v>0</v>
      </c>
      <c r="IZ17" s="345">
        <v>0</v>
      </c>
      <c r="JA17" s="345">
        <v>16460</v>
      </c>
      <c r="JB17" s="345">
        <v>0</v>
      </c>
      <c r="JC17" s="345">
        <v>0</v>
      </c>
      <c r="JD17" s="345">
        <v>0</v>
      </c>
      <c r="JE17" s="349">
        <v>16460</v>
      </c>
      <c r="JF17" s="350">
        <v>16460</v>
      </c>
      <c r="JG17" s="348">
        <v>0</v>
      </c>
      <c r="JH17" s="345">
        <v>0</v>
      </c>
      <c r="JI17" s="346">
        <v>0</v>
      </c>
      <c r="JJ17" s="351">
        <v>0</v>
      </c>
      <c r="JK17" s="345">
        <v>835044</v>
      </c>
      <c r="JL17" s="345">
        <v>242604</v>
      </c>
      <c r="JM17" s="345">
        <v>232578</v>
      </c>
      <c r="JN17" s="345">
        <v>396930</v>
      </c>
      <c r="JO17" s="345">
        <v>140974</v>
      </c>
      <c r="JP17" s="349">
        <v>1848130</v>
      </c>
      <c r="JQ17" s="347">
        <v>1848130</v>
      </c>
      <c r="JR17" s="348">
        <v>0</v>
      </c>
      <c r="JS17" s="345">
        <v>0</v>
      </c>
      <c r="JT17" s="346">
        <v>0</v>
      </c>
      <c r="JU17" s="351">
        <v>0</v>
      </c>
      <c r="JV17" s="345">
        <v>81352</v>
      </c>
      <c r="JW17" s="345">
        <v>55628</v>
      </c>
      <c r="JX17" s="345">
        <v>310674</v>
      </c>
      <c r="JY17" s="345">
        <v>0</v>
      </c>
      <c r="JZ17" s="345">
        <v>0</v>
      </c>
      <c r="KA17" s="349">
        <v>447654</v>
      </c>
      <c r="KB17" s="347">
        <v>447654</v>
      </c>
      <c r="KC17" s="352">
        <v>0</v>
      </c>
      <c r="KD17" s="353">
        <v>0</v>
      </c>
      <c r="KE17" s="349">
        <v>0</v>
      </c>
      <c r="KF17" s="351">
        <v>0</v>
      </c>
      <c r="KG17" s="345">
        <v>111280</v>
      </c>
      <c r="KH17" s="345">
        <v>518677</v>
      </c>
      <c r="KI17" s="345">
        <v>491738</v>
      </c>
      <c r="KJ17" s="345">
        <v>0</v>
      </c>
      <c r="KK17" s="345">
        <v>0</v>
      </c>
      <c r="KL17" s="349">
        <v>1121695</v>
      </c>
      <c r="KM17" s="354">
        <v>1121695</v>
      </c>
      <c r="KN17" s="342">
        <v>0</v>
      </c>
      <c r="KO17" s="343">
        <v>0</v>
      </c>
      <c r="KP17" s="344">
        <v>0</v>
      </c>
      <c r="KQ17" s="404">
        <v>0</v>
      </c>
      <c r="KR17" s="345">
        <v>478299</v>
      </c>
      <c r="KS17" s="345">
        <v>995832</v>
      </c>
      <c r="KT17" s="345">
        <v>517458</v>
      </c>
      <c r="KU17" s="345">
        <v>524906</v>
      </c>
      <c r="KV17" s="345">
        <v>0</v>
      </c>
      <c r="KW17" s="349">
        <v>2516495</v>
      </c>
      <c r="KX17" s="347">
        <v>2516495</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258145</v>
      </c>
      <c r="LZ17" s="345">
        <v>191368</v>
      </c>
      <c r="MA17" s="345">
        <v>0</v>
      </c>
      <c r="MB17" s="345">
        <v>0</v>
      </c>
      <c r="MC17" s="345">
        <v>328492</v>
      </c>
      <c r="MD17" s="349">
        <v>778005</v>
      </c>
      <c r="ME17" s="350">
        <v>778005</v>
      </c>
      <c r="MF17" s="348">
        <v>0</v>
      </c>
      <c r="MG17" s="345">
        <v>0</v>
      </c>
      <c r="MH17" s="349">
        <v>0</v>
      </c>
      <c r="MI17" s="404">
        <v>0</v>
      </c>
      <c r="MJ17" s="345">
        <v>231948</v>
      </c>
      <c r="MK17" s="345">
        <v>881292</v>
      </c>
      <c r="ML17" s="345">
        <v>2580432</v>
      </c>
      <c r="MM17" s="345">
        <v>6746324</v>
      </c>
      <c r="MN17" s="345">
        <v>2353106</v>
      </c>
      <c r="MO17" s="349">
        <v>12793102</v>
      </c>
      <c r="MP17" s="354">
        <v>12793102</v>
      </c>
      <c r="MQ17" s="348">
        <v>0</v>
      </c>
      <c r="MR17" s="345">
        <v>0</v>
      </c>
      <c r="MS17" s="349">
        <v>0</v>
      </c>
      <c r="MT17" s="404">
        <v>0</v>
      </c>
      <c r="MU17" s="345">
        <v>0</v>
      </c>
      <c r="MV17" s="345">
        <v>0</v>
      </c>
      <c r="MW17" s="345">
        <v>1448577</v>
      </c>
      <c r="MX17" s="345">
        <v>4627816</v>
      </c>
      <c r="MY17" s="345">
        <v>843806</v>
      </c>
      <c r="MZ17" s="349">
        <v>6920199</v>
      </c>
      <c r="NA17" s="354">
        <v>6920199</v>
      </c>
      <c r="NB17" s="348">
        <v>0</v>
      </c>
      <c r="NC17" s="345">
        <v>0</v>
      </c>
      <c r="ND17" s="349">
        <v>0</v>
      </c>
      <c r="NE17" s="404">
        <v>0</v>
      </c>
      <c r="NF17" s="345">
        <v>231948</v>
      </c>
      <c r="NG17" s="345">
        <v>881292</v>
      </c>
      <c r="NH17" s="345">
        <v>1131855</v>
      </c>
      <c r="NI17" s="345">
        <v>1782875</v>
      </c>
      <c r="NJ17" s="345">
        <v>1509300</v>
      </c>
      <c r="NK17" s="349">
        <v>5537270</v>
      </c>
      <c r="NL17" s="347">
        <v>5537270</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35633</v>
      </c>
      <c r="OF17" s="345">
        <v>0</v>
      </c>
      <c r="OG17" s="349">
        <v>335633</v>
      </c>
      <c r="OH17" s="350">
        <v>335633</v>
      </c>
      <c r="OI17" s="348">
        <v>755874</v>
      </c>
      <c r="OJ17" s="345">
        <v>662198</v>
      </c>
      <c r="OK17" s="346">
        <v>1418072</v>
      </c>
      <c r="OL17" s="351">
        <v>0</v>
      </c>
      <c r="OM17" s="345">
        <v>9660763</v>
      </c>
      <c r="ON17" s="345">
        <v>9445037</v>
      </c>
      <c r="OO17" s="345">
        <v>10313961</v>
      </c>
      <c r="OP17" s="345">
        <v>17113191</v>
      </c>
      <c r="OQ17" s="345">
        <v>6591721</v>
      </c>
      <c r="OR17" s="349">
        <v>53124673</v>
      </c>
      <c r="OS17" s="354">
        <v>54542745</v>
      </c>
    </row>
    <row r="18" spans="2:409" s="70" customFormat="1" ht="21" customHeight="1" x14ac:dyDescent="0.2">
      <c r="B18" s="410" t="s">
        <v>12</v>
      </c>
      <c r="C18" s="326">
        <v>783377</v>
      </c>
      <c r="D18" s="327">
        <v>2661687</v>
      </c>
      <c r="E18" s="328">
        <v>3445064</v>
      </c>
      <c r="F18" s="329">
        <v>0</v>
      </c>
      <c r="G18" s="327">
        <v>6969864</v>
      </c>
      <c r="H18" s="366">
        <v>10540301</v>
      </c>
      <c r="I18" s="366">
        <v>8902973</v>
      </c>
      <c r="J18" s="366">
        <v>11138098</v>
      </c>
      <c r="K18" s="366">
        <v>4854125</v>
      </c>
      <c r="L18" s="331">
        <v>42405361</v>
      </c>
      <c r="M18" s="330">
        <v>45850425</v>
      </c>
      <c r="N18" s="326">
        <v>271827</v>
      </c>
      <c r="O18" s="327">
        <v>913444</v>
      </c>
      <c r="P18" s="328">
        <v>1185271</v>
      </c>
      <c r="Q18" s="326">
        <v>0</v>
      </c>
      <c r="R18" s="327">
        <v>1865273</v>
      </c>
      <c r="S18" s="327">
        <v>3751270</v>
      </c>
      <c r="T18" s="327">
        <v>2649123</v>
      </c>
      <c r="U18" s="327">
        <v>4302119</v>
      </c>
      <c r="V18" s="327">
        <v>2699441</v>
      </c>
      <c r="W18" s="328">
        <v>15267226</v>
      </c>
      <c r="X18" s="330">
        <v>16452497</v>
      </c>
      <c r="Y18" s="326">
        <v>0</v>
      </c>
      <c r="Z18" s="327">
        <v>0</v>
      </c>
      <c r="AA18" s="328">
        <v>0</v>
      </c>
      <c r="AB18" s="326">
        <v>0</v>
      </c>
      <c r="AC18" s="327">
        <v>1035679</v>
      </c>
      <c r="AD18" s="327">
        <v>1969034</v>
      </c>
      <c r="AE18" s="327">
        <v>1331268</v>
      </c>
      <c r="AF18" s="327">
        <v>2947032</v>
      </c>
      <c r="AG18" s="327">
        <v>1642667</v>
      </c>
      <c r="AH18" s="328">
        <v>8925680</v>
      </c>
      <c r="AI18" s="330">
        <v>8925680</v>
      </c>
      <c r="AJ18" s="326">
        <v>0</v>
      </c>
      <c r="AK18" s="327">
        <v>0</v>
      </c>
      <c r="AL18" s="328">
        <v>0</v>
      </c>
      <c r="AM18" s="326">
        <v>0</v>
      </c>
      <c r="AN18" s="327">
        <v>0</v>
      </c>
      <c r="AO18" s="327">
        <v>0</v>
      </c>
      <c r="AP18" s="327">
        <v>117476</v>
      </c>
      <c r="AQ18" s="327">
        <v>233982</v>
      </c>
      <c r="AR18" s="327">
        <v>278246</v>
      </c>
      <c r="AS18" s="328">
        <v>629704</v>
      </c>
      <c r="AT18" s="330">
        <v>629704</v>
      </c>
      <c r="AU18" s="326">
        <v>221003</v>
      </c>
      <c r="AV18" s="327">
        <v>697547</v>
      </c>
      <c r="AW18" s="328">
        <v>918550</v>
      </c>
      <c r="AX18" s="326">
        <v>0</v>
      </c>
      <c r="AY18" s="327">
        <v>591407</v>
      </c>
      <c r="AZ18" s="327">
        <v>1189360</v>
      </c>
      <c r="BA18" s="327">
        <v>844387</v>
      </c>
      <c r="BB18" s="327">
        <v>520426</v>
      </c>
      <c r="BC18" s="327">
        <v>546360</v>
      </c>
      <c r="BD18" s="328">
        <v>3691940</v>
      </c>
      <c r="BE18" s="330">
        <v>4610490</v>
      </c>
      <c r="BF18" s="326">
        <v>0</v>
      </c>
      <c r="BG18" s="327">
        <v>62489</v>
      </c>
      <c r="BH18" s="331">
        <v>62489</v>
      </c>
      <c r="BI18" s="332">
        <v>0</v>
      </c>
      <c r="BJ18" s="327">
        <v>56243</v>
      </c>
      <c r="BK18" s="327">
        <v>68684</v>
      </c>
      <c r="BL18" s="327">
        <v>0</v>
      </c>
      <c r="BM18" s="327">
        <v>127215</v>
      </c>
      <c r="BN18" s="327">
        <v>18752</v>
      </c>
      <c r="BO18" s="328">
        <v>270894</v>
      </c>
      <c r="BP18" s="330">
        <v>333383</v>
      </c>
      <c r="BQ18" s="326">
        <v>50824</v>
      </c>
      <c r="BR18" s="327">
        <v>153408</v>
      </c>
      <c r="BS18" s="328">
        <v>204232</v>
      </c>
      <c r="BT18" s="326">
        <v>0</v>
      </c>
      <c r="BU18" s="327">
        <v>181944</v>
      </c>
      <c r="BV18" s="327">
        <v>524192</v>
      </c>
      <c r="BW18" s="327">
        <v>355992</v>
      </c>
      <c r="BX18" s="327">
        <v>473464</v>
      </c>
      <c r="BY18" s="327">
        <v>213416</v>
      </c>
      <c r="BZ18" s="328">
        <v>1749008</v>
      </c>
      <c r="CA18" s="330">
        <v>1953240</v>
      </c>
      <c r="CB18" s="326">
        <v>189495</v>
      </c>
      <c r="CC18" s="327">
        <v>611676</v>
      </c>
      <c r="CD18" s="328">
        <v>801171</v>
      </c>
      <c r="CE18" s="326">
        <v>0</v>
      </c>
      <c r="CF18" s="327">
        <v>2612976</v>
      </c>
      <c r="CG18" s="327">
        <v>2889028</v>
      </c>
      <c r="CH18" s="327">
        <v>2440009</v>
      </c>
      <c r="CI18" s="327">
        <v>1567237</v>
      </c>
      <c r="CJ18" s="327">
        <v>359376</v>
      </c>
      <c r="CK18" s="328">
        <v>9868626</v>
      </c>
      <c r="CL18" s="330">
        <v>10669797</v>
      </c>
      <c r="CM18" s="326">
        <v>0</v>
      </c>
      <c r="CN18" s="327">
        <v>0</v>
      </c>
      <c r="CO18" s="328">
        <v>0</v>
      </c>
      <c r="CP18" s="332">
        <v>0</v>
      </c>
      <c r="CQ18" s="327">
        <v>2353377</v>
      </c>
      <c r="CR18" s="327">
        <v>2056691</v>
      </c>
      <c r="CS18" s="327">
        <v>1538328</v>
      </c>
      <c r="CT18" s="327">
        <v>1026306</v>
      </c>
      <c r="CU18" s="327">
        <v>172850</v>
      </c>
      <c r="CV18" s="328">
        <v>7147552</v>
      </c>
      <c r="CW18" s="330">
        <v>7147552</v>
      </c>
      <c r="CX18" s="326">
        <v>189495</v>
      </c>
      <c r="CY18" s="327">
        <v>611676</v>
      </c>
      <c r="CZ18" s="328">
        <v>801171</v>
      </c>
      <c r="DA18" s="326">
        <v>0</v>
      </c>
      <c r="DB18" s="327">
        <v>259599</v>
      </c>
      <c r="DC18" s="327">
        <v>832337</v>
      </c>
      <c r="DD18" s="327">
        <v>901681</v>
      </c>
      <c r="DE18" s="327">
        <v>540931</v>
      </c>
      <c r="DF18" s="327">
        <v>186526</v>
      </c>
      <c r="DG18" s="328">
        <v>2721074</v>
      </c>
      <c r="DH18" s="330">
        <v>3522245</v>
      </c>
      <c r="DI18" s="326">
        <v>0</v>
      </c>
      <c r="DJ18" s="327">
        <v>80938</v>
      </c>
      <c r="DK18" s="331">
        <v>80938</v>
      </c>
      <c r="DL18" s="332">
        <v>0</v>
      </c>
      <c r="DM18" s="327">
        <v>178686</v>
      </c>
      <c r="DN18" s="327">
        <v>289462</v>
      </c>
      <c r="DO18" s="327">
        <v>670795</v>
      </c>
      <c r="DP18" s="327">
        <v>1299077</v>
      </c>
      <c r="DQ18" s="327">
        <v>555172</v>
      </c>
      <c r="DR18" s="328">
        <v>2993192</v>
      </c>
      <c r="DS18" s="330">
        <v>3074130</v>
      </c>
      <c r="DT18" s="326">
        <v>0</v>
      </c>
      <c r="DU18" s="327">
        <v>80938</v>
      </c>
      <c r="DV18" s="328">
        <v>80938</v>
      </c>
      <c r="DW18" s="326">
        <v>0</v>
      </c>
      <c r="DX18" s="327">
        <v>178686</v>
      </c>
      <c r="DY18" s="327">
        <v>289462</v>
      </c>
      <c r="DZ18" s="327">
        <v>670795</v>
      </c>
      <c r="EA18" s="327">
        <v>1190381</v>
      </c>
      <c r="EB18" s="327">
        <v>555172</v>
      </c>
      <c r="EC18" s="328">
        <v>2884496</v>
      </c>
      <c r="ED18" s="330">
        <v>2965434</v>
      </c>
      <c r="EE18" s="326">
        <v>0</v>
      </c>
      <c r="EF18" s="331">
        <v>0</v>
      </c>
      <c r="EG18" s="328">
        <v>0</v>
      </c>
      <c r="EH18" s="326">
        <v>0</v>
      </c>
      <c r="EI18" s="327">
        <v>0</v>
      </c>
      <c r="EJ18" s="327">
        <v>0</v>
      </c>
      <c r="EK18" s="327">
        <v>0</v>
      </c>
      <c r="EL18" s="327">
        <v>108696</v>
      </c>
      <c r="EM18" s="327">
        <v>0</v>
      </c>
      <c r="EN18" s="331">
        <v>108696</v>
      </c>
      <c r="EO18" s="330">
        <v>108696</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140064</v>
      </c>
      <c r="FM18" s="327">
        <v>481328</v>
      </c>
      <c r="FN18" s="328">
        <v>621392</v>
      </c>
      <c r="FO18" s="326">
        <v>0</v>
      </c>
      <c r="FP18" s="327">
        <v>360368</v>
      </c>
      <c r="FQ18" s="327">
        <v>1047586</v>
      </c>
      <c r="FR18" s="327">
        <v>868080</v>
      </c>
      <c r="FS18" s="327">
        <v>1215304</v>
      </c>
      <c r="FT18" s="327">
        <v>311560</v>
      </c>
      <c r="FU18" s="328">
        <v>3802898</v>
      </c>
      <c r="FV18" s="330">
        <v>4424290</v>
      </c>
      <c r="FW18" s="333">
        <v>126864</v>
      </c>
      <c r="FX18" s="327">
        <v>355728</v>
      </c>
      <c r="FY18" s="331">
        <v>482592</v>
      </c>
      <c r="FZ18" s="332">
        <v>0</v>
      </c>
      <c r="GA18" s="327">
        <v>186048</v>
      </c>
      <c r="GB18" s="327">
        <v>970484</v>
      </c>
      <c r="GC18" s="327">
        <v>764400</v>
      </c>
      <c r="GD18" s="327">
        <v>894552</v>
      </c>
      <c r="GE18" s="327">
        <v>311560</v>
      </c>
      <c r="GF18" s="328">
        <v>3127044</v>
      </c>
      <c r="GG18" s="334">
        <v>3609636</v>
      </c>
      <c r="GH18" s="333">
        <v>13200</v>
      </c>
      <c r="GI18" s="327">
        <v>0</v>
      </c>
      <c r="GJ18" s="331">
        <v>13200</v>
      </c>
      <c r="GK18" s="332">
        <v>0</v>
      </c>
      <c r="GL18" s="327">
        <v>0</v>
      </c>
      <c r="GM18" s="327">
        <v>0</v>
      </c>
      <c r="GN18" s="327">
        <v>58080</v>
      </c>
      <c r="GO18" s="327">
        <v>13552</v>
      </c>
      <c r="GP18" s="327">
        <v>0</v>
      </c>
      <c r="GQ18" s="328">
        <v>71632</v>
      </c>
      <c r="GR18" s="330">
        <v>84832</v>
      </c>
      <c r="GS18" s="326">
        <v>0</v>
      </c>
      <c r="GT18" s="327">
        <v>125600</v>
      </c>
      <c r="GU18" s="328">
        <v>125600</v>
      </c>
      <c r="GV18" s="326">
        <v>0</v>
      </c>
      <c r="GW18" s="327">
        <v>174320</v>
      </c>
      <c r="GX18" s="327">
        <v>77102</v>
      </c>
      <c r="GY18" s="327">
        <v>45600</v>
      </c>
      <c r="GZ18" s="327">
        <v>307200</v>
      </c>
      <c r="HA18" s="327">
        <v>0</v>
      </c>
      <c r="HB18" s="331">
        <v>604222</v>
      </c>
      <c r="HC18" s="330">
        <v>729822</v>
      </c>
      <c r="HD18" s="326">
        <v>181991</v>
      </c>
      <c r="HE18" s="327">
        <v>574301</v>
      </c>
      <c r="HF18" s="331">
        <v>756292</v>
      </c>
      <c r="HG18" s="332">
        <v>0</v>
      </c>
      <c r="HH18" s="327">
        <v>1952561</v>
      </c>
      <c r="HI18" s="327">
        <v>2562955</v>
      </c>
      <c r="HJ18" s="327">
        <v>2274966</v>
      </c>
      <c r="HK18" s="327">
        <v>2754361</v>
      </c>
      <c r="HL18" s="327">
        <v>928576</v>
      </c>
      <c r="HM18" s="328">
        <v>10473419</v>
      </c>
      <c r="HN18" s="329">
        <v>11229711</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617116</v>
      </c>
      <c r="IE18" s="357">
        <v>3176253</v>
      </c>
      <c r="IF18" s="358">
        <v>2175522</v>
      </c>
      <c r="IG18" s="356">
        <v>2793922</v>
      </c>
      <c r="IH18" s="358">
        <v>2161709</v>
      </c>
      <c r="II18" s="359">
        <v>11924522</v>
      </c>
      <c r="IJ18" s="358">
        <v>11924522</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1004572</v>
      </c>
      <c r="JL18" s="345">
        <v>1453029</v>
      </c>
      <c r="JM18" s="345">
        <v>435935</v>
      </c>
      <c r="JN18" s="345">
        <v>196265</v>
      </c>
      <c r="JO18" s="345">
        <v>254219</v>
      </c>
      <c r="JP18" s="349">
        <v>3344020</v>
      </c>
      <c r="JQ18" s="347">
        <v>3344020</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372504</v>
      </c>
      <c r="KH18" s="345">
        <v>702332</v>
      </c>
      <c r="KI18" s="345">
        <v>733610</v>
      </c>
      <c r="KJ18" s="345">
        <v>824561</v>
      </c>
      <c r="KK18" s="345">
        <v>742693</v>
      </c>
      <c r="KL18" s="349">
        <v>3375700</v>
      </c>
      <c r="KM18" s="354">
        <v>3375700</v>
      </c>
      <c r="KN18" s="342">
        <v>0</v>
      </c>
      <c r="KO18" s="343">
        <v>0</v>
      </c>
      <c r="KP18" s="344">
        <v>0</v>
      </c>
      <c r="KQ18" s="404">
        <v>0</v>
      </c>
      <c r="KR18" s="345">
        <v>240040</v>
      </c>
      <c r="KS18" s="345">
        <v>253324</v>
      </c>
      <c r="KT18" s="345">
        <v>255824</v>
      </c>
      <c r="KU18" s="345">
        <v>534804</v>
      </c>
      <c r="KV18" s="345">
        <v>533333</v>
      </c>
      <c r="KW18" s="349">
        <v>1817325</v>
      </c>
      <c r="KX18" s="347">
        <v>1817325</v>
      </c>
      <c r="KY18" s="348">
        <v>0</v>
      </c>
      <c r="KZ18" s="345">
        <v>0</v>
      </c>
      <c r="LA18" s="349">
        <v>0</v>
      </c>
      <c r="LB18" s="404">
        <v>0</v>
      </c>
      <c r="LC18" s="345">
        <v>0</v>
      </c>
      <c r="LD18" s="345">
        <v>569136</v>
      </c>
      <c r="LE18" s="345">
        <v>210228</v>
      </c>
      <c r="LF18" s="345">
        <v>458042</v>
      </c>
      <c r="LG18" s="345">
        <v>0</v>
      </c>
      <c r="LH18" s="349">
        <v>1237406</v>
      </c>
      <c r="LI18" s="350">
        <v>1237406</v>
      </c>
      <c r="LJ18" s="348">
        <v>0</v>
      </c>
      <c r="LK18" s="345">
        <v>0</v>
      </c>
      <c r="LL18" s="349">
        <v>0</v>
      </c>
      <c r="LM18" s="404">
        <v>0</v>
      </c>
      <c r="LN18" s="345">
        <v>0</v>
      </c>
      <c r="LO18" s="345">
        <v>0</v>
      </c>
      <c r="LP18" s="345">
        <v>273998</v>
      </c>
      <c r="LQ18" s="345">
        <v>0</v>
      </c>
      <c r="LR18" s="345">
        <v>631464</v>
      </c>
      <c r="LS18" s="349">
        <v>905462</v>
      </c>
      <c r="LT18" s="347">
        <v>905462</v>
      </c>
      <c r="LU18" s="348">
        <v>0</v>
      </c>
      <c r="LV18" s="345">
        <v>0</v>
      </c>
      <c r="LW18" s="349">
        <v>0</v>
      </c>
      <c r="LX18" s="404">
        <v>0</v>
      </c>
      <c r="LY18" s="345">
        <v>0</v>
      </c>
      <c r="LZ18" s="345">
        <v>198432</v>
      </c>
      <c r="MA18" s="345">
        <v>265927</v>
      </c>
      <c r="MB18" s="345">
        <v>780250</v>
      </c>
      <c r="MC18" s="345">
        <v>0</v>
      </c>
      <c r="MD18" s="349">
        <v>1244609</v>
      </c>
      <c r="ME18" s="350">
        <v>1244609</v>
      </c>
      <c r="MF18" s="348">
        <v>0</v>
      </c>
      <c r="MG18" s="345">
        <v>0</v>
      </c>
      <c r="MH18" s="349">
        <v>0</v>
      </c>
      <c r="MI18" s="404">
        <v>0</v>
      </c>
      <c r="MJ18" s="345">
        <v>263289</v>
      </c>
      <c r="MK18" s="345">
        <v>542922</v>
      </c>
      <c r="ML18" s="345">
        <v>5045832</v>
      </c>
      <c r="MM18" s="345">
        <v>5875199</v>
      </c>
      <c r="MN18" s="345">
        <v>2683594</v>
      </c>
      <c r="MO18" s="349">
        <v>14410836</v>
      </c>
      <c r="MP18" s="354">
        <v>14410836</v>
      </c>
      <c r="MQ18" s="348">
        <v>0</v>
      </c>
      <c r="MR18" s="345">
        <v>0</v>
      </c>
      <c r="MS18" s="349">
        <v>0</v>
      </c>
      <c r="MT18" s="404">
        <v>0</v>
      </c>
      <c r="MU18" s="345">
        <v>0</v>
      </c>
      <c r="MV18" s="345">
        <v>0</v>
      </c>
      <c r="MW18" s="345">
        <v>2477137</v>
      </c>
      <c r="MX18" s="345">
        <v>2155329</v>
      </c>
      <c r="MY18" s="345">
        <v>1760789</v>
      </c>
      <c r="MZ18" s="349">
        <v>6393255</v>
      </c>
      <c r="NA18" s="354">
        <v>6393255</v>
      </c>
      <c r="NB18" s="348">
        <v>0</v>
      </c>
      <c r="NC18" s="345">
        <v>0</v>
      </c>
      <c r="ND18" s="349">
        <v>0</v>
      </c>
      <c r="NE18" s="404">
        <v>0</v>
      </c>
      <c r="NF18" s="345">
        <v>263289</v>
      </c>
      <c r="NG18" s="345">
        <v>542922</v>
      </c>
      <c r="NH18" s="345">
        <v>2568695</v>
      </c>
      <c r="NI18" s="345">
        <v>3719870</v>
      </c>
      <c r="NJ18" s="345">
        <v>922805</v>
      </c>
      <c r="NK18" s="349">
        <v>8017581</v>
      </c>
      <c r="NL18" s="347">
        <v>8017581</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783377</v>
      </c>
      <c r="OJ18" s="345">
        <v>2661687</v>
      </c>
      <c r="OK18" s="346">
        <v>3445064</v>
      </c>
      <c r="OL18" s="351">
        <v>0</v>
      </c>
      <c r="OM18" s="345">
        <v>8850269</v>
      </c>
      <c r="ON18" s="345">
        <v>14259476</v>
      </c>
      <c r="OO18" s="345">
        <v>16124327</v>
      </c>
      <c r="OP18" s="345">
        <v>19807219</v>
      </c>
      <c r="OQ18" s="345">
        <v>9699428</v>
      </c>
      <c r="OR18" s="349">
        <v>68740719</v>
      </c>
      <c r="OS18" s="354">
        <v>72185783</v>
      </c>
    </row>
    <row r="19" spans="2:409" s="70" customFormat="1" ht="21" customHeight="1" x14ac:dyDescent="0.2">
      <c r="B19" s="410" t="s">
        <v>13</v>
      </c>
      <c r="C19" s="326">
        <v>41686</v>
      </c>
      <c r="D19" s="327">
        <v>243775</v>
      </c>
      <c r="E19" s="328">
        <v>285461</v>
      </c>
      <c r="F19" s="326">
        <v>0</v>
      </c>
      <c r="G19" s="366">
        <v>3914654</v>
      </c>
      <c r="H19" s="327">
        <v>4921252</v>
      </c>
      <c r="I19" s="327">
        <v>5788948</v>
      </c>
      <c r="J19" s="327">
        <v>3973338</v>
      </c>
      <c r="K19" s="327">
        <v>4020814</v>
      </c>
      <c r="L19" s="331">
        <v>22619006</v>
      </c>
      <c r="M19" s="330">
        <v>22904467</v>
      </c>
      <c r="N19" s="326">
        <v>29702</v>
      </c>
      <c r="O19" s="327">
        <v>81424</v>
      </c>
      <c r="P19" s="328">
        <v>111126</v>
      </c>
      <c r="Q19" s="326">
        <v>0</v>
      </c>
      <c r="R19" s="327">
        <v>955756</v>
      </c>
      <c r="S19" s="327">
        <v>2168271</v>
      </c>
      <c r="T19" s="327">
        <v>1569690</v>
      </c>
      <c r="U19" s="327">
        <v>1696411</v>
      </c>
      <c r="V19" s="327">
        <v>2283890</v>
      </c>
      <c r="W19" s="328">
        <v>8674018</v>
      </c>
      <c r="X19" s="330">
        <v>8785144</v>
      </c>
      <c r="Y19" s="326">
        <v>0</v>
      </c>
      <c r="Z19" s="327">
        <v>0</v>
      </c>
      <c r="AA19" s="328">
        <v>0</v>
      </c>
      <c r="AB19" s="326">
        <v>0</v>
      </c>
      <c r="AC19" s="327">
        <v>365402</v>
      </c>
      <c r="AD19" s="327">
        <v>741750</v>
      </c>
      <c r="AE19" s="327">
        <v>670755</v>
      </c>
      <c r="AF19" s="327">
        <v>1123270</v>
      </c>
      <c r="AG19" s="327">
        <v>1337386</v>
      </c>
      <c r="AH19" s="328">
        <v>4238563</v>
      </c>
      <c r="AI19" s="330">
        <v>4238563</v>
      </c>
      <c r="AJ19" s="326">
        <v>0</v>
      </c>
      <c r="AK19" s="327">
        <v>0</v>
      </c>
      <c r="AL19" s="328">
        <v>0</v>
      </c>
      <c r="AM19" s="326">
        <v>0</v>
      </c>
      <c r="AN19" s="327">
        <v>0</v>
      </c>
      <c r="AO19" s="327">
        <v>0</v>
      </c>
      <c r="AP19" s="327">
        <v>59507</v>
      </c>
      <c r="AQ19" s="327">
        <v>58683</v>
      </c>
      <c r="AR19" s="327">
        <v>313852</v>
      </c>
      <c r="AS19" s="328">
        <v>432042</v>
      </c>
      <c r="AT19" s="330">
        <v>432042</v>
      </c>
      <c r="AU19" s="326">
        <v>0</v>
      </c>
      <c r="AV19" s="327">
        <v>81424</v>
      </c>
      <c r="AW19" s="328">
        <v>81424</v>
      </c>
      <c r="AX19" s="326">
        <v>0</v>
      </c>
      <c r="AY19" s="327">
        <v>211332</v>
      </c>
      <c r="AZ19" s="327">
        <v>1099647</v>
      </c>
      <c r="BA19" s="327">
        <v>504210</v>
      </c>
      <c r="BB19" s="327">
        <v>297610</v>
      </c>
      <c r="BC19" s="327">
        <v>441174</v>
      </c>
      <c r="BD19" s="328">
        <v>2553973</v>
      </c>
      <c r="BE19" s="330">
        <v>2635397</v>
      </c>
      <c r="BF19" s="326">
        <v>21446</v>
      </c>
      <c r="BG19" s="327">
        <v>0</v>
      </c>
      <c r="BH19" s="331">
        <v>21446</v>
      </c>
      <c r="BI19" s="332">
        <v>0</v>
      </c>
      <c r="BJ19" s="327">
        <v>113838</v>
      </c>
      <c r="BK19" s="327">
        <v>23562</v>
      </c>
      <c r="BL19" s="327">
        <v>31330</v>
      </c>
      <c r="BM19" s="327">
        <v>0</v>
      </c>
      <c r="BN19" s="327">
        <v>10966</v>
      </c>
      <c r="BO19" s="328">
        <v>179696</v>
      </c>
      <c r="BP19" s="330">
        <v>201142</v>
      </c>
      <c r="BQ19" s="326">
        <v>8256</v>
      </c>
      <c r="BR19" s="327">
        <v>0</v>
      </c>
      <c r="BS19" s="328">
        <v>8256</v>
      </c>
      <c r="BT19" s="326">
        <v>0</v>
      </c>
      <c r="BU19" s="327">
        <v>265184</v>
      </c>
      <c r="BV19" s="327">
        <v>303312</v>
      </c>
      <c r="BW19" s="327">
        <v>303888</v>
      </c>
      <c r="BX19" s="327">
        <v>216848</v>
      </c>
      <c r="BY19" s="327">
        <v>180512</v>
      </c>
      <c r="BZ19" s="328">
        <v>1269744</v>
      </c>
      <c r="CA19" s="330">
        <v>1278000</v>
      </c>
      <c r="CB19" s="326">
        <v>0</v>
      </c>
      <c r="CC19" s="327">
        <v>40115</v>
      </c>
      <c r="CD19" s="328">
        <v>40115</v>
      </c>
      <c r="CE19" s="326">
        <v>0</v>
      </c>
      <c r="CF19" s="327">
        <v>1042508</v>
      </c>
      <c r="CG19" s="327">
        <v>648700</v>
      </c>
      <c r="CH19" s="327">
        <v>812631</v>
      </c>
      <c r="CI19" s="327">
        <v>562363</v>
      </c>
      <c r="CJ19" s="327">
        <v>348331</v>
      </c>
      <c r="CK19" s="328">
        <v>3414533</v>
      </c>
      <c r="CL19" s="330">
        <v>3454648</v>
      </c>
      <c r="CM19" s="326">
        <v>0</v>
      </c>
      <c r="CN19" s="327">
        <v>0</v>
      </c>
      <c r="CO19" s="328">
        <v>0</v>
      </c>
      <c r="CP19" s="332">
        <v>0</v>
      </c>
      <c r="CQ19" s="327">
        <v>748542</v>
      </c>
      <c r="CR19" s="327">
        <v>556167</v>
      </c>
      <c r="CS19" s="327">
        <v>738298</v>
      </c>
      <c r="CT19" s="327">
        <v>562363</v>
      </c>
      <c r="CU19" s="327">
        <v>143300</v>
      </c>
      <c r="CV19" s="328">
        <v>2748670</v>
      </c>
      <c r="CW19" s="330">
        <v>2748670</v>
      </c>
      <c r="CX19" s="326">
        <v>0</v>
      </c>
      <c r="CY19" s="327">
        <v>40115</v>
      </c>
      <c r="CZ19" s="328">
        <v>40115</v>
      </c>
      <c r="DA19" s="326">
        <v>0</v>
      </c>
      <c r="DB19" s="327">
        <v>293966</v>
      </c>
      <c r="DC19" s="327">
        <v>92533</v>
      </c>
      <c r="DD19" s="327">
        <v>74333</v>
      </c>
      <c r="DE19" s="327">
        <v>0</v>
      </c>
      <c r="DF19" s="327">
        <v>205031</v>
      </c>
      <c r="DG19" s="328">
        <v>665863</v>
      </c>
      <c r="DH19" s="330">
        <v>705978</v>
      </c>
      <c r="DI19" s="326">
        <v>0</v>
      </c>
      <c r="DJ19" s="327">
        <v>0</v>
      </c>
      <c r="DK19" s="331">
        <v>0</v>
      </c>
      <c r="DL19" s="332">
        <v>0</v>
      </c>
      <c r="DM19" s="327">
        <v>41187</v>
      </c>
      <c r="DN19" s="327">
        <v>68612</v>
      </c>
      <c r="DO19" s="327">
        <v>75938</v>
      </c>
      <c r="DP19" s="327">
        <v>11324</v>
      </c>
      <c r="DQ19" s="327">
        <v>174402</v>
      </c>
      <c r="DR19" s="328">
        <v>371463</v>
      </c>
      <c r="DS19" s="330">
        <v>371463</v>
      </c>
      <c r="DT19" s="326">
        <v>0</v>
      </c>
      <c r="DU19" s="327">
        <v>0</v>
      </c>
      <c r="DV19" s="328">
        <v>0</v>
      </c>
      <c r="DW19" s="326">
        <v>0</v>
      </c>
      <c r="DX19" s="327">
        <v>41187</v>
      </c>
      <c r="DY19" s="327">
        <v>68612</v>
      </c>
      <c r="DZ19" s="327">
        <v>75938</v>
      </c>
      <c r="EA19" s="327">
        <v>11324</v>
      </c>
      <c r="EB19" s="327">
        <v>174402</v>
      </c>
      <c r="EC19" s="328">
        <v>371463</v>
      </c>
      <c r="ED19" s="330">
        <v>371463</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11984</v>
      </c>
      <c r="FM19" s="327">
        <v>78696</v>
      </c>
      <c r="FN19" s="328">
        <v>90680</v>
      </c>
      <c r="FO19" s="326">
        <v>0</v>
      </c>
      <c r="FP19" s="327">
        <v>238712</v>
      </c>
      <c r="FQ19" s="327">
        <v>574030</v>
      </c>
      <c r="FR19" s="327">
        <v>412208</v>
      </c>
      <c r="FS19" s="327">
        <v>226032</v>
      </c>
      <c r="FT19" s="327">
        <v>262224</v>
      </c>
      <c r="FU19" s="328">
        <v>1713206</v>
      </c>
      <c r="FV19" s="330">
        <v>1803886</v>
      </c>
      <c r="FW19" s="333">
        <v>11984</v>
      </c>
      <c r="FX19" s="327">
        <v>28976</v>
      </c>
      <c r="FY19" s="331">
        <v>40960</v>
      </c>
      <c r="FZ19" s="332">
        <v>0</v>
      </c>
      <c r="GA19" s="327">
        <v>114680</v>
      </c>
      <c r="GB19" s="327">
        <v>544656</v>
      </c>
      <c r="GC19" s="327">
        <v>236720</v>
      </c>
      <c r="GD19" s="327">
        <v>226032</v>
      </c>
      <c r="GE19" s="327">
        <v>262224</v>
      </c>
      <c r="GF19" s="328">
        <v>1384312</v>
      </c>
      <c r="GG19" s="334">
        <v>1425272</v>
      </c>
      <c r="GH19" s="333">
        <v>0</v>
      </c>
      <c r="GI19" s="327">
        <v>0</v>
      </c>
      <c r="GJ19" s="331">
        <v>0</v>
      </c>
      <c r="GK19" s="332">
        <v>0</v>
      </c>
      <c r="GL19" s="327">
        <v>23232</v>
      </c>
      <c r="GM19" s="327">
        <v>13374</v>
      </c>
      <c r="GN19" s="327">
        <v>15488</v>
      </c>
      <c r="GO19" s="327">
        <v>0</v>
      </c>
      <c r="GP19" s="327">
        <v>0</v>
      </c>
      <c r="GQ19" s="328">
        <v>52094</v>
      </c>
      <c r="GR19" s="330">
        <v>52094</v>
      </c>
      <c r="GS19" s="326">
        <v>0</v>
      </c>
      <c r="GT19" s="327">
        <v>49720</v>
      </c>
      <c r="GU19" s="328">
        <v>49720</v>
      </c>
      <c r="GV19" s="326">
        <v>0</v>
      </c>
      <c r="GW19" s="327">
        <v>100800</v>
      </c>
      <c r="GX19" s="327">
        <v>16000</v>
      </c>
      <c r="GY19" s="327">
        <v>160000</v>
      </c>
      <c r="GZ19" s="327">
        <v>0</v>
      </c>
      <c r="HA19" s="327">
        <v>0</v>
      </c>
      <c r="HB19" s="331">
        <v>276800</v>
      </c>
      <c r="HC19" s="330">
        <v>326520</v>
      </c>
      <c r="HD19" s="326">
        <v>0</v>
      </c>
      <c r="HE19" s="327">
        <v>43540</v>
      </c>
      <c r="HF19" s="331">
        <v>43540</v>
      </c>
      <c r="HG19" s="332">
        <v>0</v>
      </c>
      <c r="HH19" s="327">
        <v>1636491</v>
      </c>
      <c r="HI19" s="327">
        <v>1461639</v>
      </c>
      <c r="HJ19" s="327">
        <v>2918481</v>
      </c>
      <c r="HK19" s="327">
        <v>1477208</v>
      </c>
      <c r="HL19" s="327">
        <v>951967</v>
      </c>
      <c r="HM19" s="328">
        <v>8445786</v>
      </c>
      <c r="HN19" s="329">
        <v>8489326</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1101733</v>
      </c>
      <c r="IE19" s="339">
        <v>1069047</v>
      </c>
      <c r="IF19" s="337">
        <v>1061924</v>
      </c>
      <c r="IG19" s="336">
        <v>843567</v>
      </c>
      <c r="IH19" s="337">
        <v>983288</v>
      </c>
      <c r="II19" s="340">
        <v>5059559</v>
      </c>
      <c r="IJ19" s="341">
        <v>5059559</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723474</v>
      </c>
      <c r="JL19" s="345">
        <v>710055</v>
      </c>
      <c r="JM19" s="345">
        <v>147456</v>
      </c>
      <c r="JN19" s="345">
        <v>339571</v>
      </c>
      <c r="JO19" s="345">
        <v>0</v>
      </c>
      <c r="JP19" s="349">
        <v>1920556</v>
      </c>
      <c r="JQ19" s="347">
        <v>1920556</v>
      </c>
      <c r="JR19" s="348">
        <v>0</v>
      </c>
      <c r="JS19" s="345">
        <v>0</v>
      </c>
      <c r="JT19" s="346">
        <v>0</v>
      </c>
      <c r="JU19" s="351">
        <v>0</v>
      </c>
      <c r="JV19" s="345">
        <v>0</v>
      </c>
      <c r="JW19" s="345">
        <v>0</v>
      </c>
      <c r="JX19" s="345">
        <v>398963</v>
      </c>
      <c r="JY19" s="345">
        <v>0</v>
      </c>
      <c r="JZ19" s="345">
        <v>157502</v>
      </c>
      <c r="KA19" s="349">
        <v>556465</v>
      </c>
      <c r="KB19" s="347">
        <v>556465</v>
      </c>
      <c r="KC19" s="352">
        <v>0</v>
      </c>
      <c r="KD19" s="353">
        <v>0</v>
      </c>
      <c r="KE19" s="349">
        <v>0</v>
      </c>
      <c r="KF19" s="351">
        <v>0</v>
      </c>
      <c r="KG19" s="345">
        <v>133335</v>
      </c>
      <c r="KH19" s="345">
        <v>358992</v>
      </c>
      <c r="KI19" s="345">
        <v>0</v>
      </c>
      <c r="KJ19" s="345">
        <v>0</v>
      </c>
      <c r="KK19" s="345">
        <v>290761</v>
      </c>
      <c r="KL19" s="349">
        <v>783088</v>
      </c>
      <c r="KM19" s="354">
        <v>783088</v>
      </c>
      <c r="KN19" s="342">
        <v>0</v>
      </c>
      <c r="KO19" s="343">
        <v>0</v>
      </c>
      <c r="KP19" s="344">
        <v>0</v>
      </c>
      <c r="KQ19" s="404">
        <v>0</v>
      </c>
      <c r="KR19" s="345">
        <v>244924</v>
      </c>
      <c r="KS19" s="345">
        <v>0</v>
      </c>
      <c r="KT19" s="345">
        <v>515505</v>
      </c>
      <c r="KU19" s="345">
        <v>503996</v>
      </c>
      <c r="KV19" s="345">
        <v>535025</v>
      </c>
      <c r="KW19" s="349">
        <v>1799450</v>
      </c>
      <c r="KX19" s="347">
        <v>1799450</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0</v>
      </c>
      <c r="ML19" s="345">
        <v>3677578</v>
      </c>
      <c r="MM19" s="345">
        <v>3094527</v>
      </c>
      <c r="MN19" s="345">
        <v>1432208</v>
      </c>
      <c r="MO19" s="349">
        <v>8204313</v>
      </c>
      <c r="MP19" s="354">
        <v>8204313</v>
      </c>
      <c r="MQ19" s="348">
        <v>0</v>
      </c>
      <c r="MR19" s="345">
        <v>0</v>
      </c>
      <c r="MS19" s="349">
        <v>0</v>
      </c>
      <c r="MT19" s="404">
        <v>0</v>
      </c>
      <c r="MU19" s="345">
        <v>0</v>
      </c>
      <c r="MV19" s="345">
        <v>0</v>
      </c>
      <c r="MW19" s="345">
        <v>1472513</v>
      </c>
      <c r="MX19" s="345">
        <v>2778142</v>
      </c>
      <c r="MY19" s="345">
        <v>1110643</v>
      </c>
      <c r="MZ19" s="349">
        <v>5361298</v>
      </c>
      <c r="NA19" s="354">
        <v>5361298</v>
      </c>
      <c r="NB19" s="348">
        <v>0</v>
      </c>
      <c r="NC19" s="345">
        <v>0</v>
      </c>
      <c r="ND19" s="349">
        <v>0</v>
      </c>
      <c r="NE19" s="404">
        <v>0</v>
      </c>
      <c r="NF19" s="345">
        <v>0</v>
      </c>
      <c r="NG19" s="345">
        <v>0</v>
      </c>
      <c r="NH19" s="345">
        <v>2205065</v>
      </c>
      <c r="NI19" s="345">
        <v>316385</v>
      </c>
      <c r="NJ19" s="345">
        <v>321565</v>
      </c>
      <c r="NK19" s="349">
        <v>2843015</v>
      </c>
      <c r="NL19" s="347">
        <v>2843015</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41686</v>
      </c>
      <c r="OJ19" s="345">
        <v>243775</v>
      </c>
      <c r="OK19" s="346">
        <v>285461</v>
      </c>
      <c r="OL19" s="351">
        <v>0</v>
      </c>
      <c r="OM19" s="345">
        <v>5016387</v>
      </c>
      <c r="ON19" s="345">
        <v>5990299</v>
      </c>
      <c r="OO19" s="345">
        <v>10528450</v>
      </c>
      <c r="OP19" s="345">
        <v>7911432</v>
      </c>
      <c r="OQ19" s="345">
        <v>6436310</v>
      </c>
      <c r="OR19" s="349">
        <v>35882878</v>
      </c>
      <c r="OS19" s="354">
        <v>36168339</v>
      </c>
    </row>
    <row r="20" spans="2:409" s="70" customFormat="1" ht="21" customHeight="1" x14ac:dyDescent="0.2">
      <c r="B20" s="410" t="s">
        <v>15</v>
      </c>
      <c r="C20" s="326">
        <v>150787</v>
      </c>
      <c r="D20" s="327">
        <v>549812</v>
      </c>
      <c r="E20" s="328">
        <v>700599</v>
      </c>
      <c r="F20" s="329">
        <v>0</v>
      </c>
      <c r="G20" s="327">
        <v>1882414</v>
      </c>
      <c r="H20" s="327">
        <v>1754323</v>
      </c>
      <c r="I20" s="327">
        <v>2537646</v>
      </c>
      <c r="J20" s="327">
        <v>2178912</v>
      </c>
      <c r="K20" s="327">
        <v>880252</v>
      </c>
      <c r="L20" s="329">
        <v>9233547</v>
      </c>
      <c r="M20" s="330">
        <v>9934146</v>
      </c>
      <c r="N20" s="326">
        <v>0</v>
      </c>
      <c r="O20" s="327">
        <v>31218</v>
      </c>
      <c r="P20" s="328">
        <v>31218</v>
      </c>
      <c r="Q20" s="326">
        <v>0</v>
      </c>
      <c r="R20" s="327">
        <v>486338</v>
      </c>
      <c r="S20" s="327">
        <v>420840</v>
      </c>
      <c r="T20" s="327">
        <v>274711</v>
      </c>
      <c r="U20" s="327">
        <v>1254347</v>
      </c>
      <c r="V20" s="327">
        <v>694611</v>
      </c>
      <c r="W20" s="328">
        <v>3130847</v>
      </c>
      <c r="X20" s="330">
        <v>3162065</v>
      </c>
      <c r="Y20" s="326">
        <v>0</v>
      </c>
      <c r="Z20" s="327">
        <v>0</v>
      </c>
      <c r="AA20" s="328">
        <v>0</v>
      </c>
      <c r="AB20" s="326">
        <v>0</v>
      </c>
      <c r="AC20" s="327">
        <v>130702</v>
      </c>
      <c r="AD20" s="327">
        <v>127888</v>
      </c>
      <c r="AE20" s="327">
        <v>47479</v>
      </c>
      <c r="AF20" s="327">
        <v>859215</v>
      </c>
      <c r="AG20" s="327">
        <v>587153</v>
      </c>
      <c r="AH20" s="328">
        <v>1752437</v>
      </c>
      <c r="AI20" s="330">
        <v>1752437</v>
      </c>
      <c r="AJ20" s="326">
        <v>0</v>
      </c>
      <c r="AK20" s="327">
        <v>0</v>
      </c>
      <c r="AL20" s="328">
        <v>0</v>
      </c>
      <c r="AM20" s="326">
        <v>0</v>
      </c>
      <c r="AN20" s="327">
        <v>0</v>
      </c>
      <c r="AO20" s="327">
        <v>35702</v>
      </c>
      <c r="AP20" s="327">
        <v>0</v>
      </c>
      <c r="AQ20" s="327">
        <v>107107</v>
      </c>
      <c r="AR20" s="327">
        <v>13779</v>
      </c>
      <c r="AS20" s="328">
        <v>156588</v>
      </c>
      <c r="AT20" s="330">
        <v>156588</v>
      </c>
      <c r="AU20" s="326">
        <v>0</v>
      </c>
      <c r="AV20" s="327">
        <v>31218</v>
      </c>
      <c r="AW20" s="328">
        <v>31218</v>
      </c>
      <c r="AX20" s="326">
        <v>0</v>
      </c>
      <c r="AY20" s="327">
        <v>187336</v>
      </c>
      <c r="AZ20" s="327">
        <v>148454</v>
      </c>
      <c r="BA20" s="327">
        <v>120408</v>
      </c>
      <c r="BB20" s="327">
        <v>189209</v>
      </c>
      <c r="BC20" s="327">
        <v>58015</v>
      </c>
      <c r="BD20" s="328">
        <v>703422</v>
      </c>
      <c r="BE20" s="330">
        <v>734640</v>
      </c>
      <c r="BF20" s="326">
        <v>0</v>
      </c>
      <c r="BG20" s="327">
        <v>0</v>
      </c>
      <c r="BH20" s="331">
        <v>0</v>
      </c>
      <c r="BI20" s="332">
        <v>0</v>
      </c>
      <c r="BJ20" s="327">
        <v>45956</v>
      </c>
      <c r="BK20" s="327">
        <v>72068</v>
      </c>
      <c r="BL20" s="327">
        <v>0</v>
      </c>
      <c r="BM20" s="327">
        <v>0</v>
      </c>
      <c r="BN20" s="327">
        <v>0</v>
      </c>
      <c r="BO20" s="328">
        <v>118024</v>
      </c>
      <c r="BP20" s="330">
        <v>118024</v>
      </c>
      <c r="BQ20" s="326">
        <v>0</v>
      </c>
      <c r="BR20" s="327">
        <v>0</v>
      </c>
      <c r="BS20" s="328">
        <v>0</v>
      </c>
      <c r="BT20" s="326">
        <v>0</v>
      </c>
      <c r="BU20" s="327">
        <v>122344</v>
      </c>
      <c r="BV20" s="327">
        <v>36728</v>
      </c>
      <c r="BW20" s="327">
        <v>106824</v>
      </c>
      <c r="BX20" s="327">
        <v>98816</v>
      </c>
      <c r="BY20" s="327">
        <v>35664</v>
      </c>
      <c r="BZ20" s="328">
        <v>400376</v>
      </c>
      <c r="CA20" s="330">
        <v>400376</v>
      </c>
      <c r="CB20" s="326">
        <v>19426</v>
      </c>
      <c r="CC20" s="327">
        <v>0</v>
      </c>
      <c r="CD20" s="328">
        <v>19426</v>
      </c>
      <c r="CE20" s="326">
        <v>0</v>
      </c>
      <c r="CF20" s="327">
        <v>305207</v>
      </c>
      <c r="CG20" s="327">
        <v>199635</v>
      </c>
      <c r="CH20" s="327">
        <v>737871</v>
      </c>
      <c r="CI20" s="327">
        <v>75747</v>
      </c>
      <c r="CJ20" s="327">
        <v>0</v>
      </c>
      <c r="CK20" s="328">
        <v>1318460</v>
      </c>
      <c r="CL20" s="330">
        <v>1337886</v>
      </c>
      <c r="CM20" s="326">
        <v>0</v>
      </c>
      <c r="CN20" s="327">
        <v>0</v>
      </c>
      <c r="CO20" s="328">
        <v>0</v>
      </c>
      <c r="CP20" s="332">
        <v>0</v>
      </c>
      <c r="CQ20" s="327">
        <v>255796</v>
      </c>
      <c r="CR20" s="327">
        <v>199635</v>
      </c>
      <c r="CS20" s="327">
        <v>230654</v>
      </c>
      <c r="CT20" s="327">
        <v>55102</v>
      </c>
      <c r="CU20" s="327">
        <v>0</v>
      </c>
      <c r="CV20" s="328">
        <v>741187</v>
      </c>
      <c r="CW20" s="330">
        <v>741187</v>
      </c>
      <c r="CX20" s="326">
        <v>19426</v>
      </c>
      <c r="CY20" s="327">
        <v>0</v>
      </c>
      <c r="CZ20" s="328">
        <v>19426</v>
      </c>
      <c r="DA20" s="326">
        <v>0</v>
      </c>
      <c r="DB20" s="327">
        <v>49411</v>
      </c>
      <c r="DC20" s="327">
        <v>0</v>
      </c>
      <c r="DD20" s="327">
        <v>507217</v>
      </c>
      <c r="DE20" s="327">
        <v>20645</v>
      </c>
      <c r="DF20" s="327">
        <v>0</v>
      </c>
      <c r="DG20" s="328">
        <v>577273</v>
      </c>
      <c r="DH20" s="330">
        <v>596699</v>
      </c>
      <c r="DI20" s="326">
        <v>0</v>
      </c>
      <c r="DJ20" s="327">
        <v>0</v>
      </c>
      <c r="DK20" s="331">
        <v>0</v>
      </c>
      <c r="DL20" s="332">
        <v>0</v>
      </c>
      <c r="DM20" s="327">
        <v>0</v>
      </c>
      <c r="DN20" s="327">
        <v>423036</v>
      </c>
      <c r="DO20" s="327">
        <v>231185</v>
      </c>
      <c r="DP20" s="327">
        <v>278388</v>
      </c>
      <c r="DQ20" s="327">
        <v>133641</v>
      </c>
      <c r="DR20" s="328">
        <v>1066250</v>
      </c>
      <c r="DS20" s="330">
        <v>1066250</v>
      </c>
      <c r="DT20" s="326">
        <v>0</v>
      </c>
      <c r="DU20" s="327">
        <v>0</v>
      </c>
      <c r="DV20" s="328">
        <v>0</v>
      </c>
      <c r="DW20" s="326">
        <v>0</v>
      </c>
      <c r="DX20" s="327">
        <v>0</v>
      </c>
      <c r="DY20" s="327">
        <v>423036</v>
      </c>
      <c r="DZ20" s="327">
        <v>166951</v>
      </c>
      <c r="EA20" s="327">
        <v>278388</v>
      </c>
      <c r="EB20" s="327">
        <v>133641</v>
      </c>
      <c r="EC20" s="328">
        <v>1002016</v>
      </c>
      <c r="ED20" s="330">
        <v>1002016</v>
      </c>
      <c r="EE20" s="326">
        <v>0</v>
      </c>
      <c r="EF20" s="331">
        <v>0</v>
      </c>
      <c r="EG20" s="328">
        <v>0</v>
      </c>
      <c r="EH20" s="326">
        <v>0</v>
      </c>
      <c r="EI20" s="327">
        <v>0</v>
      </c>
      <c r="EJ20" s="327">
        <v>0</v>
      </c>
      <c r="EK20" s="327">
        <v>64234</v>
      </c>
      <c r="EL20" s="327">
        <v>0</v>
      </c>
      <c r="EM20" s="327">
        <v>0</v>
      </c>
      <c r="EN20" s="331">
        <v>64234</v>
      </c>
      <c r="EO20" s="330">
        <v>64234</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6400</v>
      </c>
      <c r="FM20" s="327">
        <v>30000</v>
      </c>
      <c r="FN20" s="328">
        <v>36400</v>
      </c>
      <c r="FO20" s="326">
        <v>0</v>
      </c>
      <c r="FP20" s="327">
        <v>45888</v>
      </c>
      <c r="FQ20" s="327">
        <v>144664</v>
      </c>
      <c r="FR20" s="327">
        <v>254136</v>
      </c>
      <c r="FS20" s="327">
        <v>123636</v>
      </c>
      <c r="FT20" s="327">
        <v>52000</v>
      </c>
      <c r="FU20" s="328">
        <v>620324</v>
      </c>
      <c r="FV20" s="330">
        <v>656724</v>
      </c>
      <c r="FW20" s="333">
        <v>6400</v>
      </c>
      <c r="FX20" s="327">
        <v>30000</v>
      </c>
      <c r="FY20" s="331">
        <v>36400</v>
      </c>
      <c r="FZ20" s="332">
        <v>0</v>
      </c>
      <c r="GA20" s="327">
        <v>45888</v>
      </c>
      <c r="GB20" s="327">
        <v>120728</v>
      </c>
      <c r="GC20" s="327">
        <v>231960</v>
      </c>
      <c r="GD20" s="327">
        <v>123636</v>
      </c>
      <c r="GE20" s="327">
        <v>52000</v>
      </c>
      <c r="GF20" s="328">
        <v>574212</v>
      </c>
      <c r="GG20" s="334">
        <v>610612</v>
      </c>
      <c r="GH20" s="333">
        <v>0</v>
      </c>
      <c r="GI20" s="327">
        <v>0</v>
      </c>
      <c r="GJ20" s="331">
        <v>0</v>
      </c>
      <c r="GK20" s="332">
        <v>0</v>
      </c>
      <c r="GL20" s="327">
        <v>0</v>
      </c>
      <c r="GM20" s="327">
        <v>23936</v>
      </c>
      <c r="GN20" s="327">
        <v>22176</v>
      </c>
      <c r="GO20" s="327">
        <v>0</v>
      </c>
      <c r="GP20" s="327">
        <v>0</v>
      </c>
      <c r="GQ20" s="328">
        <v>46112</v>
      </c>
      <c r="GR20" s="330">
        <v>46112</v>
      </c>
      <c r="GS20" s="326">
        <v>0</v>
      </c>
      <c r="GT20" s="327">
        <v>0</v>
      </c>
      <c r="GU20" s="328">
        <v>0</v>
      </c>
      <c r="GV20" s="326">
        <v>0</v>
      </c>
      <c r="GW20" s="327">
        <v>0</v>
      </c>
      <c r="GX20" s="327">
        <v>0</v>
      </c>
      <c r="GY20" s="327">
        <v>0</v>
      </c>
      <c r="GZ20" s="327">
        <v>0</v>
      </c>
      <c r="HA20" s="327">
        <v>0</v>
      </c>
      <c r="HB20" s="331">
        <v>0</v>
      </c>
      <c r="HC20" s="330">
        <v>0</v>
      </c>
      <c r="HD20" s="326">
        <v>124961</v>
      </c>
      <c r="HE20" s="327">
        <v>488594</v>
      </c>
      <c r="HF20" s="331">
        <v>613555</v>
      </c>
      <c r="HG20" s="332">
        <v>0</v>
      </c>
      <c r="HH20" s="327">
        <v>1044981</v>
      </c>
      <c r="HI20" s="327">
        <v>566148</v>
      </c>
      <c r="HJ20" s="327">
        <v>1039743</v>
      </c>
      <c r="HK20" s="327">
        <v>446794</v>
      </c>
      <c r="HL20" s="327">
        <v>0</v>
      </c>
      <c r="HM20" s="328">
        <v>3097666</v>
      </c>
      <c r="HN20" s="329">
        <v>3711221</v>
      </c>
      <c r="HO20" s="333">
        <v>0</v>
      </c>
      <c r="HP20" s="327">
        <v>0</v>
      </c>
      <c r="HQ20" s="328">
        <v>0</v>
      </c>
      <c r="HR20" s="326">
        <v>0</v>
      </c>
      <c r="HS20" s="327">
        <v>0</v>
      </c>
      <c r="HT20" s="327">
        <v>0</v>
      </c>
      <c r="HU20" s="327">
        <v>0</v>
      </c>
      <c r="HV20" s="327">
        <v>0</v>
      </c>
      <c r="HW20" s="327">
        <v>0</v>
      </c>
      <c r="HX20" s="331">
        <v>0</v>
      </c>
      <c r="HY20" s="330">
        <v>0</v>
      </c>
      <c r="HZ20" s="358">
        <v>0</v>
      </c>
      <c r="IA20" s="356">
        <v>29753</v>
      </c>
      <c r="IB20" s="358">
        <v>29753</v>
      </c>
      <c r="IC20" s="355">
        <v>0</v>
      </c>
      <c r="ID20" s="356">
        <v>1019270</v>
      </c>
      <c r="IE20" s="357">
        <v>780702</v>
      </c>
      <c r="IF20" s="358">
        <v>825909</v>
      </c>
      <c r="IG20" s="356">
        <v>804317</v>
      </c>
      <c r="IH20" s="358">
        <v>281338</v>
      </c>
      <c r="II20" s="359">
        <v>3711536</v>
      </c>
      <c r="IJ20" s="358">
        <v>3741289</v>
      </c>
      <c r="IK20" s="342">
        <v>0</v>
      </c>
      <c r="IL20" s="343">
        <v>0</v>
      </c>
      <c r="IM20" s="344">
        <v>0</v>
      </c>
      <c r="IN20" s="404">
        <v>0</v>
      </c>
      <c r="IO20" s="345">
        <v>102346</v>
      </c>
      <c r="IP20" s="345">
        <v>0</v>
      </c>
      <c r="IQ20" s="345">
        <v>0</v>
      </c>
      <c r="IR20" s="345">
        <v>254540</v>
      </c>
      <c r="IS20" s="345">
        <v>0</v>
      </c>
      <c r="IT20" s="346">
        <v>356886</v>
      </c>
      <c r="IU20" s="347">
        <v>356886</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319573</v>
      </c>
      <c r="JL20" s="345">
        <v>345102</v>
      </c>
      <c r="JM20" s="345">
        <v>33660</v>
      </c>
      <c r="JN20" s="345">
        <v>218070</v>
      </c>
      <c r="JO20" s="345">
        <v>0</v>
      </c>
      <c r="JP20" s="349">
        <v>916405</v>
      </c>
      <c r="JQ20" s="347">
        <v>916405</v>
      </c>
      <c r="JR20" s="348">
        <v>0</v>
      </c>
      <c r="JS20" s="345">
        <v>29753</v>
      </c>
      <c r="JT20" s="346">
        <v>29753</v>
      </c>
      <c r="JU20" s="351">
        <v>0</v>
      </c>
      <c r="JV20" s="345">
        <v>0</v>
      </c>
      <c r="JW20" s="345">
        <v>0</v>
      </c>
      <c r="JX20" s="345">
        <v>0</v>
      </c>
      <c r="JY20" s="345">
        <v>67115</v>
      </c>
      <c r="JZ20" s="345">
        <v>0</v>
      </c>
      <c r="KA20" s="349">
        <v>67115</v>
      </c>
      <c r="KB20" s="347">
        <v>96868</v>
      </c>
      <c r="KC20" s="352">
        <v>0</v>
      </c>
      <c r="KD20" s="353">
        <v>0</v>
      </c>
      <c r="KE20" s="349">
        <v>0</v>
      </c>
      <c r="KF20" s="351">
        <v>0</v>
      </c>
      <c r="KG20" s="345">
        <v>117268</v>
      </c>
      <c r="KH20" s="345">
        <v>0</v>
      </c>
      <c r="KI20" s="345">
        <v>0</v>
      </c>
      <c r="KJ20" s="345">
        <v>0</v>
      </c>
      <c r="KK20" s="345">
        <v>281338</v>
      </c>
      <c r="KL20" s="349">
        <v>398606</v>
      </c>
      <c r="KM20" s="354">
        <v>398606</v>
      </c>
      <c r="KN20" s="342">
        <v>0</v>
      </c>
      <c r="KO20" s="343">
        <v>0</v>
      </c>
      <c r="KP20" s="344">
        <v>0</v>
      </c>
      <c r="KQ20" s="404">
        <v>0</v>
      </c>
      <c r="KR20" s="345">
        <v>480083</v>
      </c>
      <c r="KS20" s="345">
        <v>250193</v>
      </c>
      <c r="KT20" s="345">
        <v>258322</v>
      </c>
      <c r="KU20" s="345">
        <v>0</v>
      </c>
      <c r="KV20" s="345">
        <v>0</v>
      </c>
      <c r="KW20" s="349">
        <v>988598</v>
      </c>
      <c r="KX20" s="347">
        <v>988598</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185407</v>
      </c>
      <c r="MA20" s="345">
        <v>533927</v>
      </c>
      <c r="MB20" s="345">
        <v>264592</v>
      </c>
      <c r="MC20" s="345">
        <v>0</v>
      </c>
      <c r="MD20" s="349">
        <v>983926</v>
      </c>
      <c r="ME20" s="350">
        <v>983926</v>
      </c>
      <c r="MF20" s="348">
        <v>0</v>
      </c>
      <c r="MG20" s="345">
        <v>0</v>
      </c>
      <c r="MH20" s="349">
        <v>0</v>
      </c>
      <c r="MI20" s="404">
        <v>0</v>
      </c>
      <c r="MJ20" s="345">
        <v>176329</v>
      </c>
      <c r="MK20" s="345">
        <v>547302</v>
      </c>
      <c r="ML20" s="345">
        <v>1141183</v>
      </c>
      <c r="MM20" s="345">
        <v>5117667</v>
      </c>
      <c r="MN20" s="345">
        <v>598172</v>
      </c>
      <c r="MO20" s="349">
        <v>7580653</v>
      </c>
      <c r="MP20" s="354">
        <v>7580653</v>
      </c>
      <c r="MQ20" s="348">
        <v>0</v>
      </c>
      <c r="MR20" s="345">
        <v>0</v>
      </c>
      <c r="MS20" s="349">
        <v>0</v>
      </c>
      <c r="MT20" s="404">
        <v>0</v>
      </c>
      <c r="MU20" s="345">
        <v>0</v>
      </c>
      <c r="MV20" s="345">
        <v>0</v>
      </c>
      <c r="MW20" s="345">
        <v>552184</v>
      </c>
      <c r="MX20" s="345">
        <v>3910630</v>
      </c>
      <c r="MY20" s="345">
        <v>284832</v>
      </c>
      <c r="MZ20" s="349">
        <v>4747646</v>
      </c>
      <c r="NA20" s="354">
        <v>4747646</v>
      </c>
      <c r="NB20" s="348">
        <v>0</v>
      </c>
      <c r="NC20" s="345">
        <v>0</v>
      </c>
      <c r="ND20" s="349">
        <v>0</v>
      </c>
      <c r="NE20" s="404">
        <v>0</v>
      </c>
      <c r="NF20" s="345">
        <v>176329</v>
      </c>
      <c r="NG20" s="345">
        <v>547302</v>
      </c>
      <c r="NH20" s="345">
        <v>588999</v>
      </c>
      <c r="NI20" s="345">
        <v>1207037</v>
      </c>
      <c r="NJ20" s="345">
        <v>313340</v>
      </c>
      <c r="NK20" s="349">
        <v>2833007</v>
      </c>
      <c r="NL20" s="347">
        <v>2833007</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50787</v>
      </c>
      <c r="OJ20" s="345">
        <v>579565</v>
      </c>
      <c r="OK20" s="346">
        <v>730352</v>
      </c>
      <c r="OL20" s="351">
        <v>0</v>
      </c>
      <c r="OM20" s="345">
        <v>3078013</v>
      </c>
      <c r="ON20" s="345">
        <v>3082327</v>
      </c>
      <c r="OO20" s="345">
        <v>4504738</v>
      </c>
      <c r="OP20" s="345">
        <v>8100896</v>
      </c>
      <c r="OQ20" s="345">
        <v>1759762</v>
      </c>
      <c r="OR20" s="349">
        <v>20525736</v>
      </c>
      <c r="OS20" s="354">
        <v>21256088</v>
      </c>
    </row>
    <row r="21" spans="2:409" s="70" customFormat="1" ht="21" customHeight="1" x14ac:dyDescent="0.2">
      <c r="B21" s="410" t="s">
        <v>16</v>
      </c>
      <c r="C21" s="326">
        <v>602399</v>
      </c>
      <c r="D21" s="327">
        <v>690787</v>
      </c>
      <c r="E21" s="328">
        <v>1293186</v>
      </c>
      <c r="F21" s="329">
        <v>0</v>
      </c>
      <c r="G21" s="327">
        <v>4175676</v>
      </c>
      <c r="H21" s="327">
        <v>8607213</v>
      </c>
      <c r="I21" s="327">
        <v>3742104</v>
      </c>
      <c r="J21" s="327">
        <v>3251882</v>
      </c>
      <c r="K21" s="327">
        <v>2311401</v>
      </c>
      <c r="L21" s="329">
        <v>22088276</v>
      </c>
      <c r="M21" s="330">
        <v>23381462</v>
      </c>
      <c r="N21" s="326">
        <v>215170</v>
      </c>
      <c r="O21" s="327">
        <v>164403</v>
      </c>
      <c r="P21" s="328">
        <v>379573</v>
      </c>
      <c r="Q21" s="326">
        <v>0</v>
      </c>
      <c r="R21" s="327">
        <v>851195</v>
      </c>
      <c r="S21" s="327">
        <v>1788968</v>
      </c>
      <c r="T21" s="327">
        <v>895430</v>
      </c>
      <c r="U21" s="327">
        <v>605289</v>
      </c>
      <c r="V21" s="327">
        <v>499317</v>
      </c>
      <c r="W21" s="328">
        <v>4640199</v>
      </c>
      <c r="X21" s="330">
        <v>5019772</v>
      </c>
      <c r="Y21" s="326">
        <v>0</v>
      </c>
      <c r="Z21" s="327">
        <v>0</v>
      </c>
      <c r="AA21" s="328">
        <v>0</v>
      </c>
      <c r="AB21" s="326">
        <v>0</v>
      </c>
      <c r="AC21" s="327">
        <v>253434</v>
      </c>
      <c r="AD21" s="327">
        <v>410496</v>
      </c>
      <c r="AE21" s="327">
        <v>630899</v>
      </c>
      <c r="AF21" s="327">
        <v>64261</v>
      </c>
      <c r="AG21" s="327">
        <v>84159</v>
      </c>
      <c r="AH21" s="328">
        <v>1443249</v>
      </c>
      <c r="AI21" s="330">
        <v>1443249</v>
      </c>
      <c r="AJ21" s="326">
        <v>0</v>
      </c>
      <c r="AK21" s="327">
        <v>0</v>
      </c>
      <c r="AL21" s="328">
        <v>0</v>
      </c>
      <c r="AM21" s="326">
        <v>0</v>
      </c>
      <c r="AN21" s="327">
        <v>0</v>
      </c>
      <c r="AO21" s="327">
        <v>0</v>
      </c>
      <c r="AP21" s="327">
        <v>34319</v>
      </c>
      <c r="AQ21" s="327">
        <v>45764</v>
      </c>
      <c r="AR21" s="327">
        <v>69020</v>
      </c>
      <c r="AS21" s="328">
        <v>149103</v>
      </c>
      <c r="AT21" s="330">
        <v>149103</v>
      </c>
      <c r="AU21" s="326">
        <v>137292</v>
      </c>
      <c r="AV21" s="327">
        <v>152483</v>
      </c>
      <c r="AW21" s="328">
        <v>289775</v>
      </c>
      <c r="AX21" s="326">
        <v>0</v>
      </c>
      <c r="AY21" s="327">
        <v>368667</v>
      </c>
      <c r="AZ21" s="327">
        <v>936165</v>
      </c>
      <c r="BA21" s="327">
        <v>43028</v>
      </c>
      <c r="BB21" s="327">
        <v>262278</v>
      </c>
      <c r="BC21" s="327">
        <v>219442</v>
      </c>
      <c r="BD21" s="328">
        <v>1829580</v>
      </c>
      <c r="BE21" s="330">
        <v>2119355</v>
      </c>
      <c r="BF21" s="326">
        <v>39790</v>
      </c>
      <c r="BG21" s="327">
        <v>0</v>
      </c>
      <c r="BH21" s="331">
        <v>39790</v>
      </c>
      <c r="BI21" s="332">
        <v>0</v>
      </c>
      <c r="BJ21" s="327">
        <v>37278</v>
      </c>
      <c r="BK21" s="327">
        <v>115363</v>
      </c>
      <c r="BL21" s="327">
        <v>0</v>
      </c>
      <c r="BM21" s="327">
        <v>65202</v>
      </c>
      <c r="BN21" s="327">
        <v>0</v>
      </c>
      <c r="BO21" s="328">
        <v>217843</v>
      </c>
      <c r="BP21" s="330">
        <v>257633</v>
      </c>
      <c r="BQ21" s="326">
        <v>38088</v>
      </c>
      <c r="BR21" s="327">
        <v>11920</v>
      </c>
      <c r="BS21" s="328">
        <v>50008</v>
      </c>
      <c r="BT21" s="326">
        <v>0</v>
      </c>
      <c r="BU21" s="327">
        <v>191816</v>
      </c>
      <c r="BV21" s="327">
        <v>326944</v>
      </c>
      <c r="BW21" s="327">
        <v>187184</v>
      </c>
      <c r="BX21" s="327">
        <v>167784</v>
      </c>
      <c r="BY21" s="327">
        <v>126696</v>
      </c>
      <c r="BZ21" s="328">
        <v>1000424</v>
      </c>
      <c r="CA21" s="330">
        <v>1050432</v>
      </c>
      <c r="CB21" s="326">
        <v>63019</v>
      </c>
      <c r="CC21" s="327">
        <v>389160</v>
      </c>
      <c r="CD21" s="328">
        <v>452179</v>
      </c>
      <c r="CE21" s="326">
        <v>0</v>
      </c>
      <c r="CF21" s="327">
        <v>1640999</v>
      </c>
      <c r="CG21" s="327">
        <v>3652508</v>
      </c>
      <c r="CH21" s="327">
        <v>996861</v>
      </c>
      <c r="CI21" s="327">
        <v>390550</v>
      </c>
      <c r="CJ21" s="327">
        <v>166034</v>
      </c>
      <c r="CK21" s="328">
        <v>6846952</v>
      </c>
      <c r="CL21" s="330">
        <v>7299131</v>
      </c>
      <c r="CM21" s="326">
        <v>0</v>
      </c>
      <c r="CN21" s="327">
        <v>0</v>
      </c>
      <c r="CO21" s="328">
        <v>0</v>
      </c>
      <c r="CP21" s="332">
        <v>0</v>
      </c>
      <c r="CQ21" s="327">
        <v>835371</v>
      </c>
      <c r="CR21" s="327">
        <v>1664579</v>
      </c>
      <c r="CS21" s="327">
        <v>489707</v>
      </c>
      <c r="CT21" s="327">
        <v>390550</v>
      </c>
      <c r="CU21" s="327">
        <v>95708</v>
      </c>
      <c r="CV21" s="328">
        <v>3475915</v>
      </c>
      <c r="CW21" s="330">
        <v>3475915</v>
      </c>
      <c r="CX21" s="326">
        <v>63019</v>
      </c>
      <c r="CY21" s="327">
        <v>389160</v>
      </c>
      <c r="CZ21" s="328">
        <v>452179</v>
      </c>
      <c r="DA21" s="326">
        <v>0</v>
      </c>
      <c r="DB21" s="327">
        <v>805628</v>
      </c>
      <c r="DC21" s="327">
        <v>1987929</v>
      </c>
      <c r="DD21" s="327">
        <v>507154</v>
      </c>
      <c r="DE21" s="327">
        <v>0</v>
      </c>
      <c r="DF21" s="327">
        <v>70326</v>
      </c>
      <c r="DG21" s="328">
        <v>3371037</v>
      </c>
      <c r="DH21" s="330">
        <v>3823216</v>
      </c>
      <c r="DI21" s="326">
        <v>0</v>
      </c>
      <c r="DJ21" s="327">
        <v>0</v>
      </c>
      <c r="DK21" s="331">
        <v>0</v>
      </c>
      <c r="DL21" s="332">
        <v>0</v>
      </c>
      <c r="DM21" s="327">
        <v>17585</v>
      </c>
      <c r="DN21" s="327">
        <v>167296</v>
      </c>
      <c r="DO21" s="327">
        <v>183152</v>
      </c>
      <c r="DP21" s="327">
        <v>295623</v>
      </c>
      <c r="DQ21" s="327">
        <v>56888</v>
      </c>
      <c r="DR21" s="328">
        <v>720544</v>
      </c>
      <c r="DS21" s="330">
        <v>720544</v>
      </c>
      <c r="DT21" s="326">
        <v>0</v>
      </c>
      <c r="DU21" s="327">
        <v>0</v>
      </c>
      <c r="DV21" s="328">
        <v>0</v>
      </c>
      <c r="DW21" s="326">
        <v>0</v>
      </c>
      <c r="DX21" s="327">
        <v>17585</v>
      </c>
      <c r="DY21" s="327">
        <v>148663</v>
      </c>
      <c r="DZ21" s="327">
        <v>67309</v>
      </c>
      <c r="EA21" s="327">
        <v>295623</v>
      </c>
      <c r="EB21" s="327">
        <v>56888</v>
      </c>
      <c r="EC21" s="328">
        <v>586068</v>
      </c>
      <c r="ED21" s="330">
        <v>586068</v>
      </c>
      <c r="EE21" s="326">
        <v>0</v>
      </c>
      <c r="EF21" s="331">
        <v>0</v>
      </c>
      <c r="EG21" s="328">
        <v>0</v>
      </c>
      <c r="EH21" s="326">
        <v>0</v>
      </c>
      <c r="EI21" s="327">
        <v>0</v>
      </c>
      <c r="EJ21" s="327">
        <v>18633</v>
      </c>
      <c r="EK21" s="327">
        <v>115843</v>
      </c>
      <c r="EL21" s="327">
        <v>0</v>
      </c>
      <c r="EM21" s="327">
        <v>0</v>
      </c>
      <c r="EN21" s="331">
        <v>134476</v>
      </c>
      <c r="EO21" s="330">
        <v>134476</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50160</v>
      </c>
      <c r="FM21" s="327">
        <v>137224</v>
      </c>
      <c r="FN21" s="328">
        <v>187384</v>
      </c>
      <c r="FO21" s="326">
        <v>0</v>
      </c>
      <c r="FP21" s="327">
        <v>173208</v>
      </c>
      <c r="FQ21" s="327">
        <v>619368</v>
      </c>
      <c r="FR21" s="327">
        <v>456200</v>
      </c>
      <c r="FS21" s="327">
        <v>184760</v>
      </c>
      <c r="FT21" s="327">
        <v>129080</v>
      </c>
      <c r="FU21" s="328">
        <v>1562616</v>
      </c>
      <c r="FV21" s="330">
        <v>1750000</v>
      </c>
      <c r="FW21" s="333">
        <v>35376</v>
      </c>
      <c r="FX21" s="327">
        <v>137224</v>
      </c>
      <c r="FY21" s="331">
        <v>172600</v>
      </c>
      <c r="FZ21" s="332">
        <v>0</v>
      </c>
      <c r="GA21" s="327">
        <v>141088</v>
      </c>
      <c r="GB21" s="327">
        <v>619368</v>
      </c>
      <c r="GC21" s="327">
        <v>410064</v>
      </c>
      <c r="GD21" s="327">
        <v>184760</v>
      </c>
      <c r="GE21" s="327">
        <v>129080</v>
      </c>
      <c r="GF21" s="328">
        <v>1484360</v>
      </c>
      <c r="GG21" s="334">
        <v>1656960</v>
      </c>
      <c r="GH21" s="333">
        <v>14784</v>
      </c>
      <c r="GI21" s="327">
        <v>0</v>
      </c>
      <c r="GJ21" s="331">
        <v>14784</v>
      </c>
      <c r="GK21" s="332">
        <v>0</v>
      </c>
      <c r="GL21" s="327">
        <v>0</v>
      </c>
      <c r="GM21" s="327">
        <v>0</v>
      </c>
      <c r="GN21" s="327">
        <v>22176</v>
      </c>
      <c r="GO21" s="327">
        <v>0</v>
      </c>
      <c r="GP21" s="327">
        <v>0</v>
      </c>
      <c r="GQ21" s="328">
        <v>22176</v>
      </c>
      <c r="GR21" s="330">
        <v>36960</v>
      </c>
      <c r="GS21" s="326">
        <v>0</v>
      </c>
      <c r="GT21" s="327">
        <v>0</v>
      </c>
      <c r="GU21" s="328">
        <v>0</v>
      </c>
      <c r="GV21" s="326">
        <v>0</v>
      </c>
      <c r="GW21" s="327">
        <v>32120</v>
      </c>
      <c r="GX21" s="327">
        <v>0</v>
      </c>
      <c r="GY21" s="327">
        <v>23960</v>
      </c>
      <c r="GZ21" s="327">
        <v>0</v>
      </c>
      <c r="HA21" s="327">
        <v>0</v>
      </c>
      <c r="HB21" s="331">
        <v>56080</v>
      </c>
      <c r="HC21" s="330">
        <v>56080</v>
      </c>
      <c r="HD21" s="326">
        <v>274050</v>
      </c>
      <c r="HE21" s="327">
        <v>0</v>
      </c>
      <c r="HF21" s="331">
        <v>274050</v>
      </c>
      <c r="HG21" s="332">
        <v>0</v>
      </c>
      <c r="HH21" s="327">
        <v>1492689</v>
      </c>
      <c r="HI21" s="327">
        <v>2379073</v>
      </c>
      <c r="HJ21" s="327">
        <v>1210461</v>
      </c>
      <c r="HK21" s="327">
        <v>1775660</v>
      </c>
      <c r="HL21" s="327">
        <v>1460082</v>
      </c>
      <c r="HM21" s="328">
        <v>8317965</v>
      </c>
      <c r="HN21" s="329">
        <v>8592015</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259980</v>
      </c>
      <c r="IE21" s="339">
        <v>1616666</v>
      </c>
      <c r="IF21" s="337">
        <v>1224376</v>
      </c>
      <c r="IG21" s="336">
        <v>1217694</v>
      </c>
      <c r="IH21" s="337">
        <v>445592</v>
      </c>
      <c r="II21" s="340">
        <v>4764308</v>
      </c>
      <c r="IJ21" s="341">
        <v>4764308</v>
      </c>
      <c r="IK21" s="342">
        <v>0</v>
      </c>
      <c r="IL21" s="343">
        <v>0</v>
      </c>
      <c r="IM21" s="344">
        <v>0</v>
      </c>
      <c r="IN21" s="404">
        <v>0</v>
      </c>
      <c r="IO21" s="345">
        <v>0</v>
      </c>
      <c r="IP21" s="345">
        <v>0</v>
      </c>
      <c r="IQ21" s="345">
        <v>144960</v>
      </c>
      <c r="IR21" s="345">
        <v>0</v>
      </c>
      <c r="IS21" s="345">
        <v>0</v>
      </c>
      <c r="IT21" s="346">
        <v>144960</v>
      </c>
      <c r="IU21" s="347">
        <v>144960</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259980</v>
      </c>
      <c r="JL21" s="345">
        <v>477659</v>
      </c>
      <c r="JM21" s="345">
        <v>458546</v>
      </c>
      <c r="JN21" s="345">
        <v>177471</v>
      </c>
      <c r="JO21" s="345">
        <v>65900</v>
      </c>
      <c r="JP21" s="349">
        <v>1439556</v>
      </c>
      <c r="JQ21" s="347">
        <v>1439556</v>
      </c>
      <c r="JR21" s="348">
        <v>0</v>
      </c>
      <c r="JS21" s="345">
        <v>0</v>
      </c>
      <c r="JT21" s="346">
        <v>0</v>
      </c>
      <c r="JU21" s="351">
        <v>0</v>
      </c>
      <c r="JV21" s="345">
        <v>0</v>
      </c>
      <c r="JW21" s="345">
        <v>0</v>
      </c>
      <c r="JX21" s="345">
        <v>367580</v>
      </c>
      <c r="JY21" s="345">
        <v>219805</v>
      </c>
      <c r="JZ21" s="345">
        <v>0</v>
      </c>
      <c r="KA21" s="349">
        <v>587385</v>
      </c>
      <c r="KB21" s="347">
        <v>587385</v>
      </c>
      <c r="KC21" s="352">
        <v>0</v>
      </c>
      <c r="KD21" s="353">
        <v>0</v>
      </c>
      <c r="KE21" s="349">
        <v>0</v>
      </c>
      <c r="KF21" s="351">
        <v>0</v>
      </c>
      <c r="KG21" s="345">
        <v>0</v>
      </c>
      <c r="KH21" s="345">
        <v>0</v>
      </c>
      <c r="KI21" s="345">
        <v>0</v>
      </c>
      <c r="KJ21" s="345">
        <v>318964</v>
      </c>
      <c r="KK21" s="345">
        <v>0</v>
      </c>
      <c r="KL21" s="349">
        <v>318964</v>
      </c>
      <c r="KM21" s="354">
        <v>318964</v>
      </c>
      <c r="KN21" s="342">
        <v>0</v>
      </c>
      <c r="KO21" s="343">
        <v>0</v>
      </c>
      <c r="KP21" s="344">
        <v>0</v>
      </c>
      <c r="KQ21" s="404">
        <v>0</v>
      </c>
      <c r="KR21" s="345">
        <v>0</v>
      </c>
      <c r="KS21" s="345">
        <v>970141</v>
      </c>
      <c r="KT21" s="345">
        <v>253290</v>
      </c>
      <c r="KU21" s="345">
        <v>501454</v>
      </c>
      <c r="KV21" s="345">
        <v>379692</v>
      </c>
      <c r="KW21" s="349">
        <v>2104577</v>
      </c>
      <c r="KX21" s="347">
        <v>2104577</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168866</v>
      </c>
      <c r="MA21" s="345">
        <v>0</v>
      </c>
      <c r="MB21" s="345">
        <v>0</v>
      </c>
      <c r="MC21" s="345">
        <v>0</v>
      </c>
      <c r="MD21" s="349">
        <v>168866</v>
      </c>
      <c r="ME21" s="350">
        <v>168866</v>
      </c>
      <c r="MF21" s="348">
        <v>0</v>
      </c>
      <c r="MG21" s="345">
        <v>0</v>
      </c>
      <c r="MH21" s="349">
        <v>0</v>
      </c>
      <c r="MI21" s="404">
        <v>0</v>
      </c>
      <c r="MJ21" s="345">
        <v>540656</v>
      </c>
      <c r="MK21" s="345">
        <v>1011353</v>
      </c>
      <c r="ML21" s="345">
        <v>2397073</v>
      </c>
      <c r="MM21" s="345">
        <v>5206639</v>
      </c>
      <c r="MN21" s="345">
        <v>1916941</v>
      </c>
      <c r="MO21" s="349">
        <v>11072662</v>
      </c>
      <c r="MP21" s="354">
        <v>11072662</v>
      </c>
      <c r="MQ21" s="348">
        <v>0</v>
      </c>
      <c r="MR21" s="345">
        <v>0</v>
      </c>
      <c r="MS21" s="349">
        <v>0</v>
      </c>
      <c r="MT21" s="404">
        <v>0</v>
      </c>
      <c r="MU21" s="345">
        <v>0</v>
      </c>
      <c r="MV21" s="345">
        <v>217172</v>
      </c>
      <c r="MW21" s="345">
        <v>1510280</v>
      </c>
      <c r="MX21" s="345">
        <v>3482869</v>
      </c>
      <c r="MY21" s="345">
        <v>1508177</v>
      </c>
      <c r="MZ21" s="349">
        <v>6718498</v>
      </c>
      <c r="NA21" s="354">
        <v>6718498</v>
      </c>
      <c r="NB21" s="348">
        <v>0</v>
      </c>
      <c r="NC21" s="345">
        <v>0</v>
      </c>
      <c r="ND21" s="349">
        <v>0</v>
      </c>
      <c r="NE21" s="404">
        <v>0</v>
      </c>
      <c r="NF21" s="345">
        <v>540656</v>
      </c>
      <c r="NG21" s="345">
        <v>794181</v>
      </c>
      <c r="NH21" s="345">
        <v>886793</v>
      </c>
      <c r="NI21" s="345">
        <v>1723770</v>
      </c>
      <c r="NJ21" s="345">
        <v>0</v>
      </c>
      <c r="NK21" s="349">
        <v>3945400</v>
      </c>
      <c r="NL21" s="347">
        <v>3945400</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408764</v>
      </c>
      <c r="OG21" s="349">
        <v>408764</v>
      </c>
      <c r="OH21" s="350">
        <v>408764</v>
      </c>
      <c r="OI21" s="348">
        <v>602399</v>
      </c>
      <c r="OJ21" s="345">
        <v>690787</v>
      </c>
      <c r="OK21" s="346">
        <v>1293186</v>
      </c>
      <c r="OL21" s="351">
        <v>0</v>
      </c>
      <c r="OM21" s="345">
        <v>4976312</v>
      </c>
      <c r="ON21" s="345">
        <v>11235232</v>
      </c>
      <c r="OO21" s="345">
        <v>7363553</v>
      </c>
      <c r="OP21" s="345">
        <v>9676215</v>
      </c>
      <c r="OQ21" s="345">
        <v>4673934</v>
      </c>
      <c r="OR21" s="349">
        <v>37925246</v>
      </c>
      <c r="OS21" s="354">
        <v>39218432</v>
      </c>
    </row>
    <row r="22" spans="2:409" s="70" customFormat="1" ht="21" customHeight="1" x14ac:dyDescent="0.2">
      <c r="B22" s="410" t="s">
        <v>17</v>
      </c>
      <c r="C22" s="326">
        <v>760730</v>
      </c>
      <c r="D22" s="327">
        <v>604434</v>
      </c>
      <c r="E22" s="328">
        <v>1365164</v>
      </c>
      <c r="F22" s="329">
        <v>0</v>
      </c>
      <c r="G22" s="327">
        <v>4398549</v>
      </c>
      <c r="H22" s="327">
        <v>9567922</v>
      </c>
      <c r="I22" s="327">
        <v>6444430</v>
      </c>
      <c r="J22" s="327">
        <v>3266517</v>
      </c>
      <c r="K22" s="327">
        <v>2648085</v>
      </c>
      <c r="L22" s="329">
        <v>26325503</v>
      </c>
      <c r="M22" s="330">
        <v>27690667</v>
      </c>
      <c r="N22" s="326">
        <v>108208</v>
      </c>
      <c r="O22" s="327">
        <v>181217</v>
      </c>
      <c r="P22" s="328">
        <v>289425</v>
      </c>
      <c r="Q22" s="326">
        <v>0</v>
      </c>
      <c r="R22" s="327">
        <v>1145857</v>
      </c>
      <c r="S22" s="327">
        <v>1994503</v>
      </c>
      <c r="T22" s="327">
        <v>2376231</v>
      </c>
      <c r="U22" s="327">
        <v>589251</v>
      </c>
      <c r="V22" s="327">
        <v>984489</v>
      </c>
      <c r="W22" s="328">
        <v>7090331</v>
      </c>
      <c r="X22" s="330">
        <v>7379756</v>
      </c>
      <c r="Y22" s="326">
        <v>0</v>
      </c>
      <c r="Z22" s="327">
        <v>0</v>
      </c>
      <c r="AA22" s="328">
        <v>0</v>
      </c>
      <c r="AB22" s="326">
        <v>0</v>
      </c>
      <c r="AC22" s="327">
        <v>375408</v>
      </c>
      <c r="AD22" s="327">
        <v>798491</v>
      </c>
      <c r="AE22" s="327">
        <v>1351953</v>
      </c>
      <c r="AF22" s="327">
        <v>380581</v>
      </c>
      <c r="AG22" s="327">
        <v>688261</v>
      </c>
      <c r="AH22" s="328">
        <v>3594694</v>
      </c>
      <c r="AI22" s="330">
        <v>3594694</v>
      </c>
      <c r="AJ22" s="326">
        <v>0</v>
      </c>
      <c r="AK22" s="327">
        <v>0</v>
      </c>
      <c r="AL22" s="328">
        <v>0</v>
      </c>
      <c r="AM22" s="326">
        <v>0</v>
      </c>
      <c r="AN22" s="327">
        <v>0</v>
      </c>
      <c r="AO22" s="327">
        <v>0</v>
      </c>
      <c r="AP22" s="327">
        <v>48531</v>
      </c>
      <c r="AQ22" s="327">
        <v>0</v>
      </c>
      <c r="AR22" s="327">
        <v>48301</v>
      </c>
      <c r="AS22" s="328">
        <v>96832</v>
      </c>
      <c r="AT22" s="330">
        <v>96832</v>
      </c>
      <c r="AU22" s="326">
        <v>0</v>
      </c>
      <c r="AV22" s="327">
        <v>108220</v>
      </c>
      <c r="AW22" s="328">
        <v>108220</v>
      </c>
      <c r="AX22" s="326">
        <v>0</v>
      </c>
      <c r="AY22" s="327">
        <v>535396</v>
      </c>
      <c r="AZ22" s="327">
        <v>731482</v>
      </c>
      <c r="BA22" s="327">
        <v>575611</v>
      </c>
      <c r="BB22" s="327">
        <v>60134</v>
      </c>
      <c r="BC22" s="327">
        <v>121141</v>
      </c>
      <c r="BD22" s="328">
        <v>2023764</v>
      </c>
      <c r="BE22" s="330">
        <v>2131984</v>
      </c>
      <c r="BF22" s="326">
        <v>0</v>
      </c>
      <c r="BG22" s="327">
        <v>31709</v>
      </c>
      <c r="BH22" s="331">
        <v>31709</v>
      </c>
      <c r="BI22" s="332">
        <v>0</v>
      </c>
      <c r="BJ22" s="327">
        <v>20013</v>
      </c>
      <c r="BK22" s="327">
        <v>44186</v>
      </c>
      <c r="BL22" s="327">
        <v>36128</v>
      </c>
      <c r="BM22" s="327">
        <v>0</v>
      </c>
      <c r="BN22" s="327">
        <v>44186</v>
      </c>
      <c r="BO22" s="328">
        <v>144513</v>
      </c>
      <c r="BP22" s="330">
        <v>176222</v>
      </c>
      <c r="BQ22" s="326">
        <v>108208</v>
      </c>
      <c r="BR22" s="327">
        <v>41288</v>
      </c>
      <c r="BS22" s="328">
        <v>149496</v>
      </c>
      <c r="BT22" s="326">
        <v>0</v>
      </c>
      <c r="BU22" s="327">
        <v>215040</v>
      </c>
      <c r="BV22" s="327">
        <v>420344</v>
      </c>
      <c r="BW22" s="327">
        <v>364008</v>
      </c>
      <c r="BX22" s="327">
        <v>148536</v>
      </c>
      <c r="BY22" s="327">
        <v>82600</v>
      </c>
      <c r="BZ22" s="328">
        <v>1230528</v>
      </c>
      <c r="CA22" s="330">
        <v>1380024</v>
      </c>
      <c r="CB22" s="326">
        <v>110817</v>
      </c>
      <c r="CC22" s="327">
        <v>80816</v>
      </c>
      <c r="CD22" s="328">
        <v>191633</v>
      </c>
      <c r="CE22" s="326">
        <v>0</v>
      </c>
      <c r="CF22" s="327">
        <v>1447628</v>
      </c>
      <c r="CG22" s="327">
        <v>3079377</v>
      </c>
      <c r="CH22" s="327">
        <v>1591166</v>
      </c>
      <c r="CI22" s="327">
        <v>190350</v>
      </c>
      <c r="CJ22" s="327">
        <v>360509</v>
      </c>
      <c r="CK22" s="328">
        <v>6669030</v>
      </c>
      <c r="CL22" s="330">
        <v>6860663</v>
      </c>
      <c r="CM22" s="326">
        <v>0</v>
      </c>
      <c r="CN22" s="327">
        <v>0</v>
      </c>
      <c r="CO22" s="328">
        <v>0</v>
      </c>
      <c r="CP22" s="332">
        <v>0</v>
      </c>
      <c r="CQ22" s="327">
        <v>1073573</v>
      </c>
      <c r="CR22" s="327">
        <v>2018074</v>
      </c>
      <c r="CS22" s="327">
        <v>1061878</v>
      </c>
      <c r="CT22" s="327">
        <v>105722</v>
      </c>
      <c r="CU22" s="327">
        <v>360509</v>
      </c>
      <c r="CV22" s="328">
        <v>4619756</v>
      </c>
      <c r="CW22" s="330">
        <v>4619756</v>
      </c>
      <c r="CX22" s="326">
        <v>110817</v>
      </c>
      <c r="CY22" s="327">
        <v>80816</v>
      </c>
      <c r="CZ22" s="328">
        <v>191633</v>
      </c>
      <c r="DA22" s="326">
        <v>0</v>
      </c>
      <c r="DB22" s="327">
        <v>374055</v>
      </c>
      <c r="DC22" s="327">
        <v>1061303</v>
      </c>
      <c r="DD22" s="327">
        <v>529288</v>
      </c>
      <c r="DE22" s="327">
        <v>84628</v>
      </c>
      <c r="DF22" s="327">
        <v>0</v>
      </c>
      <c r="DG22" s="328">
        <v>2049274</v>
      </c>
      <c r="DH22" s="330">
        <v>2240907</v>
      </c>
      <c r="DI22" s="326">
        <v>0</v>
      </c>
      <c r="DJ22" s="327">
        <v>0</v>
      </c>
      <c r="DK22" s="331">
        <v>0</v>
      </c>
      <c r="DL22" s="332">
        <v>0</v>
      </c>
      <c r="DM22" s="327">
        <v>103992</v>
      </c>
      <c r="DN22" s="327">
        <v>868864</v>
      </c>
      <c r="DO22" s="327">
        <v>460144</v>
      </c>
      <c r="DP22" s="327">
        <v>1635762</v>
      </c>
      <c r="DQ22" s="327">
        <v>256046</v>
      </c>
      <c r="DR22" s="328">
        <v>3324808</v>
      </c>
      <c r="DS22" s="330">
        <v>3324808</v>
      </c>
      <c r="DT22" s="326">
        <v>0</v>
      </c>
      <c r="DU22" s="327">
        <v>0</v>
      </c>
      <c r="DV22" s="328">
        <v>0</v>
      </c>
      <c r="DW22" s="326">
        <v>0</v>
      </c>
      <c r="DX22" s="327">
        <v>103992</v>
      </c>
      <c r="DY22" s="327">
        <v>825756</v>
      </c>
      <c r="DZ22" s="327">
        <v>378466</v>
      </c>
      <c r="EA22" s="327">
        <v>1635762</v>
      </c>
      <c r="EB22" s="327">
        <v>256046</v>
      </c>
      <c r="EC22" s="328">
        <v>3200022</v>
      </c>
      <c r="ED22" s="330">
        <v>3200022</v>
      </c>
      <c r="EE22" s="326">
        <v>0</v>
      </c>
      <c r="EF22" s="331">
        <v>0</v>
      </c>
      <c r="EG22" s="328">
        <v>0</v>
      </c>
      <c r="EH22" s="326">
        <v>0</v>
      </c>
      <c r="EI22" s="327">
        <v>0</v>
      </c>
      <c r="EJ22" s="327">
        <v>43108</v>
      </c>
      <c r="EK22" s="327">
        <v>81678</v>
      </c>
      <c r="EL22" s="327">
        <v>0</v>
      </c>
      <c r="EM22" s="327">
        <v>0</v>
      </c>
      <c r="EN22" s="331">
        <v>124786</v>
      </c>
      <c r="EO22" s="330">
        <v>124786</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257733</v>
      </c>
      <c r="FM22" s="327">
        <v>152568</v>
      </c>
      <c r="FN22" s="328">
        <v>410301</v>
      </c>
      <c r="FO22" s="326">
        <v>0</v>
      </c>
      <c r="FP22" s="327">
        <v>208000</v>
      </c>
      <c r="FQ22" s="327">
        <v>894745</v>
      </c>
      <c r="FR22" s="327">
        <v>778134</v>
      </c>
      <c r="FS22" s="327">
        <v>160824</v>
      </c>
      <c r="FT22" s="327">
        <v>85824</v>
      </c>
      <c r="FU22" s="328">
        <v>2127527</v>
      </c>
      <c r="FV22" s="330">
        <v>2537828</v>
      </c>
      <c r="FW22" s="333">
        <v>70944</v>
      </c>
      <c r="FX22" s="327">
        <v>152568</v>
      </c>
      <c r="FY22" s="331">
        <v>223512</v>
      </c>
      <c r="FZ22" s="332">
        <v>0</v>
      </c>
      <c r="GA22" s="327">
        <v>88768</v>
      </c>
      <c r="GB22" s="327">
        <v>827208</v>
      </c>
      <c r="GC22" s="327">
        <v>525776</v>
      </c>
      <c r="GD22" s="327">
        <v>140424</v>
      </c>
      <c r="GE22" s="327">
        <v>85824</v>
      </c>
      <c r="GF22" s="328">
        <v>1668000</v>
      </c>
      <c r="GG22" s="334">
        <v>1891512</v>
      </c>
      <c r="GH22" s="333">
        <v>23232</v>
      </c>
      <c r="GI22" s="327">
        <v>0</v>
      </c>
      <c r="GJ22" s="331">
        <v>23232</v>
      </c>
      <c r="GK22" s="332">
        <v>0</v>
      </c>
      <c r="GL22" s="327">
        <v>23232</v>
      </c>
      <c r="GM22" s="327">
        <v>23232</v>
      </c>
      <c r="GN22" s="327">
        <v>26758</v>
      </c>
      <c r="GO22" s="327">
        <v>20400</v>
      </c>
      <c r="GP22" s="327">
        <v>0</v>
      </c>
      <c r="GQ22" s="328">
        <v>93622</v>
      </c>
      <c r="GR22" s="330">
        <v>116854</v>
      </c>
      <c r="GS22" s="326">
        <v>163557</v>
      </c>
      <c r="GT22" s="327">
        <v>0</v>
      </c>
      <c r="GU22" s="328">
        <v>163557</v>
      </c>
      <c r="GV22" s="326">
        <v>0</v>
      </c>
      <c r="GW22" s="327">
        <v>96000</v>
      </c>
      <c r="GX22" s="327">
        <v>44305</v>
      </c>
      <c r="GY22" s="327">
        <v>225600</v>
      </c>
      <c r="GZ22" s="327">
        <v>0</v>
      </c>
      <c r="HA22" s="327">
        <v>0</v>
      </c>
      <c r="HB22" s="331">
        <v>365905</v>
      </c>
      <c r="HC22" s="330">
        <v>529462</v>
      </c>
      <c r="HD22" s="326">
        <v>283972</v>
      </c>
      <c r="HE22" s="327">
        <v>189833</v>
      </c>
      <c r="HF22" s="331">
        <v>473805</v>
      </c>
      <c r="HG22" s="332">
        <v>0</v>
      </c>
      <c r="HH22" s="327">
        <v>1493072</v>
      </c>
      <c r="HI22" s="327">
        <v>2730433</v>
      </c>
      <c r="HJ22" s="327">
        <v>1238755</v>
      </c>
      <c r="HK22" s="327">
        <v>690330</v>
      </c>
      <c r="HL22" s="327">
        <v>961217</v>
      </c>
      <c r="HM22" s="328">
        <v>7113807</v>
      </c>
      <c r="HN22" s="329">
        <v>7587612</v>
      </c>
      <c r="HO22" s="333">
        <v>0</v>
      </c>
      <c r="HP22" s="327">
        <v>0</v>
      </c>
      <c r="HQ22" s="328">
        <v>0</v>
      </c>
      <c r="HR22" s="326">
        <v>0</v>
      </c>
      <c r="HS22" s="327">
        <v>0</v>
      </c>
      <c r="HT22" s="327">
        <v>0</v>
      </c>
      <c r="HU22" s="327">
        <v>0</v>
      </c>
      <c r="HV22" s="327">
        <v>0</v>
      </c>
      <c r="HW22" s="327">
        <v>0</v>
      </c>
      <c r="HX22" s="331">
        <v>0</v>
      </c>
      <c r="HY22" s="330">
        <v>0</v>
      </c>
      <c r="HZ22" s="358">
        <v>37887</v>
      </c>
      <c r="IA22" s="356">
        <v>0</v>
      </c>
      <c r="IB22" s="358">
        <v>37887</v>
      </c>
      <c r="IC22" s="355">
        <v>0</v>
      </c>
      <c r="ID22" s="356">
        <v>966716</v>
      </c>
      <c r="IE22" s="357">
        <v>2246720</v>
      </c>
      <c r="IF22" s="358">
        <v>2463073</v>
      </c>
      <c r="IG22" s="356">
        <v>1439710</v>
      </c>
      <c r="IH22" s="358">
        <v>298180</v>
      </c>
      <c r="II22" s="359">
        <v>7414399</v>
      </c>
      <c r="IJ22" s="358">
        <v>7452286</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31619</v>
      </c>
      <c r="JL22" s="345">
        <v>1152778</v>
      </c>
      <c r="JM22" s="345">
        <v>641485</v>
      </c>
      <c r="JN22" s="345">
        <v>319253</v>
      </c>
      <c r="JO22" s="345">
        <v>0</v>
      </c>
      <c r="JP22" s="349">
        <v>3045135</v>
      </c>
      <c r="JQ22" s="347">
        <v>3045135</v>
      </c>
      <c r="JR22" s="348">
        <v>37887</v>
      </c>
      <c r="JS22" s="345">
        <v>0</v>
      </c>
      <c r="JT22" s="346">
        <v>37887</v>
      </c>
      <c r="JU22" s="351">
        <v>0</v>
      </c>
      <c r="JV22" s="345">
        <v>35097</v>
      </c>
      <c r="JW22" s="345">
        <v>160395</v>
      </c>
      <c r="JX22" s="345">
        <v>53153</v>
      </c>
      <c r="JY22" s="345">
        <v>0</v>
      </c>
      <c r="JZ22" s="345">
        <v>0</v>
      </c>
      <c r="KA22" s="349">
        <v>248645</v>
      </c>
      <c r="KB22" s="347">
        <v>286532</v>
      </c>
      <c r="KC22" s="352">
        <v>0</v>
      </c>
      <c r="KD22" s="353">
        <v>0</v>
      </c>
      <c r="KE22" s="349">
        <v>0</v>
      </c>
      <c r="KF22" s="351">
        <v>0</v>
      </c>
      <c r="KG22" s="345">
        <v>0</v>
      </c>
      <c r="KH22" s="345">
        <v>423378</v>
      </c>
      <c r="KI22" s="345">
        <v>301306</v>
      </c>
      <c r="KJ22" s="345">
        <v>0</v>
      </c>
      <c r="KK22" s="345">
        <v>298180</v>
      </c>
      <c r="KL22" s="349">
        <v>1022864</v>
      </c>
      <c r="KM22" s="354">
        <v>1022864</v>
      </c>
      <c r="KN22" s="342">
        <v>0</v>
      </c>
      <c r="KO22" s="343">
        <v>0</v>
      </c>
      <c r="KP22" s="344">
        <v>0</v>
      </c>
      <c r="KQ22" s="404">
        <v>0</v>
      </c>
      <c r="KR22" s="345">
        <v>0</v>
      </c>
      <c r="KS22" s="345">
        <v>510169</v>
      </c>
      <c r="KT22" s="345">
        <v>1618082</v>
      </c>
      <c r="KU22" s="345">
        <v>255807</v>
      </c>
      <c r="KV22" s="345">
        <v>0</v>
      </c>
      <c r="KW22" s="349">
        <v>2384058</v>
      </c>
      <c r="KX22" s="347">
        <v>2384058</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864650</v>
      </c>
      <c r="LR22" s="345">
        <v>0</v>
      </c>
      <c r="LS22" s="349">
        <v>864650</v>
      </c>
      <c r="LT22" s="347">
        <v>864650</v>
      </c>
      <c r="LU22" s="348">
        <v>0</v>
      </c>
      <c r="LV22" s="345">
        <v>0</v>
      </c>
      <c r="LW22" s="349">
        <v>0</v>
      </c>
      <c r="LX22" s="404">
        <v>0</v>
      </c>
      <c r="LY22" s="345">
        <v>0</v>
      </c>
      <c r="LZ22" s="345">
        <v>0</v>
      </c>
      <c r="MA22" s="345">
        <v>-150953</v>
      </c>
      <c r="MB22" s="345">
        <v>0</v>
      </c>
      <c r="MC22" s="345">
        <v>0</v>
      </c>
      <c r="MD22" s="349">
        <v>-150953</v>
      </c>
      <c r="ME22" s="350">
        <v>-150953</v>
      </c>
      <c r="MF22" s="348">
        <v>0</v>
      </c>
      <c r="MG22" s="345">
        <v>0</v>
      </c>
      <c r="MH22" s="349">
        <v>0</v>
      </c>
      <c r="MI22" s="404">
        <v>0</v>
      </c>
      <c r="MJ22" s="345">
        <v>236864</v>
      </c>
      <c r="MK22" s="345">
        <v>584288</v>
      </c>
      <c r="ML22" s="345">
        <v>4497278</v>
      </c>
      <c r="MM22" s="345">
        <v>4779305</v>
      </c>
      <c r="MN22" s="345">
        <v>4142529</v>
      </c>
      <c r="MO22" s="349">
        <v>14240264</v>
      </c>
      <c r="MP22" s="354">
        <v>14240264</v>
      </c>
      <c r="MQ22" s="348">
        <v>0</v>
      </c>
      <c r="MR22" s="345">
        <v>0</v>
      </c>
      <c r="MS22" s="349">
        <v>0</v>
      </c>
      <c r="MT22" s="404">
        <v>0</v>
      </c>
      <c r="MU22" s="345">
        <v>0</v>
      </c>
      <c r="MV22" s="345">
        <v>0</v>
      </c>
      <c r="MW22" s="345">
        <v>2292420</v>
      </c>
      <c r="MX22" s="345">
        <v>2745571</v>
      </c>
      <c r="MY22" s="345">
        <v>2380048</v>
      </c>
      <c r="MZ22" s="349">
        <v>7418039</v>
      </c>
      <c r="NA22" s="354">
        <v>7418039</v>
      </c>
      <c r="NB22" s="348">
        <v>0</v>
      </c>
      <c r="NC22" s="345">
        <v>0</v>
      </c>
      <c r="ND22" s="349">
        <v>0</v>
      </c>
      <c r="NE22" s="404">
        <v>0</v>
      </c>
      <c r="NF22" s="345">
        <v>236864</v>
      </c>
      <c r="NG22" s="345">
        <v>584288</v>
      </c>
      <c r="NH22" s="345">
        <v>2204858</v>
      </c>
      <c r="NI22" s="345">
        <v>2033734</v>
      </c>
      <c r="NJ22" s="345">
        <v>1762481</v>
      </c>
      <c r="NK22" s="349">
        <v>6822225</v>
      </c>
      <c r="NL22" s="347">
        <v>6822225</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798617</v>
      </c>
      <c r="OJ22" s="345">
        <v>604434</v>
      </c>
      <c r="OK22" s="346">
        <v>1403051</v>
      </c>
      <c r="OL22" s="351">
        <v>0</v>
      </c>
      <c r="OM22" s="345">
        <v>5602129</v>
      </c>
      <c r="ON22" s="345">
        <v>12398930</v>
      </c>
      <c r="OO22" s="345">
        <v>13404781</v>
      </c>
      <c r="OP22" s="345">
        <v>9485532</v>
      </c>
      <c r="OQ22" s="345">
        <v>7088794</v>
      </c>
      <c r="OR22" s="349">
        <v>47980166</v>
      </c>
      <c r="OS22" s="354">
        <v>49383217</v>
      </c>
    </row>
    <row r="23" spans="2:409" s="70" customFormat="1" ht="21" customHeight="1" x14ac:dyDescent="0.2">
      <c r="B23" s="410" t="s">
        <v>18</v>
      </c>
      <c r="C23" s="326">
        <v>341377</v>
      </c>
      <c r="D23" s="327">
        <v>747586</v>
      </c>
      <c r="E23" s="328">
        <v>1088963</v>
      </c>
      <c r="F23" s="329">
        <v>0</v>
      </c>
      <c r="G23" s="327">
        <v>8901702</v>
      </c>
      <c r="H23" s="327">
        <v>8380788</v>
      </c>
      <c r="I23" s="327">
        <v>8228669</v>
      </c>
      <c r="J23" s="327">
        <v>5387157</v>
      </c>
      <c r="K23" s="327">
        <v>3891408</v>
      </c>
      <c r="L23" s="329">
        <v>34789724</v>
      </c>
      <c r="M23" s="330">
        <v>35878687</v>
      </c>
      <c r="N23" s="326">
        <v>136712</v>
      </c>
      <c r="O23" s="327">
        <v>304501</v>
      </c>
      <c r="P23" s="328">
        <v>441213</v>
      </c>
      <c r="Q23" s="326">
        <v>0</v>
      </c>
      <c r="R23" s="327">
        <v>2222883</v>
      </c>
      <c r="S23" s="327">
        <v>2489662</v>
      </c>
      <c r="T23" s="327">
        <v>2903449</v>
      </c>
      <c r="U23" s="327">
        <v>2013802</v>
      </c>
      <c r="V23" s="327">
        <v>2227978</v>
      </c>
      <c r="W23" s="328">
        <v>11857774</v>
      </c>
      <c r="X23" s="330">
        <v>12298987</v>
      </c>
      <c r="Y23" s="326">
        <v>0</v>
      </c>
      <c r="Z23" s="327">
        <v>0</v>
      </c>
      <c r="AA23" s="328">
        <v>0</v>
      </c>
      <c r="AB23" s="326">
        <v>0</v>
      </c>
      <c r="AC23" s="327">
        <v>943852</v>
      </c>
      <c r="AD23" s="327">
        <v>754197</v>
      </c>
      <c r="AE23" s="327">
        <v>1657166</v>
      </c>
      <c r="AF23" s="327">
        <v>955979</v>
      </c>
      <c r="AG23" s="327">
        <v>1348197</v>
      </c>
      <c r="AH23" s="328">
        <v>5659391</v>
      </c>
      <c r="AI23" s="330">
        <v>5659391</v>
      </c>
      <c r="AJ23" s="326">
        <v>0</v>
      </c>
      <c r="AK23" s="327">
        <v>0</v>
      </c>
      <c r="AL23" s="328">
        <v>0</v>
      </c>
      <c r="AM23" s="326">
        <v>0</v>
      </c>
      <c r="AN23" s="327">
        <v>0</v>
      </c>
      <c r="AO23" s="327">
        <v>0</v>
      </c>
      <c r="AP23" s="327">
        <v>14680</v>
      </c>
      <c r="AQ23" s="327">
        <v>327569</v>
      </c>
      <c r="AR23" s="327">
        <v>244491</v>
      </c>
      <c r="AS23" s="328">
        <v>586740</v>
      </c>
      <c r="AT23" s="330">
        <v>586740</v>
      </c>
      <c r="AU23" s="326">
        <v>78408</v>
      </c>
      <c r="AV23" s="327">
        <v>243692</v>
      </c>
      <c r="AW23" s="328">
        <v>322100</v>
      </c>
      <c r="AX23" s="326">
        <v>0</v>
      </c>
      <c r="AY23" s="327">
        <v>570198</v>
      </c>
      <c r="AZ23" s="327">
        <v>988780</v>
      </c>
      <c r="BA23" s="327">
        <v>575365</v>
      </c>
      <c r="BB23" s="327">
        <v>302328</v>
      </c>
      <c r="BC23" s="327">
        <v>396802</v>
      </c>
      <c r="BD23" s="328">
        <v>2833473</v>
      </c>
      <c r="BE23" s="330">
        <v>3155573</v>
      </c>
      <c r="BF23" s="326">
        <v>0</v>
      </c>
      <c r="BG23" s="327">
        <v>39625</v>
      </c>
      <c r="BH23" s="331">
        <v>39625</v>
      </c>
      <c r="BI23" s="332">
        <v>0</v>
      </c>
      <c r="BJ23" s="327">
        <v>141401</v>
      </c>
      <c r="BK23" s="327">
        <v>335925</v>
      </c>
      <c r="BL23" s="327">
        <v>197806</v>
      </c>
      <c r="BM23" s="327">
        <v>65198</v>
      </c>
      <c r="BN23" s="327">
        <v>0</v>
      </c>
      <c r="BO23" s="328">
        <v>740330</v>
      </c>
      <c r="BP23" s="330">
        <v>779955</v>
      </c>
      <c r="BQ23" s="326">
        <v>58304</v>
      </c>
      <c r="BR23" s="327">
        <v>21184</v>
      </c>
      <c r="BS23" s="328">
        <v>79488</v>
      </c>
      <c r="BT23" s="326">
        <v>0</v>
      </c>
      <c r="BU23" s="327">
        <v>567432</v>
      </c>
      <c r="BV23" s="327">
        <v>410760</v>
      </c>
      <c r="BW23" s="327">
        <v>458432</v>
      </c>
      <c r="BX23" s="327">
        <v>362728</v>
      </c>
      <c r="BY23" s="327">
        <v>238488</v>
      </c>
      <c r="BZ23" s="328">
        <v>2037840</v>
      </c>
      <c r="CA23" s="330">
        <v>2117328</v>
      </c>
      <c r="CB23" s="326">
        <v>63543</v>
      </c>
      <c r="CC23" s="327">
        <v>290793</v>
      </c>
      <c r="CD23" s="328">
        <v>354336</v>
      </c>
      <c r="CE23" s="326">
        <v>0</v>
      </c>
      <c r="CF23" s="327">
        <v>3204409</v>
      </c>
      <c r="CG23" s="327">
        <v>2307705</v>
      </c>
      <c r="CH23" s="327">
        <v>2418448</v>
      </c>
      <c r="CI23" s="327">
        <v>702286</v>
      </c>
      <c r="CJ23" s="327">
        <v>384750</v>
      </c>
      <c r="CK23" s="328">
        <v>9017598</v>
      </c>
      <c r="CL23" s="330">
        <v>9371934</v>
      </c>
      <c r="CM23" s="326">
        <v>0</v>
      </c>
      <c r="CN23" s="327">
        <v>0</v>
      </c>
      <c r="CO23" s="328">
        <v>0</v>
      </c>
      <c r="CP23" s="332">
        <v>0</v>
      </c>
      <c r="CQ23" s="327">
        <v>2719330</v>
      </c>
      <c r="CR23" s="327">
        <v>1854540</v>
      </c>
      <c r="CS23" s="327">
        <v>2009270</v>
      </c>
      <c r="CT23" s="327">
        <v>654103</v>
      </c>
      <c r="CU23" s="327">
        <v>319299</v>
      </c>
      <c r="CV23" s="328">
        <v>7556542</v>
      </c>
      <c r="CW23" s="330">
        <v>7556542</v>
      </c>
      <c r="CX23" s="326">
        <v>63543</v>
      </c>
      <c r="CY23" s="327">
        <v>290793</v>
      </c>
      <c r="CZ23" s="328">
        <v>354336</v>
      </c>
      <c r="DA23" s="326">
        <v>0</v>
      </c>
      <c r="DB23" s="327">
        <v>485079</v>
      </c>
      <c r="DC23" s="327">
        <v>453165</v>
      </c>
      <c r="DD23" s="327">
        <v>409178</v>
      </c>
      <c r="DE23" s="327">
        <v>48183</v>
      </c>
      <c r="DF23" s="327">
        <v>65451</v>
      </c>
      <c r="DG23" s="328">
        <v>1461056</v>
      </c>
      <c r="DH23" s="330">
        <v>1815392</v>
      </c>
      <c r="DI23" s="326">
        <v>0</v>
      </c>
      <c r="DJ23" s="327">
        <v>17436</v>
      </c>
      <c r="DK23" s="331">
        <v>17436</v>
      </c>
      <c r="DL23" s="332">
        <v>0</v>
      </c>
      <c r="DM23" s="327">
        <v>268532</v>
      </c>
      <c r="DN23" s="327">
        <v>377818</v>
      </c>
      <c r="DO23" s="327">
        <v>748514</v>
      </c>
      <c r="DP23" s="327">
        <v>381063</v>
      </c>
      <c r="DQ23" s="327">
        <v>69696</v>
      </c>
      <c r="DR23" s="328">
        <v>1845623</v>
      </c>
      <c r="DS23" s="330">
        <v>1863059</v>
      </c>
      <c r="DT23" s="326">
        <v>0</v>
      </c>
      <c r="DU23" s="327">
        <v>17436</v>
      </c>
      <c r="DV23" s="328">
        <v>17436</v>
      </c>
      <c r="DW23" s="326">
        <v>0</v>
      </c>
      <c r="DX23" s="327">
        <v>268532</v>
      </c>
      <c r="DY23" s="327">
        <v>377818</v>
      </c>
      <c r="DZ23" s="327">
        <v>748514</v>
      </c>
      <c r="EA23" s="327">
        <v>381063</v>
      </c>
      <c r="EB23" s="327">
        <v>69696</v>
      </c>
      <c r="EC23" s="328">
        <v>1845623</v>
      </c>
      <c r="ED23" s="330">
        <v>1863059</v>
      </c>
      <c r="EE23" s="326">
        <v>0</v>
      </c>
      <c r="EF23" s="331">
        <v>0</v>
      </c>
      <c r="EG23" s="328">
        <v>0</v>
      </c>
      <c r="EH23" s="326">
        <v>0</v>
      </c>
      <c r="EI23" s="327">
        <v>0</v>
      </c>
      <c r="EJ23" s="327">
        <v>0</v>
      </c>
      <c r="EK23" s="327">
        <v>0</v>
      </c>
      <c r="EL23" s="327">
        <v>0</v>
      </c>
      <c r="EM23" s="327">
        <v>0</v>
      </c>
      <c r="EN23" s="331">
        <v>0</v>
      </c>
      <c r="EO23" s="330">
        <v>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32144</v>
      </c>
      <c r="FM23" s="327">
        <v>134856</v>
      </c>
      <c r="FN23" s="328">
        <v>167000</v>
      </c>
      <c r="FO23" s="326">
        <v>0</v>
      </c>
      <c r="FP23" s="327">
        <v>393240</v>
      </c>
      <c r="FQ23" s="327">
        <v>807224</v>
      </c>
      <c r="FR23" s="327">
        <v>527648</v>
      </c>
      <c r="FS23" s="327">
        <v>387376</v>
      </c>
      <c r="FT23" s="327">
        <v>335344</v>
      </c>
      <c r="FU23" s="328">
        <v>2450832</v>
      </c>
      <c r="FV23" s="330">
        <v>2617832</v>
      </c>
      <c r="FW23" s="333">
        <v>32144</v>
      </c>
      <c r="FX23" s="327">
        <v>134856</v>
      </c>
      <c r="FY23" s="331">
        <v>167000</v>
      </c>
      <c r="FZ23" s="332">
        <v>0</v>
      </c>
      <c r="GA23" s="327">
        <v>282040</v>
      </c>
      <c r="GB23" s="327">
        <v>675464</v>
      </c>
      <c r="GC23" s="327">
        <v>510848</v>
      </c>
      <c r="GD23" s="327">
        <v>387376</v>
      </c>
      <c r="GE23" s="327">
        <v>335344</v>
      </c>
      <c r="GF23" s="328">
        <v>2191072</v>
      </c>
      <c r="GG23" s="334">
        <v>2358072</v>
      </c>
      <c r="GH23" s="333">
        <v>0</v>
      </c>
      <c r="GI23" s="327">
        <v>0</v>
      </c>
      <c r="GJ23" s="331">
        <v>0</v>
      </c>
      <c r="GK23" s="332">
        <v>0</v>
      </c>
      <c r="GL23" s="327">
        <v>0</v>
      </c>
      <c r="GM23" s="327">
        <v>14960</v>
      </c>
      <c r="GN23" s="327">
        <v>16800</v>
      </c>
      <c r="GO23" s="327">
        <v>0</v>
      </c>
      <c r="GP23" s="327">
        <v>0</v>
      </c>
      <c r="GQ23" s="328">
        <v>31760</v>
      </c>
      <c r="GR23" s="330">
        <v>31760</v>
      </c>
      <c r="GS23" s="326">
        <v>0</v>
      </c>
      <c r="GT23" s="327">
        <v>0</v>
      </c>
      <c r="GU23" s="328">
        <v>0</v>
      </c>
      <c r="GV23" s="326">
        <v>0</v>
      </c>
      <c r="GW23" s="327">
        <v>111200</v>
      </c>
      <c r="GX23" s="327">
        <v>116800</v>
      </c>
      <c r="GY23" s="327">
        <v>0</v>
      </c>
      <c r="GZ23" s="327">
        <v>0</v>
      </c>
      <c r="HA23" s="327">
        <v>0</v>
      </c>
      <c r="HB23" s="331">
        <v>228000</v>
      </c>
      <c r="HC23" s="330">
        <v>228000</v>
      </c>
      <c r="HD23" s="326">
        <v>108978</v>
      </c>
      <c r="HE23" s="327">
        <v>0</v>
      </c>
      <c r="HF23" s="331">
        <v>108978</v>
      </c>
      <c r="HG23" s="332">
        <v>0</v>
      </c>
      <c r="HH23" s="327">
        <v>2812638</v>
      </c>
      <c r="HI23" s="327">
        <v>2398379</v>
      </c>
      <c r="HJ23" s="327">
        <v>1630610</v>
      </c>
      <c r="HK23" s="327">
        <v>1902630</v>
      </c>
      <c r="HL23" s="327">
        <v>873640</v>
      </c>
      <c r="HM23" s="328">
        <v>9617897</v>
      </c>
      <c r="HN23" s="329">
        <v>9726875</v>
      </c>
      <c r="HO23" s="333">
        <v>0</v>
      </c>
      <c r="HP23" s="327">
        <v>0</v>
      </c>
      <c r="HQ23" s="328">
        <v>0</v>
      </c>
      <c r="HR23" s="326">
        <v>0</v>
      </c>
      <c r="HS23" s="327">
        <v>0</v>
      </c>
      <c r="HT23" s="327">
        <v>0</v>
      </c>
      <c r="HU23" s="327">
        <v>0</v>
      </c>
      <c r="HV23" s="327">
        <v>0</v>
      </c>
      <c r="HW23" s="327">
        <v>0</v>
      </c>
      <c r="HX23" s="331">
        <v>0</v>
      </c>
      <c r="HY23" s="330">
        <v>0</v>
      </c>
      <c r="HZ23" s="335">
        <v>51019</v>
      </c>
      <c r="IA23" s="336">
        <v>0</v>
      </c>
      <c r="IB23" s="337">
        <v>51019</v>
      </c>
      <c r="IC23" s="338">
        <v>0</v>
      </c>
      <c r="ID23" s="336">
        <v>2247384</v>
      </c>
      <c r="IE23" s="339">
        <v>1413758</v>
      </c>
      <c r="IF23" s="337">
        <v>3546421</v>
      </c>
      <c r="IG23" s="336">
        <v>1677021</v>
      </c>
      <c r="IH23" s="337">
        <v>906336</v>
      </c>
      <c r="II23" s="340">
        <v>9790920</v>
      </c>
      <c r="IJ23" s="341">
        <v>9841939</v>
      </c>
      <c r="IK23" s="342">
        <v>0</v>
      </c>
      <c r="IL23" s="343">
        <v>0</v>
      </c>
      <c r="IM23" s="344">
        <v>0</v>
      </c>
      <c r="IN23" s="404">
        <v>0</v>
      </c>
      <c r="IO23" s="345">
        <v>0</v>
      </c>
      <c r="IP23" s="345">
        <v>0</v>
      </c>
      <c r="IQ23" s="345">
        <v>0</v>
      </c>
      <c r="IR23" s="345">
        <v>0</v>
      </c>
      <c r="IS23" s="345">
        <v>277083</v>
      </c>
      <c r="IT23" s="346">
        <v>277083</v>
      </c>
      <c r="IU23" s="347">
        <v>277083</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768481</v>
      </c>
      <c r="JL23" s="345">
        <v>941086</v>
      </c>
      <c r="JM23" s="345">
        <v>322391</v>
      </c>
      <c r="JN23" s="345">
        <v>0</v>
      </c>
      <c r="JO23" s="345">
        <v>89918</v>
      </c>
      <c r="JP23" s="349">
        <v>2121876</v>
      </c>
      <c r="JQ23" s="347">
        <v>2121876</v>
      </c>
      <c r="JR23" s="348">
        <v>0</v>
      </c>
      <c r="JS23" s="345">
        <v>0</v>
      </c>
      <c r="JT23" s="346">
        <v>0</v>
      </c>
      <c r="JU23" s="351">
        <v>0</v>
      </c>
      <c r="JV23" s="345">
        <v>0</v>
      </c>
      <c r="JW23" s="345">
        <v>41068</v>
      </c>
      <c r="JX23" s="345">
        <v>644229</v>
      </c>
      <c r="JY23" s="345">
        <v>301049</v>
      </c>
      <c r="JZ23" s="345">
        <v>0</v>
      </c>
      <c r="KA23" s="349">
        <v>986346</v>
      </c>
      <c r="KB23" s="347">
        <v>986346</v>
      </c>
      <c r="KC23" s="352">
        <v>51019</v>
      </c>
      <c r="KD23" s="353">
        <v>0</v>
      </c>
      <c r="KE23" s="349">
        <v>51019</v>
      </c>
      <c r="KF23" s="351">
        <v>0</v>
      </c>
      <c r="KG23" s="345">
        <v>765663</v>
      </c>
      <c r="KH23" s="345">
        <v>181080</v>
      </c>
      <c r="KI23" s="345">
        <v>986860</v>
      </c>
      <c r="KJ23" s="345">
        <v>378684</v>
      </c>
      <c r="KK23" s="345">
        <v>0</v>
      </c>
      <c r="KL23" s="349">
        <v>2312287</v>
      </c>
      <c r="KM23" s="354">
        <v>2363306</v>
      </c>
      <c r="KN23" s="342">
        <v>0</v>
      </c>
      <c r="KO23" s="343">
        <v>0</v>
      </c>
      <c r="KP23" s="344">
        <v>0</v>
      </c>
      <c r="KQ23" s="404">
        <v>0</v>
      </c>
      <c r="KR23" s="345">
        <v>713240</v>
      </c>
      <c r="KS23" s="345">
        <v>250524</v>
      </c>
      <c r="KT23" s="345">
        <v>1037581</v>
      </c>
      <c r="KU23" s="345">
        <v>553615</v>
      </c>
      <c r="KV23" s="345">
        <v>539335</v>
      </c>
      <c r="KW23" s="349">
        <v>3094295</v>
      </c>
      <c r="KX23" s="347">
        <v>3094295</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77752</v>
      </c>
      <c r="LQ23" s="345">
        <v>298025</v>
      </c>
      <c r="LR23" s="345">
        <v>0</v>
      </c>
      <c r="LS23" s="349">
        <v>575777</v>
      </c>
      <c r="LT23" s="347">
        <v>575777</v>
      </c>
      <c r="LU23" s="348">
        <v>0</v>
      </c>
      <c r="LV23" s="345">
        <v>0</v>
      </c>
      <c r="LW23" s="349">
        <v>0</v>
      </c>
      <c r="LX23" s="404">
        <v>0</v>
      </c>
      <c r="LY23" s="345">
        <v>0</v>
      </c>
      <c r="LZ23" s="345">
        <v>0</v>
      </c>
      <c r="MA23" s="345">
        <v>277608</v>
      </c>
      <c r="MB23" s="345">
        <v>145648</v>
      </c>
      <c r="MC23" s="345">
        <v>0</v>
      </c>
      <c r="MD23" s="349">
        <v>423256</v>
      </c>
      <c r="ME23" s="350">
        <v>423256</v>
      </c>
      <c r="MF23" s="348">
        <v>0</v>
      </c>
      <c r="MG23" s="345">
        <v>0</v>
      </c>
      <c r="MH23" s="349">
        <v>0</v>
      </c>
      <c r="MI23" s="404">
        <v>0</v>
      </c>
      <c r="MJ23" s="345">
        <v>101021</v>
      </c>
      <c r="MK23" s="345">
        <v>1433009</v>
      </c>
      <c r="ML23" s="345">
        <v>4023039</v>
      </c>
      <c r="MM23" s="345">
        <v>6134100</v>
      </c>
      <c r="MN23" s="345">
        <v>2519592</v>
      </c>
      <c r="MO23" s="349">
        <v>14210761</v>
      </c>
      <c r="MP23" s="354">
        <v>14210761</v>
      </c>
      <c r="MQ23" s="348">
        <v>0</v>
      </c>
      <c r="MR23" s="345">
        <v>0</v>
      </c>
      <c r="MS23" s="349">
        <v>0</v>
      </c>
      <c r="MT23" s="404">
        <v>0</v>
      </c>
      <c r="MU23" s="345">
        <v>0</v>
      </c>
      <c r="MV23" s="345">
        <v>0</v>
      </c>
      <c r="MW23" s="345">
        <v>1978831</v>
      </c>
      <c r="MX23" s="345">
        <v>4440990</v>
      </c>
      <c r="MY23" s="345">
        <v>1772014</v>
      </c>
      <c r="MZ23" s="349">
        <v>8191835</v>
      </c>
      <c r="NA23" s="354">
        <v>8191835</v>
      </c>
      <c r="NB23" s="348">
        <v>0</v>
      </c>
      <c r="NC23" s="345">
        <v>0</v>
      </c>
      <c r="ND23" s="349">
        <v>0</v>
      </c>
      <c r="NE23" s="404">
        <v>0</v>
      </c>
      <c r="NF23" s="345">
        <v>101021</v>
      </c>
      <c r="NG23" s="345">
        <v>1433009</v>
      </c>
      <c r="NH23" s="345">
        <v>2044208</v>
      </c>
      <c r="NI23" s="345">
        <v>1298389</v>
      </c>
      <c r="NJ23" s="345">
        <v>338128</v>
      </c>
      <c r="NK23" s="349">
        <v>5214755</v>
      </c>
      <c r="NL23" s="347">
        <v>5214755</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394721</v>
      </c>
      <c r="OF23" s="345">
        <v>409450</v>
      </c>
      <c r="OG23" s="349">
        <v>804171</v>
      </c>
      <c r="OH23" s="350">
        <v>804171</v>
      </c>
      <c r="OI23" s="348">
        <v>392396</v>
      </c>
      <c r="OJ23" s="345">
        <v>747586</v>
      </c>
      <c r="OK23" s="346">
        <v>1139982</v>
      </c>
      <c r="OL23" s="351">
        <v>0</v>
      </c>
      <c r="OM23" s="345">
        <v>11250107</v>
      </c>
      <c r="ON23" s="345">
        <v>11227555</v>
      </c>
      <c r="OO23" s="345">
        <v>15798129</v>
      </c>
      <c r="OP23" s="345">
        <v>13198278</v>
      </c>
      <c r="OQ23" s="345">
        <v>7317336</v>
      </c>
      <c r="OR23" s="349">
        <v>58791405</v>
      </c>
      <c r="OS23" s="354">
        <v>59931387</v>
      </c>
    </row>
    <row r="24" spans="2:409" s="70" customFormat="1" ht="21" customHeight="1" x14ac:dyDescent="0.2">
      <c r="B24" s="410" t="s">
        <v>19</v>
      </c>
      <c r="C24" s="326">
        <v>351010</v>
      </c>
      <c r="D24" s="327">
        <v>638772</v>
      </c>
      <c r="E24" s="328">
        <v>989782</v>
      </c>
      <c r="F24" s="329">
        <v>0</v>
      </c>
      <c r="G24" s="327">
        <v>3562497</v>
      </c>
      <c r="H24" s="327">
        <v>4147076</v>
      </c>
      <c r="I24" s="327">
        <v>3341480</v>
      </c>
      <c r="J24" s="327">
        <v>2370712</v>
      </c>
      <c r="K24" s="327">
        <v>1445467</v>
      </c>
      <c r="L24" s="329">
        <v>14867232</v>
      </c>
      <c r="M24" s="330">
        <v>15857014</v>
      </c>
      <c r="N24" s="326">
        <v>44540</v>
      </c>
      <c r="O24" s="327">
        <v>181219</v>
      </c>
      <c r="P24" s="328">
        <v>225759</v>
      </c>
      <c r="Q24" s="326">
        <v>0</v>
      </c>
      <c r="R24" s="327">
        <v>1122545</v>
      </c>
      <c r="S24" s="327">
        <v>1090809</v>
      </c>
      <c r="T24" s="327">
        <v>1218527</v>
      </c>
      <c r="U24" s="327">
        <v>933903</v>
      </c>
      <c r="V24" s="327">
        <v>656029</v>
      </c>
      <c r="W24" s="328">
        <v>5021813</v>
      </c>
      <c r="X24" s="330">
        <v>5247572</v>
      </c>
      <c r="Y24" s="326">
        <v>0</v>
      </c>
      <c r="Z24" s="327">
        <v>0</v>
      </c>
      <c r="AA24" s="328">
        <v>0</v>
      </c>
      <c r="AB24" s="326">
        <v>0</v>
      </c>
      <c r="AC24" s="327">
        <v>351281</v>
      </c>
      <c r="AD24" s="327">
        <v>349122</v>
      </c>
      <c r="AE24" s="327">
        <v>658116</v>
      </c>
      <c r="AF24" s="327">
        <v>535299</v>
      </c>
      <c r="AG24" s="327">
        <v>123049</v>
      </c>
      <c r="AH24" s="328">
        <v>2016867</v>
      </c>
      <c r="AI24" s="330">
        <v>2016867</v>
      </c>
      <c r="AJ24" s="326">
        <v>0</v>
      </c>
      <c r="AK24" s="327">
        <v>0</v>
      </c>
      <c r="AL24" s="328">
        <v>0</v>
      </c>
      <c r="AM24" s="326">
        <v>0</v>
      </c>
      <c r="AN24" s="327">
        <v>0</v>
      </c>
      <c r="AO24" s="327">
        <v>0</v>
      </c>
      <c r="AP24" s="327">
        <v>72796</v>
      </c>
      <c r="AQ24" s="327">
        <v>80075</v>
      </c>
      <c r="AR24" s="327">
        <v>220024</v>
      </c>
      <c r="AS24" s="328">
        <v>372895</v>
      </c>
      <c r="AT24" s="330">
        <v>372895</v>
      </c>
      <c r="AU24" s="326">
        <v>17428</v>
      </c>
      <c r="AV24" s="327">
        <v>117483</v>
      </c>
      <c r="AW24" s="328">
        <v>134911</v>
      </c>
      <c r="AX24" s="326">
        <v>0</v>
      </c>
      <c r="AY24" s="327">
        <v>457333</v>
      </c>
      <c r="AZ24" s="327">
        <v>458036</v>
      </c>
      <c r="BA24" s="327">
        <v>247119</v>
      </c>
      <c r="BB24" s="327">
        <v>210566</v>
      </c>
      <c r="BC24" s="327">
        <v>165772</v>
      </c>
      <c r="BD24" s="328">
        <v>1538826</v>
      </c>
      <c r="BE24" s="330">
        <v>1673737</v>
      </c>
      <c r="BF24" s="326">
        <v>0</v>
      </c>
      <c r="BG24" s="327">
        <v>0</v>
      </c>
      <c r="BH24" s="331">
        <v>0</v>
      </c>
      <c r="BI24" s="332">
        <v>0</v>
      </c>
      <c r="BJ24" s="327">
        <v>33219</v>
      </c>
      <c r="BK24" s="327">
        <v>33219</v>
      </c>
      <c r="BL24" s="327">
        <v>0</v>
      </c>
      <c r="BM24" s="327">
        <v>21707</v>
      </c>
      <c r="BN24" s="327">
        <v>31600</v>
      </c>
      <c r="BO24" s="328">
        <v>119745</v>
      </c>
      <c r="BP24" s="330">
        <v>119745</v>
      </c>
      <c r="BQ24" s="326">
        <v>27112</v>
      </c>
      <c r="BR24" s="327">
        <v>63736</v>
      </c>
      <c r="BS24" s="328">
        <v>90848</v>
      </c>
      <c r="BT24" s="326">
        <v>0</v>
      </c>
      <c r="BU24" s="327">
        <v>280712</v>
      </c>
      <c r="BV24" s="327">
        <v>250432</v>
      </c>
      <c r="BW24" s="327">
        <v>240496</v>
      </c>
      <c r="BX24" s="327">
        <v>86256</v>
      </c>
      <c r="BY24" s="327">
        <v>115584</v>
      </c>
      <c r="BZ24" s="328">
        <v>973480</v>
      </c>
      <c r="CA24" s="330">
        <v>1064328</v>
      </c>
      <c r="CB24" s="326">
        <v>42823</v>
      </c>
      <c r="CC24" s="327">
        <v>161021</v>
      </c>
      <c r="CD24" s="328">
        <v>203844</v>
      </c>
      <c r="CE24" s="326">
        <v>0</v>
      </c>
      <c r="CF24" s="327">
        <v>1128816</v>
      </c>
      <c r="CG24" s="327">
        <v>1399779</v>
      </c>
      <c r="CH24" s="327">
        <v>424608</v>
      </c>
      <c r="CI24" s="327">
        <v>153616</v>
      </c>
      <c r="CJ24" s="327">
        <v>90738</v>
      </c>
      <c r="CK24" s="328">
        <v>3197557</v>
      </c>
      <c r="CL24" s="330">
        <v>3401401</v>
      </c>
      <c r="CM24" s="326">
        <v>0</v>
      </c>
      <c r="CN24" s="327">
        <v>0</v>
      </c>
      <c r="CO24" s="328">
        <v>0</v>
      </c>
      <c r="CP24" s="332">
        <v>0</v>
      </c>
      <c r="CQ24" s="327">
        <v>763435</v>
      </c>
      <c r="CR24" s="327">
        <v>915304</v>
      </c>
      <c r="CS24" s="327">
        <v>258663</v>
      </c>
      <c r="CT24" s="327">
        <v>51999</v>
      </c>
      <c r="CU24" s="327">
        <v>90738</v>
      </c>
      <c r="CV24" s="328">
        <v>2080139</v>
      </c>
      <c r="CW24" s="330">
        <v>2080139</v>
      </c>
      <c r="CX24" s="326">
        <v>42823</v>
      </c>
      <c r="CY24" s="327">
        <v>161021</v>
      </c>
      <c r="CZ24" s="328">
        <v>203844</v>
      </c>
      <c r="DA24" s="326">
        <v>0</v>
      </c>
      <c r="DB24" s="327">
        <v>365381</v>
      </c>
      <c r="DC24" s="327">
        <v>484475</v>
      </c>
      <c r="DD24" s="327">
        <v>165945</v>
      </c>
      <c r="DE24" s="327">
        <v>101617</v>
      </c>
      <c r="DF24" s="327">
        <v>0</v>
      </c>
      <c r="DG24" s="328">
        <v>1117418</v>
      </c>
      <c r="DH24" s="330">
        <v>1321262</v>
      </c>
      <c r="DI24" s="326">
        <v>0</v>
      </c>
      <c r="DJ24" s="327">
        <v>52116</v>
      </c>
      <c r="DK24" s="331">
        <v>52116</v>
      </c>
      <c r="DL24" s="332">
        <v>0</v>
      </c>
      <c r="DM24" s="327">
        <v>56563</v>
      </c>
      <c r="DN24" s="327">
        <v>82996</v>
      </c>
      <c r="DO24" s="327">
        <v>325681</v>
      </c>
      <c r="DP24" s="327">
        <v>0</v>
      </c>
      <c r="DQ24" s="327">
        <v>0</v>
      </c>
      <c r="DR24" s="328">
        <v>465240</v>
      </c>
      <c r="DS24" s="330">
        <v>517356</v>
      </c>
      <c r="DT24" s="326">
        <v>0</v>
      </c>
      <c r="DU24" s="327">
        <v>52116</v>
      </c>
      <c r="DV24" s="328">
        <v>52116</v>
      </c>
      <c r="DW24" s="326">
        <v>0</v>
      </c>
      <c r="DX24" s="327">
        <v>56563</v>
      </c>
      <c r="DY24" s="327">
        <v>17639</v>
      </c>
      <c r="DZ24" s="327">
        <v>41526</v>
      </c>
      <c r="EA24" s="327">
        <v>0</v>
      </c>
      <c r="EB24" s="327">
        <v>0</v>
      </c>
      <c r="EC24" s="328">
        <v>115728</v>
      </c>
      <c r="ED24" s="330">
        <v>167844</v>
      </c>
      <c r="EE24" s="326">
        <v>0</v>
      </c>
      <c r="EF24" s="331">
        <v>0</v>
      </c>
      <c r="EG24" s="328">
        <v>0</v>
      </c>
      <c r="EH24" s="326">
        <v>0</v>
      </c>
      <c r="EI24" s="327">
        <v>0</v>
      </c>
      <c r="EJ24" s="327">
        <v>65357</v>
      </c>
      <c r="EK24" s="327">
        <v>284155</v>
      </c>
      <c r="EL24" s="327">
        <v>0</v>
      </c>
      <c r="EM24" s="327">
        <v>0</v>
      </c>
      <c r="EN24" s="331">
        <v>349512</v>
      </c>
      <c r="EO24" s="330">
        <v>349512</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0080</v>
      </c>
      <c r="FM24" s="327">
        <v>57888</v>
      </c>
      <c r="FN24" s="328">
        <v>87968</v>
      </c>
      <c r="FO24" s="326">
        <v>0</v>
      </c>
      <c r="FP24" s="327">
        <v>275896</v>
      </c>
      <c r="FQ24" s="327">
        <v>481680</v>
      </c>
      <c r="FR24" s="327">
        <v>154080</v>
      </c>
      <c r="FS24" s="327">
        <v>194240</v>
      </c>
      <c r="FT24" s="327">
        <v>214256</v>
      </c>
      <c r="FU24" s="328">
        <v>1320152</v>
      </c>
      <c r="FV24" s="330">
        <v>1408120</v>
      </c>
      <c r="FW24" s="333">
        <v>30080</v>
      </c>
      <c r="FX24" s="327">
        <v>57888</v>
      </c>
      <c r="FY24" s="331">
        <v>87968</v>
      </c>
      <c r="FZ24" s="332">
        <v>0</v>
      </c>
      <c r="GA24" s="327">
        <v>229952</v>
      </c>
      <c r="GB24" s="327">
        <v>380128</v>
      </c>
      <c r="GC24" s="327">
        <v>154080</v>
      </c>
      <c r="GD24" s="327">
        <v>194240</v>
      </c>
      <c r="GE24" s="327">
        <v>214256</v>
      </c>
      <c r="GF24" s="328">
        <v>1172656</v>
      </c>
      <c r="GG24" s="334">
        <v>1260624</v>
      </c>
      <c r="GH24" s="333">
        <v>0</v>
      </c>
      <c r="GI24" s="327">
        <v>0</v>
      </c>
      <c r="GJ24" s="331">
        <v>0</v>
      </c>
      <c r="GK24" s="332">
        <v>0</v>
      </c>
      <c r="GL24" s="327">
        <v>0</v>
      </c>
      <c r="GM24" s="327">
        <v>23232</v>
      </c>
      <c r="GN24" s="327">
        <v>0</v>
      </c>
      <c r="GO24" s="327">
        <v>0</v>
      </c>
      <c r="GP24" s="327">
        <v>0</v>
      </c>
      <c r="GQ24" s="328">
        <v>23232</v>
      </c>
      <c r="GR24" s="330">
        <v>23232</v>
      </c>
      <c r="GS24" s="326">
        <v>0</v>
      </c>
      <c r="GT24" s="327">
        <v>0</v>
      </c>
      <c r="GU24" s="328">
        <v>0</v>
      </c>
      <c r="GV24" s="326">
        <v>0</v>
      </c>
      <c r="GW24" s="327">
        <v>45944</v>
      </c>
      <c r="GX24" s="327">
        <v>78320</v>
      </c>
      <c r="GY24" s="327">
        <v>0</v>
      </c>
      <c r="GZ24" s="327">
        <v>0</v>
      </c>
      <c r="HA24" s="327">
        <v>0</v>
      </c>
      <c r="HB24" s="331">
        <v>124264</v>
      </c>
      <c r="HC24" s="330">
        <v>124264</v>
      </c>
      <c r="HD24" s="326">
        <v>233567</v>
      </c>
      <c r="HE24" s="327">
        <v>186528</v>
      </c>
      <c r="HF24" s="331">
        <v>420095</v>
      </c>
      <c r="HG24" s="332">
        <v>0</v>
      </c>
      <c r="HH24" s="327">
        <v>978677</v>
      </c>
      <c r="HI24" s="327">
        <v>1091812</v>
      </c>
      <c r="HJ24" s="327">
        <v>1218584</v>
      </c>
      <c r="HK24" s="327">
        <v>1088953</v>
      </c>
      <c r="HL24" s="327">
        <v>484444</v>
      </c>
      <c r="HM24" s="328">
        <v>4862470</v>
      </c>
      <c r="HN24" s="329">
        <v>5282565</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1321846</v>
      </c>
      <c r="IE24" s="357">
        <v>1071711</v>
      </c>
      <c r="IF24" s="358">
        <v>1391980</v>
      </c>
      <c r="IG24" s="356">
        <v>0</v>
      </c>
      <c r="IH24" s="358">
        <v>849966</v>
      </c>
      <c r="II24" s="359">
        <v>4635503</v>
      </c>
      <c r="IJ24" s="358">
        <v>4635503</v>
      </c>
      <c r="IK24" s="342">
        <v>0</v>
      </c>
      <c r="IL24" s="343">
        <v>0</v>
      </c>
      <c r="IM24" s="344">
        <v>0</v>
      </c>
      <c r="IN24" s="404">
        <v>0</v>
      </c>
      <c r="IO24" s="345">
        <v>0</v>
      </c>
      <c r="IP24" s="345">
        <v>0</v>
      </c>
      <c r="IQ24" s="345">
        <v>0</v>
      </c>
      <c r="IR24" s="345">
        <v>0</v>
      </c>
      <c r="IS24" s="345">
        <v>140349</v>
      </c>
      <c r="IT24" s="346">
        <v>140349</v>
      </c>
      <c r="IU24" s="347">
        <v>140349</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490706</v>
      </c>
      <c r="JL24" s="345">
        <v>273854</v>
      </c>
      <c r="JM24" s="345">
        <v>29814</v>
      </c>
      <c r="JN24" s="345">
        <v>0</v>
      </c>
      <c r="JO24" s="345">
        <v>0</v>
      </c>
      <c r="JP24" s="349">
        <v>794374</v>
      </c>
      <c r="JQ24" s="347">
        <v>794374</v>
      </c>
      <c r="JR24" s="348">
        <v>0</v>
      </c>
      <c r="JS24" s="345">
        <v>0</v>
      </c>
      <c r="JT24" s="346">
        <v>0</v>
      </c>
      <c r="JU24" s="351">
        <v>0</v>
      </c>
      <c r="JV24" s="345">
        <v>100442</v>
      </c>
      <c r="JW24" s="345">
        <v>120447</v>
      </c>
      <c r="JX24" s="345">
        <v>237085</v>
      </c>
      <c r="JY24" s="345">
        <v>0</v>
      </c>
      <c r="JZ24" s="345">
        <v>0</v>
      </c>
      <c r="KA24" s="349">
        <v>457974</v>
      </c>
      <c r="KB24" s="347">
        <v>457974</v>
      </c>
      <c r="KC24" s="352">
        <v>0</v>
      </c>
      <c r="KD24" s="353">
        <v>0</v>
      </c>
      <c r="KE24" s="349">
        <v>0</v>
      </c>
      <c r="KF24" s="351">
        <v>0</v>
      </c>
      <c r="KG24" s="345">
        <v>273851</v>
      </c>
      <c r="KH24" s="345">
        <v>181898</v>
      </c>
      <c r="KI24" s="345">
        <v>952807</v>
      </c>
      <c r="KJ24" s="345">
        <v>0</v>
      </c>
      <c r="KK24" s="345">
        <v>0</v>
      </c>
      <c r="KL24" s="349">
        <v>1408556</v>
      </c>
      <c r="KM24" s="354">
        <v>1408556</v>
      </c>
      <c r="KN24" s="342">
        <v>0</v>
      </c>
      <c r="KO24" s="343">
        <v>0</v>
      </c>
      <c r="KP24" s="344">
        <v>0</v>
      </c>
      <c r="KQ24" s="404">
        <v>0</v>
      </c>
      <c r="KR24" s="345">
        <v>456847</v>
      </c>
      <c r="KS24" s="345">
        <v>495512</v>
      </c>
      <c r="KT24" s="345">
        <v>172274</v>
      </c>
      <c r="KU24" s="345">
        <v>0</v>
      </c>
      <c r="KV24" s="345">
        <v>0</v>
      </c>
      <c r="KW24" s="349">
        <v>1124633</v>
      </c>
      <c r="KX24" s="347">
        <v>1124633</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709617</v>
      </c>
      <c r="MD24" s="349">
        <v>709617</v>
      </c>
      <c r="ME24" s="350">
        <v>709617</v>
      </c>
      <c r="MF24" s="348">
        <v>0</v>
      </c>
      <c r="MG24" s="345">
        <v>0</v>
      </c>
      <c r="MH24" s="349">
        <v>0</v>
      </c>
      <c r="MI24" s="404">
        <v>0</v>
      </c>
      <c r="MJ24" s="345">
        <v>540077</v>
      </c>
      <c r="MK24" s="345">
        <v>328345</v>
      </c>
      <c r="ML24" s="345">
        <v>2367251</v>
      </c>
      <c r="MM24" s="345">
        <v>2778387</v>
      </c>
      <c r="MN24" s="345">
        <v>2351428</v>
      </c>
      <c r="MO24" s="349">
        <v>8365488</v>
      </c>
      <c r="MP24" s="354">
        <v>8365488</v>
      </c>
      <c r="MQ24" s="348">
        <v>0</v>
      </c>
      <c r="MR24" s="345">
        <v>0</v>
      </c>
      <c r="MS24" s="349">
        <v>0</v>
      </c>
      <c r="MT24" s="404">
        <v>0</v>
      </c>
      <c r="MU24" s="345">
        <v>0</v>
      </c>
      <c r="MV24" s="345">
        <v>0</v>
      </c>
      <c r="MW24" s="345">
        <v>1571080</v>
      </c>
      <c r="MX24" s="345">
        <v>1370394</v>
      </c>
      <c r="MY24" s="345">
        <v>1447113</v>
      </c>
      <c r="MZ24" s="349">
        <v>4388587</v>
      </c>
      <c r="NA24" s="354">
        <v>4388587</v>
      </c>
      <c r="NB24" s="348">
        <v>0</v>
      </c>
      <c r="NC24" s="345">
        <v>0</v>
      </c>
      <c r="ND24" s="349">
        <v>0</v>
      </c>
      <c r="NE24" s="404">
        <v>0</v>
      </c>
      <c r="NF24" s="345">
        <v>540077</v>
      </c>
      <c r="NG24" s="345">
        <v>328345</v>
      </c>
      <c r="NH24" s="345">
        <v>796171</v>
      </c>
      <c r="NI24" s="345">
        <v>1407993</v>
      </c>
      <c r="NJ24" s="345">
        <v>904315</v>
      </c>
      <c r="NK24" s="349">
        <v>3976901</v>
      </c>
      <c r="NL24" s="347">
        <v>3976901</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51010</v>
      </c>
      <c r="OJ24" s="345">
        <v>638772</v>
      </c>
      <c r="OK24" s="346">
        <v>989782</v>
      </c>
      <c r="OL24" s="351">
        <v>0</v>
      </c>
      <c r="OM24" s="345">
        <v>5424420</v>
      </c>
      <c r="ON24" s="345">
        <v>5547132</v>
      </c>
      <c r="OO24" s="345">
        <v>7100711</v>
      </c>
      <c r="OP24" s="345">
        <v>5149099</v>
      </c>
      <c r="OQ24" s="345">
        <v>4646861</v>
      </c>
      <c r="OR24" s="349">
        <v>27868223</v>
      </c>
      <c r="OS24" s="354">
        <v>28858005</v>
      </c>
    </row>
    <row r="25" spans="2:409" s="70" customFormat="1" ht="21" customHeight="1" x14ac:dyDescent="0.2">
      <c r="B25" s="410" t="s">
        <v>20</v>
      </c>
      <c r="C25" s="326">
        <v>349272</v>
      </c>
      <c r="D25" s="327">
        <v>657709</v>
      </c>
      <c r="E25" s="328">
        <v>1006981</v>
      </c>
      <c r="F25" s="326">
        <v>0</v>
      </c>
      <c r="G25" s="327">
        <v>5913018</v>
      </c>
      <c r="H25" s="327">
        <v>4784637</v>
      </c>
      <c r="I25" s="327">
        <v>4783737</v>
      </c>
      <c r="J25" s="327">
        <v>3899824</v>
      </c>
      <c r="K25" s="327">
        <v>2703613</v>
      </c>
      <c r="L25" s="367">
        <v>22084829</v>
      </c>
      <c r="M25" s="330">
        <v>23091810</v>
      </c>
      <c r="N25" s="326">
        <v>176068</v>
      </c>
      <c r="O25" s="327">
        <v>210005</v>
      </c>
      <c r="P25" s="328">
        <v>386073</v>
      </c>
      <c r="Q25" s="326">
        <v>0</v>
      </c>
      <c r="R25" s="327">
        <v>1945917</v>
      </c>
      <c r="S25" s="327">
        <v>1986585</v>
      </c>
      <c r="T25" s="327">
        <v>1624236</v>
      </c>
      <c r="U25" s="327">
        <v>900537</v>
      </c>
      <c r="V25" s="327">
        <v>1638645</v>
      </c>
      <c r="W25" s="328">
        <v>8095920</v>
      </c>
      <c r="X25" s="330">
        <v>8481993</v>
      </c>
      <c r="Y25" s="326">
        <v>0</v>
      </c>
      <c r="Z25" s="327">
        <v>0</v>
      </c>
      <c r="AA25" s="328">
        <v>0</v>
      </c>
      <c r="AB25" s="326">
        <v>0</v>
      </c>
      <c r="AC25" s="327">
        <v>900759</v>
      </c>
      <c r="AD25" s="327">
        <v>827617</v>
      </c>
      <c r="AE25" s="327">
        <v>599168</v>
      </c>
      <c r="AF25" s="327">
        <v>346259</v>
      </c>
      <c r="AG25" s="327">
        <v>1178790</v>
      </c>
      <c r="AH25" s="328">
        <v>3852593</v>
      </c>
      <c r="AI25" s="330">
        <v>3852593</v>
      </c>
      <c r="AJ25" s="326">
        <v>0</v>
      </c>
      <c r="AK25" s="327">
        <v>0</v>
      </c>
      <c r="AL25" s="328">
        <v>0</v>
      </c>
      <c r="AM25" s="326">
        <v>0</v>
      </c>
      <c r="AN25" s="327">
        <v>0</v>
      </c>
      <c r="AO25" s="327">
        <v>0</v>
      </c>
      <c r="AP25" s="327">
        <v>83303</v>
      </c>
      <c r="AQ25" s="327">
        <v>0</v>
      </c>
      <c r="AR25" s="327">
        <v>107097</v>
      </c>
      <c r="AS25" s="328">
        <v>190400</v>
      </c>
      <c r="AT25" s="330">
        <v>190400</v>
      </c>
      <c r="AU25" s="326">
        <v>111215</v>
      </c>
      <c r="AV25" s="327">
        <v>128789</v>
      </c>
      <c r="AW25" s="328">
        <v>240004</v>
      </c>
      <c r="AX25" s="326">
        <v>0</v>
      </c>
      <c r="AY25" s="327">
        <v>692872</v>
      </c>
      <c r="AZ25" s="327">
        <v>725502</v>
      </c>
      <c r="BA25" s="327">
        <v>381583</v>
      </c>
      <c r="BB25" s="327">
        <v>291768</v>
      </c>
      <c r="BC25" s="327">
        <v>157993</v>
      </c>
      <c r="BD25" s="328">
        <v>2249718</v>
      </c>
      <c r="BE25" s="330">
        <v>2489722</v>
      </c>
      <c r="BF25" s="326">
        <v>42365</v>
      </c>
      <c r="BG25" s="327">
        <v>42024</v>
      </c>
      <c r="BH25" s="331">
        <v>84389</v>
      </c>
      <c r="BI25" s="332">
        <v>0</v>
      </c>
      <c r="BJ25" s="327">
        <v>116318</v>
      </c>
      <c r="BK25" s="327">
        <v>268402</v>
      </c>
      <c r="BL25" s="327">
        <v>206702</v>
      </c>
      <c r="BM25" s="327">
        <v>31254</v>
      </c>
      <c r="BN25" s="327">
        <v>62373</v>
      </c>
      <c r="BO25" s="328">
        <v>685049</v>
      </c>
      <c r="BP25" s="330">
        <v>769438</v>
      </c>
      <c r="BQ25" s="326">
        <v>22488</v>
      </c>
      <c r="BR25" s="327">
        <v>39192</v>
      </c>
      <c r="BS25" s="328">
        <v>61680</v>
      </c>
      <c r="BT25" s="326">
        <v>0</v>
      </c>
      <c r="BU25" s="327">
        <v>235968</v>
      </c>
      <c r="BV25" s="327">
        <v>165064</v>
      </c>
      <c r="BW25" s="327">
        <v>353480</v>
      </c>
      <c r="BX25" s="327">
        <v>231256</v>
      </c>
      <c r="BY25" s="327">
        <v>132392</v>
      </c>
      <c r="BZ25" s="328">
        <v>1118160</v>
      </c>
      <c r="CA25" s="330">
        <v>1179840</v>
      </c>
      <c r="CB25" s="326">
        <v>62072</v>
      </c>
      <c r="CC25" s="327">
        <v>40413</v>
      </c>
      <c r="CD25" s="328">
        <v>102485</v>
      </c>
      <c r="CE25" s="326">
        <v>0</v>
      </c>
      <c r="CF25" s="327">
        <v>2370276</v>
      </c>
      <c r="CG25" s="327">
        <v>1973043</v>
      </c>
      <c r="CH25" s="327">
        <v>1141933</v>
      </c>
      <c r="CI25" s="327">
        <v>528344</v>
      </c>
      <c r="CJ25" s="327">
        <v>170442</v>
      </c>
      <c r="CK25" s="328">
        <v>6184038</v>
      </c>
      <c r="CL25" s="330">
        <v>6286523</v>
      </c>
      <c r="CM25" s="326">
        <v>0</v>
      </c>
      <c r="CN25" s="327">
        <v>0</v>
      </c>
      <c r="CO25" s="328">
        <v>0</v>
      </c>
      <c r="CP25" s="332">
        <v>0</v>
      </c>
      <c r="CQ25" s="327">
        <v>1709304</v>
      </c>
      <c r="CR25" s="327">
        <v>1517254</v>
      </c>
      <c r="CS25" s="327">
        <v>825675</v>
      </c>
      <c r="CT25" s="327">
        <v>382346</v>
      </c>
      <c r="CU25" s="327">
        <v>53286</v>
      </c>
      <c r="CV25" s="328">
        <v>4487865</v>
      </c>
      <c r="CW25" s="330">
        <v>4487865</v>
      </c>
      <c r="CX25" s="326">
        <v>62072</v>
      </c>
      <c r="CY25" s="327">
        <v>40413</v>
      </c>
      <c r="CZ25" s="328">
        <v>102485</v>
      </c>
      <c r="DA25" s="326">
        <v>0</v>
      </c>
      <c r="DB25" s="327">
        <v>660972</v>
      </c>
      <c r="DC25" s="327">
        <v>455789</v>
      </c>
      <c r="DD25" s="327">
        <v>316258</v>
      </c>
      <c r="DE25" s="327">
        <v>145998</v>
      </c>
      <c r="DF25" s="327">
        <v>117156</v>
      </c>
      <c r="DG25" s="328">
        <v>1696173</v>
      </c>
      <c r="DH25" s="330">
        <v>1798658</v>
      </c>
      <c r="DI25" s="326">
        <v>0</v>
      </c>
      <c r="DJ25" s="327">
        <v>0</v>
      </c>
      <c r="DK25" s="331">
        <v>0</v>
      </c>
      <c r="DL25" s="332">
        <v>0</v>
      </c>
      <c r="DM25" s="327">
        <v>365701</v>
      </c>
      <c r="DN25" s="327">
        <v>0</v>
      </c>
      <c r="DO25" s="327">
        <v>449079</v>
      </c>
      <c r="DP25" s="327">
        <v>858042</v>
      </c>
      <c r="DQ25" s="327">
        <v>63609</v>
      </c>
      <c r="DR25" s="328">
        <v>1736431</v>
      </c>
      <c r="DS25" s="330">
        <v>1736431</v>
      </c>
      <c r="DT25" s="326">
        <v>0</v>
      </c>
      <c r="DU25" s="327">
        <v>0</v>
      </c>
      <c r="DV25" s="328">
        <v>0</v>
      </c>
      <c r="DW25" s="326">
        <v>0</v>
      </c>
      <c r="DX25" s="327">
        <v>346805</v>
      </c>
      <c r="DY25" s="327">
        <v>0</v>
      </c>
      <c r="DZ25" s="327">
        <v>380174</v>
      </c>
      <c r="EA25" s="327">
        <v>723284</v>
      </c>
      <c r="EB25" s="327">
        <v>63609</v>
      </c>
      <c r="EC25" s="328">
        <v>1513872</v>
      </c>
      <c r="ED25" s="330">
        <v>1513872</v>
      </c>
      <c r="EE25" s="326">
        <v>0</v>
      </c>
      <c r="EF25" s="331">
        <v>0</v>
      </c>
      <c r="EG25" s="328">
        <v>0</v>
      </c>
      <c r="EH25" s="326">
        <v>0</v>
      </c>
      <c r="EI25" s="327">
        <v>18896</v>
      </c>
      <c r="EJ25" s="327">
        <v>0</v>
      </c>
      <c r="EK25" s="327">
        <v>68905</v>
      </c>
      <c r="EL25" s="327">
        <v>134758</v>
      </c>
      <c r="EM25" s="327">
        <v>0</v>
      </c>
      <c r="EN25" s="331">
        <v>222559</v>
      </c>
      <c r="EO25" s="330">
        <v>222559</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57152</v>
      </c>
      <c r="FM25" s="327">
        <v>214376</v>
      </c>
      <c r="FN25" s="328">
        <v>271528</v>
      </c>
      <c r="FO25" s="326">
        <v>0</v>
      </c>
      <c r="FP25" s="327">
        <v>417600</v>
      </c>
      <c r="FQ25" s="327">
        <v>644928</v>
      </c>
      <c r="FR25" s="327">
        <v>387752</v>
      </c>
      <c r="FS25" s="327">
        <v>221640</v>
      </c>
      <c r="FT25" s="327">
        <v>346560</v>
      </c>
      <c r="FU25" s="328">
        <v>2018480</v>
      </c>
      <c r="FV25" s="330">
        <v>2290008</v>
      </c>
      <c r="FW25" s="333">
        <v>57152</v>
      </c>
      <c r="FX25" s="327">
        <v>129432</v>
      </c>
      <c r="FY25" s="331">
        <v>186584</v>
      </c>
      <c r="FZ25" s="332">
        <v>0</v>
      </c>
      <c r="GA25" s="327">
        <v>355680</v>
      </c>
      <c r="GB25" s="327">
        <v>470296</v>
      </c>
      <c r="GC25" s="327">
        <v>387752</v>
      </c>
      <c r="GD25" s="327">
        <v>195240</v>
      </c>
      <c r="GE25" s="327">
        <v>190888</v>
      </c>
      <c r="GF25" s="328">
        <v>1599856</v>
      </c>
      <c r="GG25" s="334">
        <v>1786440</v>
      </c>
      <c r="GH25" s="333">
        <v>0</v>
      </c>
      <c r="GI25" s="327">
        <v>9504</v>
      </c>
      <c r="GJ25" s="331">
        <v>9504</v>
      </c>
      <c r="GK25" s="332">
        <v>0</v>
      </c>
      <c r="GL25" s="327">
        <v>28320</v>
      </c>
      <c r="GM25" s="327">
        <v>15440</v>
      </c>
      <c r="GN25" s="327">
        <v>0</v>
      </c>
      <c r="GO25" s="327">
        <v>26400</v>
      </c>
      <c r="GP25" s="327">
        <v>35992</v>
      </c>
      <c r="GQ25" s="328">
        <v>106152</v>
      </c>
      <c r="GR25" s="330">
        <v>115656</v>
      </c>
      <c r="GS25" s="326">
        <v>0</v>
      </c>
      <c r="GT25" s="327">
        <v>75440</v>
      </c>
      <c r="GU25" s="328">
        <v>75440</v>
      </c>
      <c r="GV25" s="326">
        <v>0</v>
      </c>
      <c r="GW25" s="327">
        <v>33600</v>
      </c>
      <c r="GX25" s="327">
        <v>159192</v>
      </c>
      <c r="GY25" s="327">
        <v>0</v>
      </c>
      <c r="GZ25" s="327">
        <v>0</v>
      </c>
      <c r="HA25" s="327">
        <v>119680</v>
      </c>
      <c r="HB25" s="331">
        <v>312472</v>
      </c>
      <c r="HC25" s="330">
        <v>387912</v>
      </c>
      <c r="HD25" s="326">
        <v>53980</v>
      </c>
      <c r="HE25" s="327">
        <v>192915</v>
      </c>
      <c r="HF25" s="331">
        <v>246895</v>
      </c>
      <c r="HG25" s="332">
        <v>0</v>
      </c>
      <c r="HH25" s="327">
        <v>813524</v>
      </c>
      <c r="HI25" s="327">
        <v>180081</v>
      </c>
      <c r="HJ25" s="327">
        <v>1180737</v>
      </c>
      <c r="HK25" s="327">
        <v>1391261</v>
      </c>
      <c r="HL25" s="327">
        <v>484357</v>
      </c>
      <c r="HM25" s="328">
        <v>4049960</v>
      </c>
      <c r="HN25" s="329">
        <v>4296855</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492608</v>
      </c>
      <c r="IE25" s="339">
        <v>1140735</v>
      </c>
      <c r="IF25" s="337">
        <v>1586837</v>
      </c>
      <c r="IG25" s="336">
        <v>346032</v>
      </c>
      <c r="IH25" s="337">
        <v>225284</v>
      </c>
      <c r="II25" s="340">
        <v>3791496</v>
      </c>
      <c r="IJ25" s="341">
        <v>3791496</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492608</v>
      </c>
      <c r="JL25" s="345">
        <v>866283</v>
      </c>
      <c r="JM25" s="345">
        <v>299046</v>
      </c>
      <c r="JN25" s="345">
        <v>76748</v>
      </c>
      <c r="JO25" s="345">
        <v>225284</v>
      </c>
      <c r="JP25" s="349">
        <v>1959969</v>
      </c>
      <c r="JQ25" s="347">
        <v>1959969</v>
      </c>
      <c r="JR25" s="348">
        <v>0</v>
      </c>
      <c r="JS25" s="345">
        <v>0</v>
      </c>
      <c r="JT25" s="346">
        <v>0</v>
      </c>
      <c r="JU25" s="351">
        <v>0</v>
      </c>
      <c r="JV25" s="345">
        <v>0</v>
      </c>
      <c r="JW25" s="345">
        <v>0</v>
      </c>
      <c r="JX25" s="345">
        <v>0</v>
      </c>
      <c r="JY25" s="345">
        <v>0</v>
      </c>
      <c r="JZ25" s="345">
        <v>0</v>
      </c>
      <c r="KA25" s="349">
        <v>0</v>
      </c>
      <c r="KB25" s="347">
        <v>0</v>
      </c>
      <c r="KC25" s="352">
        <v>0</v>
      </c>
      <c r="KD25" s="353">
        <v>0</v>
      </c>
      <c r="KE25" s="349">
        <v>0</v>
      </c>
      <c r="KF25" s="351">
        <v>0</v>
      </c>
      <c r="KG25" s="345">
        <v>0</v>
      </c>
      <c r="KH25" s="345">
        <v>0</v>
      </c>
      <c r="KI25" s="345">
        <v>241888</v>
      </c>
      <c r="KJ25" s="345">
        <v>0</v>
      </c>
      <c r="KK25" s="345">
        <v>0</v>
      </c>
      <c r="KL25" s="349">
        <v>241888</v>
      </c>
      <c r="KM25" s="354">
        <v>241888</v>
      </c>
      <c r="KN25" s="342">
        <v>0</v>
      </c>
      <c r="KO25" s="343">
        <v>0</v>
      </c>
      <c r="KP25" s="344">
        <v>0</v>
      </c>
      <c r="KQ25" s="404">
        <v>0</v>
      </c>
      <c r="KR25" s="345">
        <v>0</v>
      </c>
      <c r="KS25" s="345">
        <v>274452</v>
      </c>
      <c r="KT25" s="345">
        <v>1045903</v>
      </c>
      <c r="KU25" s="345">
        <v>269284</v>
      </c>
      <c r="KV25" s="345">
        <v>0</v>
      </c>
      <c r="KW25" s="349">
        <v>1589639</v>
      </c>
      <c r="KX25" s="347">
        <v>1589639</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0</v>
      </c>
      <c r="MK25" s="345">
        <v>516104</v>
      </c>
      <c r="ML25" s="345">
        <v>1572246</v>
      </c>
      <c r="MM25" s="345">
        <v>2851402</v>
      </c>
      <c r="MN25" s="345">
        <v>2352474</v>
      </c>
      <c r="MO25" s="349">
        <v>7292226</v>
      </c>
      <c r="MP25" s="354">
        <v>7292226</v>
      </c>
      <c r="MQ25" s="348">
        <v>0</v>
      </c>
      <c r="MR25" s="345">
        <v>0</v>
      </c>
      <c r="MS25" s="349">
        <v>0</v>
      </c>
      <c r="MT25" s="404">
        <v>0</v>
      </c>
      <c r="MU25" s="345">
        <v>0</v>
      </c>
      <c r="MV25" s="345">
        <v>516104</v>
      </c>
      <c r="MW25" s="345">
        <v>1572246</v>
      </c>
      <c r="MX25" s="345">
        <v>2501636</v>
      </c>
      <c r="MY25" s="345">
        <v>2352474</v>
      </c>
      <c r="MZ25" s="349">
        <v>6942460</v>
      </c>
      <c r="NA25" s="354">
        <v>6942460</v>
      </c>
      <c r="NB25" s="348">
        <v>0</v>
      </c>
      <c r="NC25" s="345">
        <v>0</v>
      </c>
      <c r="ND25" s="349">
        <v>0</v>
      </c>
      <c r="NE25" s="404">
        <v>0</v>
      </c>
      <c r="NF25" s="345">
        <v>0</v>
      </c>
      <c r="NG25" s="345">
        <v>0</v>
      </c>
      <c r="NH25" s="345">
        <v>0</v>
      </c>
      <c r="NI25" s="345">
        <v>349766</v>
      </c>
      <c r="NJ25" s="345">
        <v>0</v>
      </c>
      <c r="NK25" s="349">
        <v>349766</v>
      </c>
      <c r="NL25" s="347">
        <v>349766</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349272</v>
      </c>
      <c r="OJ25" s="345">
        <v>657709</v>
      </c>
      <c r="OK25" s="346">
        <v>1006981</v>
      </c>
      <c r="OL25" s="351">
        <v>0</v>
      </c>
      <c r="OM25" s="345">
        <v>6405626</v>
      </c>
      <c r="ON25" s="345">
        <v>6441476</v>
      </c>
      <c r="OO25" s="345">
        <v>7942820</v>
      </c>
      <c r="OP25" s="345">
        <v>7097258</v>
      </c>
      <c r="OQ25" s="345">
        <v>5281371</v>
      </c>
      <c r="OR25" s="349">
        <v>33168551</v>
      </c>
      <c r="OS25" s="354">
        <v>34175532</v>
      </c>
    </row>
    <row r="26" spans="2:409" s="70" customFormat="1" ht="21" customHeight="1" x14ac:dyDescent="0.2">
      <c r="B26" s="410" t="s">
        <v>21</v>
      </c>
      <c r="C26" s="326">
        <v>527093</v>
      </c>
      <c r="D26" s="327">
        <v>369396</v>
      </c>
      <c r="E26" s="328">
        <v>896489</v>
      </c>
      <c r="F26" s="329">
        <v>0</v>
      </c>
      <c r="G26" s="327">
        <v>3504094</v>
      </c>
      <c r="H26" s="327">
        <v>4672035</v>
      </c>
      <c r="I26" s="327">
        <v>3479545</v>
      </c>
      <c r="J26" s="327">
        <v>3779844</v>
      </c>
      <c r="K26" s="327">
        <v>2939604</v>
      </c>
      <c r="L26" s="367">
        <v>18375122</v>
      </c>
      <c r="M26" s="330">
        <v>19271611</v>
      </c>
      <c r="N26" s="326">
        <v>181510</v>
      </c>
      <c r="O26" s="327">
        <v>149857</v>
      </c>
      <c r="P26" s="328">
        <v>331367</v>
      </c>
      <c r="Q26" s="326">
        <v>0</v>
      </c>
      <c r="R26" s="327">
        <v>1362071</v>
      </c>
      <c r="S26" s="327">
        <v>1418455</v>
      </c>
      <c r="T26" s="327">
        <v>959035</v>
      </c>
      <c r="U26" s="327">
        <v>1633829</v>
      </c>
      <c r="V26" s="327">
        <v>1924606</v>
      </c>
      <c r="W26" s="328">
        <v>7297996</v>
      </c>
      <c r="X26" s="330">
        <v>7629363</v>
      </c>
      <c r="Y26" s="326">
        <v>0</v>
      </c>
      <c r="Z26" s="327">
        <v>0</v>
      </c>
      <c r="AA26" s="328">
        <v>0</v>
      </c>
      <c r="AB26" s="326">
        <v>0</v>
      </c>
      <c r="AC26" s="327">
        <v>417569</v>
      </c>
      <c r="AD26" s="327">
        <v>501393</v>
      </c>
      <c r="AE26" s="327">
        <v>352469</v>
      </c>
      <c r="AF26" s="327">
        <v>567988</v>
      </c>
      <c r="AG26" s="327">
        <v>1384443</v>
      </c>
      <c r="AH26" s="328">
        <v>3223862</v>
      </c>
      <c r="AI26" s="330">
        <v>3223862</v>
      </c>
      <c r="AJ26" s="326">
        <v>0</v>
      </c>
      <c r="AK26" s="327">
        <v>0</v>
      </c>
      <c r="AL26" s="328">
        <v>0</v>
      </c>
      <c r="AM26" s="326">
        <v>0</v>
      </c>
      <c r="AN26" s="327">
        <v>0</v>
      </c>
      <c r="AO26" s="327">
        <v>0</v>
      </c>
      <c r="AP26" s="327">
        <v>0</v>
      </c>
      <c r="AQ26" s="327">
        <v>46994</v>
      </c>
      <c r="AR26" s="327">
        <v>118245</v>
      </c>
      <c r="AS26" s="328">
        <v>165239</v>
      </c>
      <c r="AT26" s="330">
        <v>165239</v>
      </c>
      <c r="AU26" s="326">
        <v>58642</v>
      </c>
      <c r="AV26" s="327">
        <v>100764</v>
      </c>
      <c r="AW26" s="328">
        <v>159406</v>
      </c>
      <c r="AX26" s="326">
        <v>0</v>
      </c>
      <c r="AY26" s="327">
        <v>723629</v>
      </c>
      <c r="AZ26" s="327">
        <v>554314</v>
      </c>
      <c r="BA26" s="327">
        <v>435022</v>
      </c>
      <c r="BB26" s="327">
        <v>835335</v>
      </c>
      <c r="BC26" s="327">
        <v>247202</v>
      </c>
      <c r="BD26" s="328">
        <v>2795502</v>
      </c>
      <c r="BE26" s="330">
        <v>2954908</v>
      </c>
      <c r="BF26" s="326">
        <v>85444</v>
      </c>
      <c r="BG26" s="327">
        <v>21133</v>
      </c>
      <c r="BH26" s="331">
        <v>106577</v>
      </c>
      <c r="BI26" s="332">
        <v>0</v>
      </c>
      <c r="BJ26" s="327">
        <v>48841</v>
      </c>
      <c r="BK26" s="327">
        <v>109988</v>
      </c>
      <c r="BL26" s="327">
        <v>0</v>
      </c>
      <c r="BM26" s="327">
        <v>0</v>
      </c>
      <c r="BN26" s="327">
        <v>71164</v>
      </c>
      <c r="BO26" s="328">
        <v>229993</v>
      </c>
      <c r="BP26" s="330">
        <v>336570</v>
      </c>
      <c r="BQ26" s="326">
        <v>37424</v>
      </c>
      <c r="BR26" s="327">
        <v>27960</v>
      </c>
      <c r="BS26" s="328">
        <v>65384</v>
      </c>
      <c r="BT26" s="326">
        <v>0</v>
      </c>
      <c r="BU26" s="327">
        <v>172032</v>
      </c>
      <c r="BV26" s="327">
        <v>252760</v>
      </c>
      <c r="BW26" s="327">
        <v>171544</v>
      </c>
      <c r="BX26" s="327">
        <v>183512</v>
      </c>
      <c r="BY26" s="327">
        <v>103552</v>
      </c>
      <c r="BZ26" s="328">
        <v>883400</v>
      </c>
      <c r="CA26" s="330">
        <v>948784</v>
      </c>
      <c r="CB26" s="326">
        <v>40232</v>
      </c>
      <c r="CC26" s="327">
        <v>37583</v>
      </c>
      <c r="CD26" s="328">
        <v>77815</v>
      </c>
      <c r="CE26" s="326">
        <v>0</v>
      </c>
      <c r="CF26" s="327">
        <v>1117694</v>
      </c>
      <c r="CG26" s="327">
        <v>1324767</v>
      </c>
      <c r="CH26" s="327">
        <v>1160715</v>
      </c>
      <c r="CI26" s="327">
        <v>327366</v>
      </c>
      <c r="CJ26" s="327">
        <v>64240</v>
      </c>
      <c r="CK26" s="328">
        <v>3994782</v>
      </c>
      <c r="CL26" s="330">
        <v>4072597</v>
      </c>
      <c r="CM26" s="326">
        <v>0</v>
      </c>
      <c r="CN26" s="327">
        <v>0</v>
      </c>
      <c r="CO26" s="328">
        <v>0</v>
      </c>
      <c r="CP26" s="332">
        <v>0</v>
      </c>
      <c r="CQ26" s="327">
        <v>776698</v>
      </c>
      <c r="CR26" s="327">
        <v>1055157</v>
      </c>
      <c r="CS26" s="327">
        <v>906801</v>
      </c>
      <c r="CT26" s="327">
        <v>293426</v>
      </c>
      <c r="CU26" s="327">
        <v>11912</v>
      </c>
      <c r="CV26" s="328">
        <v>3043994</v>
      </c>
      <c r="CW26" s="330">
        <v>3043994</v>
      </c>
      <c r="CX26" s="326">
        <v>40232</v>
      </c>
      <c r="CY26" s="327">
        <v>37583</v>
      </c>
      <c r="CZ26" s="328">
        <v>77815</v>
      </c>
      <c r="DA26" s="326">
        <v>0</v>
      </c>
      <c r="DB26" s="327">
        <v>340996</v>
      </c>
      <c r="DC26" s="327">
        <v>269610</v>
      </c>
      <c r="DD26" s="327">
        <v>253914</v>
      </c>
      <c r="DE26" s="327">
        <v>33940</v>
      </c>
      <c r="DF26" s="327">
        <v>52328</v>
      </c>
      <c r="DG26" s="328">
        <v>950788</v>
      </c>
      <c r="DH26" s="330">
        <v>1028603</v>
      </c>
      <c r="DI26" s="326">
        <v>0</v>
      </c>
      <c r="DJ26" s="327">
        <v>0</v>
      </c>
      <c r="DK26" s="331">
        <v>0</v>
      </c>
      <c r="DL26" s="332">
        <v>0</v>
      </c>
      <c r="DM26" s="327">
        <v>169582</v>
      </c>
      <c r="DN26" s="327">
        <v>91216</v>
      </c>
      <c r="DO26" s="327">
        <v>369592</v>
      </c>
      <c r="DP26" s="327">
        <v>304270</v>
      </c>
      <c r="DQ26" s="327">
        <v>265994</v>
      </c>
      <c r="DR26" s="328">
        <v>1200654</v>
      </c>
      <c r="DS26" s="330">
        <v>1200654</v>
      </c>
      <c r="DT26" s="326">
        <v>0</v>
      </c>
      <c r="DU26" s="327">
        <v>0</v>
      </c>
      <c r="DV26" s="328">
        <v>0</v>
      </c>
      <c r="DW26" s="326">
        <v>0</v>
      </c>
      <c r="DX26" s="327">
        <v>169582</v>
      </c>
      <c r="DY26" s="327">
        <v>91216</v>
      </c>
      <c r="DZ26" s="327">
        <v>369592</v>
      </c>
      <c r="EA26" s="327">
        <v>304270</v>
      </c>
      <c r="EB26" s="327">
        <v>265994</v>
      </c>
      <c r="EC26" s="328">
        <v>1200654</v>
      </c>
      <c r="ED26" s="330">
        <v>1200654</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50552</v>
      </c>
      <c r="FM26" s="327">
        <v>91744</v>
      </c>
      <c r="FN26" s="328">
        <v>342296</v>
      </c>
      <c r="FO26" s="326">
        <v>0</v>
      </c>
      <c r="FP26" s="327">
        <v>202083</v>
      </c>
      <c r="FQ26" s="327">
        <v>628850</v>
      </c>
      <c r="FR26" s="327">
        <v>387240</v>
      </c>
      <c r="FS26" s="327">
        <v>268976</v>
      </c>
      <c r="FT26" s="327">
        <v>200296</v>
      </c>
      <c r="FU26" s="328">
        <v>1687445</v>
      </c>
      <c r="FV26" s="330">
        <v>2029741</v>
      </c>
      <c r="FW26" s="333">
        <v>90552</v>
      </c>
      <c r="FX26" s="327">
        <v>91744</v>
      </c>
      <c r="FY26" s="331">
        <v>182296</v>
      </c>
      <c r="FZ26" s="332">
        <v>0</v>
      </c>
      <c r="GA26" s="327">
        <v>125324</v>
      </c>
      <c r="GB26" s="327">
        <v>451640</v>
      </c>
      <c r="GC26" s="327">
        <v>387240</v>
      </c>
      <c r="GD26" s="327">
        <v>268976</v>
      </c>
      <c r="GE26" s="327">
        <v>200296</v>
      </c>
      <c r="GF26" s="328">
        <v>1433476</v>
      </c>
      <c r="GG26" s="334">
        <v>1615772</v>
      </c>
      <c r="GH26" s="333">
        <v>0</v>
      </c>
      <c r="GI26" s="327">
        <v>0</v>
      </c>
      <c r="GJ26" s="331">
        <v>0</v>
      </c>
      <c r="GK26" s="332">
        <v>0</v>
      </c>
      <c r="GL26" s="327">
        <v>76759</v>
      </c>
      <c r="GM26" s="327">
        <v>12760</v>
      </c>
      <c r="GN26" s="327">
        <v>0</v>
      </c>
      <c r="GO26" s="327">
        <v>0</v>
      </c>
      <c r="GP26" s="327">
        <v>0</v>
      </c>
      <c r="GQ26" s="328">
        <v>89519</v>
      </c>
      <c r="GR26" s="330">
        <v>89519</v>
      </c>
      <c r="GS26" s="326">
        <v>160000</v>
      </c>
      <c r="GT26" s="327">
        <v>0</v>
      </c>
      <c r="GU26" s="328">
        <v>160000</v>
      </c>
      <c r="GV26" s="326">
        <v>0</v>
      </c>
      <c r="GW26" s="327">
        <v>0</v>
      </c>
      <c r="GX26" s="327">
        <v>164450</v>
      </c>
      <c r="GY26" s="327">
        <v>0</v>
      </c>
      <c r="GZ26" s="327">
        <v>0</v>
      </c>
      <c r="HA26" s="327">
        <v>0</v>
      </c>
      <c r="HB26" s="331">
        <v>164450</v>
      </c>
      <c r="HC26" s="330">
        <v>324450</v>
      </c>
      <c r="HD26" s="326">
        <v>54799</v>
      </c>
      <c r="HE26" s="327">
        <v>90212</v>
      </c>
      <c r="HF26" s="331">
        <v>145011</v>
      </c>
      <c r="HG26" s="332">
        <v>0</v>
      </c>
      <c r="HH26" s="327">
        <v>652664</v>
      </c>
      <c r="HI26" s="327">
        <v>1208747</v>
      </c>
      <c r="HJ26" s="327">
        <v>602963</v>
      </c>
      <c r="HK26" s="327">
        <v>1245403</v>
      </c>
      <c r="HL26" s="327">
        <v>484468</v>
      </c>
      <c r="HM26" s="328">
        <v>4194245</v>
      </c>
      <c r="HN26" s="329">
        <v>4339256</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905920</v>
      </c>
      <c r="IE26" s="357">
        <v>765734</v>
      </c>
      <c r="IF26" s="358">
        <v>960015</v>
      </c>
      <c r="IG26" s="356">
        <v>111571</v>
      </c>
      <c r="IH26" s="358">
        <v>0</v>
      </c>
      <c r="II26" s="359">
        <v>2743240</v>
      </c>
      <c r="IJ26" s="358">
        <v>2743240</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665312</v>
      </c>
      <c r="JL26" s="345">
        <v>261302</v>
      </c>
      <c r="JM26" s="345">
        <v>218517</v>
      </c>
      <c r="JN26" s="345">
        <v>111571</v>
      </c>
      <c r="JO26" s="345">
        <v>0</v>
      </c>
      <c r="JP26" s="349">
        <v>1256702</v>
      </c>
      <c r="JQ26" s="347">
        <v>1256702</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228630</v>
      </c>
      <c r="KJ26" s="345">
        <v>0</v>
      </c>
      <c r="KK26" s="345">
        <v>0</v>
      </c>
      <c r="KL26" s="349">
        <v>228630</v>
      </c>
      <c r="KM26" s="354">
        <v>228630</v>
      </c>
      <c r="KN26" s="342">
        <v>0</v>
      </c>
      <c r="KO26" s="343">
        <v>0</v>
      </c>
      <c r="KP26" s="344">
        <v>0</v>
      </c>
      <c r="KQ26" s="404">
        <v>0</v>
      </c>
      <c r="KR26" s="345">
        <v>240608</v>
      </c>
      <c r="KS26" s="345">
        <v>504432</v>
      </c>
      <c r="KT26" s="345">
        <v>512868</v>
      </c>
      <c r="KU26" s="345">
        <v>0</v>
      </c>
      <c r="KV26" s="345">
        <v>0</v>
      </c>
      <c r="KW26" s="349">
        <v>1257908</v>
      </c>
      <c r="KX26" s="347">
        <v>1257908</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286797</v>
      </c>
      <c r="ML26" s="345">
        <v>2371360</v>
      </c>
      <c r="MM26" s="345">
        <v>1872072</v>
      </c>
      <c r="MN26" s="345">
        <v>2919273</v>
      </c>
      <c r="MO26" s="349">
        <v>7449502</v>
      </c>
      <c r="MP26" s="354">
        <v>7449502</v>
      </c>
      <c r="MQ26" s="348">
        <v>0</v>
      </c>
      <c r="MR26" s="345">
        <v>0</v>
      </c>
      <c r="MS26" s="349">
        <v>0</v>
      </c>
      <c r="MT26" s="404">
        <v>0</v>
      </c>
      <c r="MU26" s="345">
        <v>0</v>
      </c>
      <c r="MV26" s="345">
        <v>0</v>
      </c>
      <c r="MW26" s="345">
        <v>1435718</v>
      </c>
      <c r="MX26" s="345">
        <v>1872072</v>
      </c>
      <c r="MY26" s="345">
        <v>2670973</v>
      </c>
      <c r="MZ26" s="349">
        <v>5978763</v>
      </c>
      <c r="NA26" s="354">
        <v>5978763</v>
      </c>
      <c r="NB26" s="348">
        <v>0</v>
      </c>
      <c r="NC26" s="345">
        <v>0</v>
      </c>
      <c r="ND26" s="349">
        <v>0</v>
      </c>
      <c r="NE26" s="404">
        <v>0</v>
      </c>
      <c r="NF26" s="345">
        <v>0</v>
      </c>
      <c r="NG26" s="345">
        <v>286797</v>
      </c>
      <c r="NH26" s="345">
        <v>935642</v>
      </c>
      <c r="NI26" s="345">
        <v>0</v>
      </c>
      <c r="NJ26" s="345">
        <v>248300</v>
      </c>
      <c r="NK26" s="349">
        <v>1470739</v>
      </c>
      <c r="NL26" s="347">
        <v>1470739</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0</v>
      </c>
      <c r="OG26" s="349">
        <v>0</v>
      </c>
      <c r="OH26" s="350">
        <v>0</v>
      </c>
      <c r="OI26" s="348">
        <v>527093</v>
      </c>
      <c r="OJ26" s="345">
        <v>369396</v>
      </c>
      <c r="OK26" s="346">
        <v>896489</v>
      </c>
      <c r="OL26" s="351">
        <v>0</v>
      </c>
      <c r="OM26" s="345">
        <v>4410014</v>
      </c>
      <c r="ON26" s="345">
        <v>5724566</v>
      </c>
      <c r="OO26" s="345">
        <v>6810920</v>
      </c>
      <c r="OP26" s="345">
        <v>5763487</v>
      </c>
      <c r="OQ26" s="345">
        <v>5858877</v>
      </c>
      <c r="OR26" s="349">
        <v>28567864</v>
      </c>
      <c r="OS26" s="354">
        <v>29464353</v>
      </c>
    </row>
    <row r="27" spans="2:409" s="70" customFormat="1" ht="21" customHeight="1" x14ac:dyDescent="0.2">
      <c r="B27" s="410" t="s">
        <v>22</v>
      </c>
      <c r="C27" s="326">
        <v>143142</v>
      </c>
      <c r="D27" s="327">
        <v>233662</v>
      </c>
      <c r="E27" s="328">
        <v>376804</v>
      </c>
      <c r="F27" s="329">
        <v>0</v>
      </c>
      <c r="G27" s="327">
        <v>2567014</v>
      </c>
      <c r="H27" s="327">
        <v>1586693</v>
      </c>
      <c r="I27" s="327">
        <v>1636776</v>
      </c>
      <c r="J27" s="327">
        <v>2349870</v>
      </c>
      <c r="K27" s="327">
        <v>536160</v>
      </c>
      <c r="L27" s="367">
        <v>8676513</v>
      </c>
      <c r="M27" s="330">
        <v>9053317</v>
      </c>
      <c r="N27" s="326">
        <v>44574</v>
      </c>
      <c r="O27" s="327">
        <v>61502</v>
      </c>
      <c r="P27" s="328">
        <v>106076</v>
      </c>
      <c r="Q27" s="326">
        <v>0</v>
      </c>
      <c r="R27" s="327">
        <v>618903</v>
      </c>
      <c r="S27" s="327">
        <v>488792</v>
      </c>
      <c r="T27" s="327">
        <v>223837</v>
      </c>
      <c r="U27" s="327">
        <v>372594</v>
      </c>
      <c r="V27" s="327">
        <v>329448</v>
      </c>
      <c r="W27" s="328">
        <v>2033574</v>
      </c>
      <c r="X27" s="330">
        <v>2139650</v>
      </c>
      <c r="Y27" s="326">
        <v>0</v>
      </c>
      <c r="Z27" s="327">
        <v>0</v>
      </c>
      <c r="AA27" s="328">
        <v>0</v>
      </c>
      <c r="AB27" s="326">
        <v>0</v>
      </c>
      <c r="AC27" s="327">
        <v>370721</v>
      </c>
      <c r="AD27" s="327">
        <v>100284</v>
      </c>
      <c r="AE27" s="327">
        <v>70355</v>
      </c>
      <c r="AF27" s="327">
        <v>131235</v>
      </c>
      <c r="AG27" s="327">
        <v>215456</v>
      </c>
      <c r="AH27" s="328">
        <v>888051</v>
      </c>
      <c r="AI27" s="330">
        <v>888051</v>
      </c>
      <c r="AJ27" s="326">
        <v>0</v>
      </c>
      <c r="AK27" s="327">
        <v>0</v>
      </c>
      <c r="AL27" s="328">
        <v>0</v>
      </c>
      <c r="AM27" s="326">
        <v>0</v>
      </c>
      <c r="AN27" s="327">
        <v>0</v>
      </c>
      <c r="AO27" s="327">
        <v>0</v>
      </c>
      <c r="AP27" s="327">
        <v>0</v>
      </c>
      <c r="AQ27" s="327">
        <v>0</v>
      </c>
      <c r="AR27" s="327">
        <v>0</v>
      </c>
      <c r="AS27" s="328">
        <v>0</v>
      </c>
      <c r="AT27" s="330">
        <v>0</v>
      </c>
      <c r="AU27" s="326">
        <v>0</v>
      </c>
      <c r="AV27" s="327">
        <v>61502</v>
      </c>
      <c r="AW27" s="328">
        <v>61502</v>
      </c>
      <c r="AX27" s="326">
        <v>0</v>
      </c>
      <c r="AY27" s="327">
        <v>131982</v>
      </c>
      <c r="AZ27" s="327">
        <v>283050</v>
      </c>
      <c r="BA27" s="327">
        <v>123378</v>
      </c>
      <c r="BB27" s="327">
        <v>103463</v>
      </c>
      <c r="BC27" s="327">
        <v>100864</v>
      </c>
      <c r="BD27" s="328">
        <v>742737</v>
      </c>
      <c r="BE27" s="330">
        <v>804239</v>
      </c>
      <c r="BF27" s="326">
        <v>31534</v>
      </c>
      <c r="BG27" s="327">
        <v>0</v>
      </c>
      <c r="BH27" s="331">
        <v>31534</v>
      </c>
      <c r="BI27" s="332">
        <v>0</v>
      </c>
      <c r="BJ27" s="327">
        <v>0</v>
      </c>
      <c r="BK27" s="327">
        <v>70642</v>
      </c>
      <c r="BL27" s="327">
        <v>0</v>
      </c>
      <c r="BM27" s="327">
        <v>0</v>
      </c>
      <c r="BN27" s="327">
        <v>0</v>
      </c>
      <c r="BO27" s="328">
        <v>70642</v>
      </c>
      <c r="BP27" s="330">
        <v>102176</v>
      </c>
      <c r="BQ27" s="326">
        <v>13040</v>
      </c>
      <c r="BR27" s="327">
        <v>0</v>
      </c>
      <c r="BS27" s="328">
        <v>13040</v>
      </c>
      <c r="BT27" s="326">
        <v>0</v>
      </c>
      <c r="BU27" s="327">
        <v>116200</v>
      </c>
      <c r="BV27" s="327">
        <v>34816</v>
      </c>
      <c r="BW27" s="327">
        <v>30104</v>
      </c>
      <c r="BX27" s="327">
        <v>137896</v>
      </c>
      <c r="BY27" s="327">
        <v>13128</v>
      </c>
      <c r="BZ27" s="328">
        <v>332144</v>
      </c>
      <c r="CA27" s="330">
        <v>345184</v>
      </c>
      <c r="CB27" s="326">
        <v>20728</v>
      </c>
      <c r="CC27" s="327">
        <v>0</v>
      </c>
      <c r="CD27" s="328">
        <v>20728</v>
      </c>
      <c r="CE27" s="326">
        <v>0</v>
      </c>
      <c r="CF27" s="327">
        <v>904263</v>
      </c>
      <c r="CG27" s="327">
        <v>387614</v>
      </c>
      <c r="CH27" s="327">
        <v>865954</v>
      </c>
      <c r="CI27" s="327">
        <v>132868</v>
      </c>
      <c r="CJ27" s="327">
        <v>112919</v>
      </c>
      <c r="CK27" s="328">
        <v>2403618</v>
      </c>
      <c r="CL27" s="330">
        <v>2424346</v>
      </c>
      <c r="CM27" s="326">
        <v>0</v>
      </c>
      <c r="CN27" s="327">
        <v>0</v>
      </c>
      <c r="CO27" s="328">
        <v>0</v>
      </c>
      <c r="CP27" s="332">
        <v>0</v>
      </c>
      <c r="CQ27" s="327">
        <v>669320</v>
      </c>
      <c r="CR27" s="327">
        <v>317320</v>
      </c>
      <c r="CS27" s="327">
        <v>847395</v>
      </c>
      <c r="CT27" s="327">
        <v>0</v>
      </c>
      <c r="CU27" s="327">
        <v>0</v>
      </c>
      <c r="CV27" s="328">
        <v>1834035</v>
      </c>
      <c r="CW27" s="330">
        <v>1834035</v>
      </c>
      <c r="CX27" s="326">
        <v>20728</v>
      </c>
      <c r="CY27" s="327">
        <v>0</v>
      </c>
      <c r="CZ27" s="328">
        <v>20728</v>
      </c>
      <c r="DA27" s="326">
        <v>0</v>
      </c>
      <c r="DB27" s="327">
        <v>234943</v>
      </c>
      <c r="DC27" s="327">
        <v>70294</v>
      </c>
      <c r="DD27" s="327">
        <v>18559</v>
      </c>
      <c r="DE27" s="327">
        <v>132868</v>
      </c>
      <c r="DF27" s="327">
        <v>112919</v>
      </c>
      <c r="DG27" s="328">
        <v>569583</v>
      </c>
      <c r="DH27" s="330">
        <v>590311</v>
      </c>
      <c r="DI27" s="326">
        <v>0</v>
      </c>
      <c r="DJ27" s="327">
        <v>0</v>
      </c>
      <c r="DK27" s="331">
        <v>0</v>
      </c>
      <c r="DL27" s="332">
        <v>0</v>
      </c>
      <c r="DM27" s="327">
        <v>27721</v>
      </c>
      <c r="DN27" s="327">
        <v>24120</v>
      </c>
      <c r="DO27" s="327">
        <v>106420</v>
      </c>
      <c r="DP27" s="327">
        <v>370380</v>
      </c>
      <c r="DQ27" s="327">
        <v>0</v>
      </c>
      <c r="DR27" s="328">
        <v>528641</v>
      </c>
      <c r="DS27" s="330">
        <v>528641</v>
      </c>
      <c r="DT27" s="326">
        <v>0</v>
      </c>
      <c r="DU27" s="327">
        <v>0</v>
      </c>
      <c r="DV27" s="328">
        <v>0</v>
      </c>
      <c r="DW27" s="326">
        <v>0</v>
      </c>
      <c r="DX27" s="327">
        <v>0</v>
      </c>
      <c r="DY27" s="327">
        <v>24120</v>
      </c>
      <c r="DZ27" s="327">
        <v>19352</v>
      </c>
      <c r="EA27" s="327">
        <v>370380</v>
      </c>
      <c r="EB27" s="327">
        <v>0</v>
      </c>
      <c r="EC27" s="328">
        <v>413852</v>
      </c>
      <c r="ED27" s="330">
        <v>413852</v>
      </c>
      <c r="EE27" s="326">
        <v>0</v>
      </c>
      <c r="EF27" s="331">
        <v>0</v>
      </c>
      <c r="EG27" s="328">
        <v>0</v>
      </c>
      <c r="EH27" s="326">
        <v>0</v>
      </c>
      <c r="EI27" s="327">
        <v>27721</v>
      </c>
      <c r="EJ27" s="327">
        <v>0</v>
      </c>
      <c r="EK27" s="327">
        <v>87068</v>
      </c>
      <c r="EL27" s="327">
        <v>0</v>
      </c>
      <c r="EM27" s="327">
        <v>0</v>
      </c>
      <c r="EN27" s="331">
        <v>114789</v>
      </c>
      <c r="EO27" s="330">
        <v>114789</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77840</v>
      </c>
      <c r="FM27" s="327">
        <v>80008</v>
      </c>
      <c r="FN27" s="328">
        <v>157848</v>
      </c>
      <c r="FO27" s="326">
        <v>0</v>
      </c>
      <c r="FP27" s="327">
        <v>152208</v>
      </c>
      <c r="FQ27" s="327">
        <v>172208</v>
      </c>
      <c r="FR27" s="327">
        <v>235520</v>
      </c>
      <c r="FS27" s="327">
        <v>159562</v>
      </c>
      <c r="FT27" s="327">
        <v>94960</v>
      </c>
      <c r="FU27" s="328">
        <v>814458</v>
      </c>
      <c r="FV27" s="330">
        <v>972306</v>
      </c>
      <c r="FW27" s="333">
        <v>5840</v>
      </c>
      <c r="FX27" s="327">
        <v>23424</v>
      </c>
      <c r="FY27" s="331">
        <v>29264</v>
      </c>
      <c r="FZ27" s="332">
        <v>0</v>
      </c>
      <c r="GA27" s="327">
        <v>114944</v>
      </c>
      <c r="GB27" s="327">
        <v>172208</v>
      </c>
      <c r="GC27" s="327">
        <v>182280</v>
      </c>
      <c r="GD27" s="327">
        <v>74400</v>
      </c>
      <c r="GE27" s="327">
        <v>94960</v>
      </c>
      <c r="GF27" s="328">
        <v>638792</v>
      </c>
      <c r="GG27" s="334">
        <v>668056</v>
      </c>
      <c r="GH27" s="333">
        <v>0</v>
      </c>
      <c r="GI27" s="327">
        <v>0</v>
      </c>
      <c r="GJ27" s="331">
        <v>0</v>
      </c>
      <c r="GK27" s="332">
        <v>0</v>
      </c>
      <c r="GL27" s="327">
        <v>37264</v>
      </c>
      <c r="GM27" s="327">
        <v>0</v>
      </c>
      <c r="GN27" s="327">
        <v>0</v>
      </c>
      <c r="GO27" s="327">
        <v>23562</v>
      </c>
      <c r="GP27" s="327">
        <v>0</v>
      </c>
      <c r="GQ27" s="328">
        <v>60826</v>
      </c>
      <c r="GR27" s="330">
        <v>60826</v>
      </c>
      <c r="GS27" s="326">
        <v>72000</v>
      </c>
      <c r="GT27" s="327">
        <v>56584</v>
      </c>
      <c r="GU27" s="328">
        <v>128584</v>
      </c>
      <c r="GV27" s="326">
        <v>0</v>
      </c>
      <c r="GW27" s="327">
        <v>0</v>
      </c>
      <c r="GX27" s="327">
        <v>0</v>
      </c>
      <c r="GY27" s="327">
        <v>53240</v>
      </c>
      <c r="GZ27" s="327">
        <v>61600</v>
      </c>
      <c r="HA27" s="327">
        <v>0</v>
      </c>
      <c r="HB27" s="331">
        <v>114840</v>
      </c>
      <c r="HC27" s="330">
        <v>243424</v>
      </c>
      <c r="HD27" s="326">
        <v>0</v>
      </c>
      <c r="HE27" s="327">
        <v>92152</v>
      </c>
      <c r="HF27" s="331">
        <v>92152</v>
      </c>
      <c r="HG27" s="332">
        <v>0</v>
      </c>
      <c r="HH27" s="327">
        <v>863919</v>
      </c>
      <c r="HI27" s="327">
        <v>513959</v>
      </c>
      <c r="HJ27" s="327">
        <v>205045</v>
      </c>
      <c r="HK27" s="327">
        <v>1314466</v>
      </c>
      <c r="HL27" s="327">
        <v>-1167</v>
      </c>
      <c r="HM27" s="328">
        <v>2896222</v>
      </c>
      <c r="HN27" s="329">
        <v>2988374</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790915</v>
      </c>
      <c r="IE27" s="339">
        <v>667499</v>
      </c>
      <c r="IF27" s="337">
        <v>1659932</v>
      </c>
      <c r="IG27" s="336">
        <v>937103</v>
      </c>
      <c r="IH27" s="337">
        <v>253157</v>
      </c>
      <c r="II27" s="340">
        <v>4308606</v>
      </c>
      <c r="IJ27" s="341">
        <v>4308606</v>
      </c>
      <c r="IK27" s="342">
        <v>0</v>
      </c>
      <c r="IL27" s="343">
        <v>0</v>
      </c>
      <c r="IM27" s="344">
        <v>0</v>
      </c>
      <c r="IN27" s="404">
        <v>0</v>
      </c>
      <c r="IO27" s="345">
        <v>0</v>
      </c>
      <c r="IP27" s="345">
        <v>107320</v>
      </c>
      <c r="IQ27" s="345">
        <v>144960</v>
      </c>
      <c r="IR27" s="345">
        <v>0</v>
      </c>
      <c r="IS27" s="345">
        <v>0</v>
      </c>
      <c r="IT27" s="346">
        <v>252280</v>
      </c>
      <c r="IU27" s="347">
        <v>252280</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30117</v>
      </c>
      <c r="JL27" s="345">
        <v>139906</v>
      </c>
      <c r="JM27" s="345">
        <v>25714</v>
      </c>
      <c r="JN27" s="345">
        <v>96645</v>
      </c>
      <c r="JO27" s="345">
        <v>253157</v>
      </c>
      <c r="JP27" s="349">
        <v>745539</v>
      </c>
      <c r="JQ27" s="347">
        <v>745539</v>
      </c>
      <c r="JR27" s="348">
        <v>0</v>
      </c>
      <c r="JS27" s="345">
        <v>0</v>
      </c>
      <c r="JT27" s="346">
        <v>0</v>
      </c>
      <c r="JU27" s="351">
        <v>0</v>
      </c>
      <c r="JV27" s="345">
        <v>0</v>
      </c>
      <c r="JW27" s="345">
        <v>0</v>
      </c>
      <c r="JX27" s="345">
        <v>141419</v>
      </c>
      <c r="JY27" s="345">
        <v>0</v>
      </c>
      <c r="JZ27" s="345">
        <v>0</v>
      </c>
      <c r="KA27" s="349">
        <v>141419</v>
      </c>
      <c r="KB27" s="347">
        <v>141419</v>
      </c>
      <c r="KC27" s="352">
        <v>0</v>
      </c>
      <c r="KD27" s="353">
        <v>0</v>
      </c>
      <c r="KE27" s="349">
        <v>0</v>
      </c>
      <c r="KF27" s="351">
        <v>0</v>
      </c>
      <c r="KG27" s="345">
        <v>107760</v>
      </c>
      <c r="KH27" s="345">
        <v>170237</v>
      </c>
      <c r="KI27" s="345">
        <v>594280</v>
      </c>
      <c r="KJ27" s="345">
        <v>0</v>
      </c>
      <c r="KK27" s="345">
        <v>0</v>
      </c>
      <c r="KL27" s="349">
        <v>872277</v>
      </c>
      <c r="KM27" s="354">
        <v>872277</v>
      </c>
      <c r="KN27" s="342">
        <v>0</v>
      </c>
      <c r="KO27" s="343">
        <v>0</v>
      </c>
      <c r="KP27" s="344">
        <v>0</v>
      </c>
      <c r="KQ27" s="404">
        <v>0</v>
      </c>
      <c r="KR27" s="345">
        <v>453038</v>
      </c>
      <c r="KS27" s="345">
        <v>250036</v>
      </c>
      <c r="KT27" s="345">
        <v>511992</v>
      </c>
      <c r="KU27" s="345">
        <v>0</v>
      </c>
      <c r="KV27" s="345">
        <v>0</v>
      </c>
      <c r="KW27" s="349">
        <v>1215066</v>
      </c>
      <c r="KX27" s="347">
        <v>1215066</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241567</v>
      </c>
      <c r="LQ27" s="345">
        <v>840458</v>
      </c>
      <c r="LR27" s="345">
        <v>0</v>
      </c>
      <c r="LS27" s="349">
        <v>1082025</v>
      </c>
      <c r="LT27" s="347">
        <v>1082025</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32142</v>
      </c>
      <c r="ML27" s="345">
        <v>1503867</v>
      </c>
      <c r="MM27" s="345">
        <v>2004446</v>
      </c>
      <c r="MN27" s="345">
        <v>1708416</v>
      </c>
      <c r="MO27" s="349">
        <v>5648871</v>
      </c>
      <c r="MP27" s="354">
        <v>5648871</v>
      </c>
      <c r="MQ27" s="348">
        <v>0</v>
      </c>
      <c r="MR27" s="345">
        <v>0</v>
      </c>
      <c r="MS27" s="349">
        <v>0</v>
      </c>
      <c r="MT27" s="404">
        <v>0</v>
      </c>
      <c r="MU27" s="345">
        <v>0</v>
      </c>
      <c r="MV27" s="345">
        <v>0</v>
      </c>
      <c r="MW27" s="345">
        <v>1019918</v>
      </c>
      <c r="MX27" s="345">
        <v>1058335</v>
      </c>
      <c r="MY27" s="345">
        <v>1379610</v>
      </c>
      <c r="MZ27" s="349">
        <v>3457863</v>
      </c>
      <c r="NA27" s="354">
        <v>3457863</v>
      </c>
      <c r="NB27" s="348">
        <v>0</v>
      </c>
      <c r="NC27" s="345">
        <v>0</v>
      </c>
      <c r="ND27" s="349">
        <v>0</v>
      </c>
      <c r="NE27" s="404">
        <v>0</v>
      </c>
      <c r="NF27" s="345">
        <v>0</v>
      </c>
      <c r="NG27" s="345">
        <v>432142</v>
      </c>
      <c r="NH27" s="345">
        <v>483949</v>
      </c>
      <c r="NI27" s="345">
        <v>605911</v>
      </c>
      <c r="NJ27" s="345">
        <v>328806</v>
      </c>
      <c r="NK27" s="349">
        <v>1850808</v>
      </c>
      <c r="NL27" s="347">
        <v>1850808</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40200</v>
      </c>
      <c r="OF27" s="345">
        <v>0</v>
      </c>
      <c r="OG27" s="349">
        <v>340200</v>
      </c>
      <c r="OH27" s="350">
        <v>340200</v>
      </c>
      <c r="OI27" s="348">
        <v>143142</v>
      </c>
      <c r="OJ27" s="345">
        <v>233662</v>
      </c>
      <c r="OK27" s="346">
        <v>376804</v>
      </c>
      <c r="OL27" s="351">
        <v>0</v>
      </c>
      <c r="OM27" s="345">
        <v>3357929</v>
      </c>
      <c r="ON27" s="345">
        <v>2686334</v>
      </c>
      <c r="OO27" s="345">
        <v>4800575</v>
      </c>
      <c r="OP27" s="345">
        <v>5291419</v>
      </c>
      <c r="OQ27" s="345">
        <v>2497733</v>
      </c>
      <c r="OR27" s="349">
        <v>18633990</v>
      </c>
      <c r="OS27" s="354">
        <v>19010794</v>
      </c>
    </row>
    <row r="28" spans="2:409" s="70" customFormat="1" ht="21" customHeight="1" x14ac:dyDescent="0.2">
      <c r="B28" s="410" t="s">
        <v>23</v>
      </c>
      <c r="C28" s="326">
        <v>475189</v>
      </c>
      <c r="D28" s="327">
        <v>236297</v>
      </c>
      <c r="E28" s="328">
        <v>711486</v>
      </c>
      <c r="F28" s="329">
        <v>0</v>
      </c>
      <c r="G28" s="327">
        <v>2394747</v>
      </c>
      <c r="H28" s="327">
        <v>2836409</v>
      </c>
      <c r="I28" s="327">
        <v>1473340</v>
      </c>
      <c r="J28" s="327">
        <v>1527884</v>
      </c>
      <c r="K28" s="327">
        <v>2019099</v>
      </c>
      <c r="L28" s="367">
        <v>10251479</v>
      </c>
      <c r="M28" s="330">
        <v>10962965</v>
      </c>
      <c r="N28" s="326">
        <v>191861</v>
      </c>
      <c r="O28" s="327">
        <v>94817</v>
      </c>
      <c r="P28" s="328">
        <v>286678</v>
      </c>
      <c r="Q28" s="326">
        <v>0</v>
      </c>
      <c r="R28" s="327">
        <v>737701</v>
      </c>
      <c r="S28" s="327">
        <v>1293082</v>
      </c>
      <c r="T28" s="327">
        <v>379839</v>
      </c>
      <c r="U28" s="327">
        <v>550340</v>
      </c>
      <c r="V28" s="327">
        <v>106413</v>
      </c>
      <c r="W28" s="328">
        <v>3067375</v>
      </c>
      <c r="X28" s="330">
        <v>3354053</v>
      </c>
      <c r="Y28" s="326">
        <v>0</v>
      </c>
      <c r="Z28" s="327">
        <v>0</v>
      </c>
      <c r="AA28" s="328">
        <v>0</v>
      </c>
      <c r="AB28" s="326">
        <v>0</v>
      </c>
      <c r="AC28" s="327">
        <v>282299</v>
      </c>
      <c r="AD28" s="327">
        <v>628596</v>
      </c>
      <c r="AE28" s="327">
        <v>244087</v>
      </c>
      <c r="AF28" s="327">
        <v>63308</v>
      </c>
      <c r="AG28" s="327">
        <v>11221</v>
      </c>
      <c r="AH28" s="328">
        <v>1229511</v>
      </c>
      <c r="AI28" s="330">
        <v>1229511</v>
      </c>
      <c r="AJ28" s="326">
        <v>0</v>
      </c>
      <c r="AK28" s="327">
        <v>0</v>
      </c>
      <c r="AL28" s="328">
        <v>0</v>
      </c>
      <c r="AM28" s="326">
        <v>0</v>
      </c>
      <c r="AN28" s="327">
        <v>0</v>
      </c>
      <c r="AO28" s="327">
        <v>24995</v>
      </c>
      <c r="AP28" s="327">
        <v>0</v>
      </c>
      <c r="AQ28" s="327">
        <v>107115</v>
      </c>
      <c r="AR28" s="327">
        <v>0</v>
      </c>
      <c r="AS28" s="328">
        <v>132110</v>
      </c>
      <c r="AT28" s="330">
        <v>132110</v>
      </c>
      <c r="AU28" s="326">
        <v>140405</v>
      </c>
      <c r="AV28" s="327">
        <v>64054</v>
      </c>
      <c r="AW28" s="328">
        <v>204459</v>
      </c>
      <c r="AX28" s="326">
        <v>0</v>
      </c>
      <c r="AY28" s="327">
        <v>261458</v>
      </c>
      <c r="AZ28" s="327">
        <v>479091</v>
      </c>
      <c r="BA28" s="327">
        <v>16808</v>
      </c>
      <c r="BB28" s="327">
        <v>216445</v>
      </c>
      <c r="BC28" s="327">
        <v>18968</v>
      </c>
      <c r="BD28" s="328">
        <v>992770</v>
      </c>
      <c r="BE28" s="330">
        <v>1197229</v>
      </c>
      <c r="BF28" s="326">
        <v>0</v>
      </c>
      <c r="BG28" s="327">
        <v>25995</v>
      </c>
      <c r="BH28" s="331">
        <v>25995</v>
      </c>
      <c r="BI28" s="332">
        <v>0</v>
      </c>
      <c r="BJ28" s="327">
        <v>0</v>
      </c>
      <c r="BK28" s="327">
        <v>0</v>
      </c>
      <c r="BL28" s="327">
        <v>0</v>
      </c>
      <c r="BM28" s="327">
        <v>56352</v>
      </c>
      <c r="BN28" s="327">
        <v>0</v>
      </c>
      <c r="BO28" s="328">
        <v>56352</v>
      </c>
      <c r="BP28" s="330">
        <v>82347</v>
      </c>
      <c r="BQ28" s="326">
        <v>51456</v>
      </c>
      <c r="BR28" s="327">
        <v>4768</v>
      </c>
      <c r="BS28" s="328">
        <v>56224</v>
      </c>
      <c r="BT28" s="326">
        <v>0</v>
      </c>
      <c r="BU28" s="327">
        <v>193944</v>
      </c>
      <c r="BV28" s="327">
        <v>160400</v>
      </c>
      <c r="BW28" s="327">
        <v>118944</v>
      </c>
      <c r="BX28" s="327">
        <v>107120</v>
      </c>
      <c r="BY28" s="327">
        <v>76224</v>
      </c>
      <c r="BZ28" s="328">
        <v>656632</v>
      </c>
      <c r="CA28" s="330">
        <v>712856</v>
      </c>
      <c r="CB28" s="326">
        <v>0</v>
      </c>
      <c r="CC28" s="327">
        <v>0</v>
      </c>
      <c r="CD28" s="328">
        <v>0</v>
      </c>
      <c r="CE28" s="326">
        <v>0</v>
      </c>
      <c r="CF28" s="327">
        <v>807142</v>
      </c>
      <c r="CG28" s="327">
        <v>865963</v>
      </c>
      <c r="CH28" s="327">
        <v>344663</v>
      </c>
      <c r="CI28" s="327">
        <v>382993</v>
      </c>
      <c r="CJ28" s="327">
        <v>432014</v>
      </c>
      <c r="CK28" s="328">
        <v>2832775</v>
      </c>
      <c r="CL28" s="330">
        <v>2832775</v>
      </c>
      <c r="CM28" s="326">
        <v>0</v>
      </c>
      <c r="CN28" s="327">
        <v>0</v>
      </c>
      <c r="CO28" s="328">
        <v>0</v>
      </c>
      <c r="CP28" s="332">
        <v>0</v>
      </c>
      <c r="CQ28" s="327">
        <v>580961</v>
      </c>
      <c r="CR28" s="327">
        <v>796009</v>
      </c>
      <c r="CS28" s="327">
        <v>344663</v>
      </c>
      <c r="CT28" s="327">
        <v>247237</v>
      </c>
      <c r="CU28" s="327">
        <v>432014</v>
      </c>
      <c r="CV28" s="328">
        <v>2400884</v>
      </c>
      <c r="CW28" s="330">
        <v>2400884</v>
      </c>
      <c r="CX28" s="326">
        <v>0</v>
      </c>
      <c r="CY28" s="327">
        <v>0</v>
      </c>
      <c r="CZ28" s="328">
        <v>0</v>
      </c>
      <c r="DA28" s="326">
        <v>0</v>
      </c>
      <c r="DB28" s="327">
        <v>226181</v>
      </c>
      <c r="DC28" s="327">
        <v>69954</v>
      </c>
      <c r="DD28" s="327">
        <v>0</v>
      </c>
      <c r="DE28" s="327">
        <v>135756</v>
      </c>
      <c r="DF28" s="327">
        <v>0</v>
      </c>
      <c r="DG28" s="328">
        <v>431891</v>
      </c>
      <c r="DH28" s="330">
        <v>431891</v>
      </c>
      <c r="DI28" s="326">
        <v>0</v>
      </c>
      <c r="DJ28" s="327">
        <v>0</v>
      </c>
      <c r="DK28" s="331">
        <v>0</v>
      </c>
      <c r="DL28" s="332">
        <v>0</v>
      </c>
      <c r="DM28" s="327">
        <v>30012</v>
      </c>
      <c r="DN28" s="327">
        <v>214265</v>
      </c>
      <c r="DO28" s="327">
        <v>256671</v>
      </c>
      <c r="DP28" s="327">
        <v>54775</v>
      </c>
      <c r="DQ28" s="327">
        <v>931366</v>
      </c>
      <c r="DR28" s="328">
        <v>1487089</v>
      </c>
      <c r="DS28" s="330">
        <v>1487089</v>
      </c>
      <c r="DT28" s="326">
        <v>0</v>
      </c>
      <c r="DU28" s="327">
        <v>0</v>
      </c>
      <c r="DV28" s="328">
        <v>0</v>
      </c>
      <c r="DW28" s="326">
        <v>0</v>
      </c>
      <c r="DX28" s="327">
        <v>0</v>
      </c>
      <c r="DY28" s="327">
        <v>214265</v>
      </c>
      <c r="DZ28" s="327">
        <v>256671</v>
      </c>
      <c r="EA28" s="327">
        <v>54775</v>
      </c>
      <c r="EB28" s="327">
        <v>931366</v>
      </c>
      <c r="EC28" s="328">
        <v>1457077</v>
      </c>
      <c r="ED28" s="330">
        <v>1457077</v>
      </c>
      <c r="EE28" s="326">
        <v>0</v>
      </c>
      <c r="EF28" s="331">
        <v>0</v>
      </c>
      <c r="EG28" s="328">
        <v>0</v>
      </c>
      <c r="EH28" s="326">
        <v>0</v>
      </c>
      <c r="EI28" s="327">
        <v>30012</v>
      </c>
      <c r="EJ28" s="327">
        <v>0</v>
      </c>
      <c r="EK28" s="327">
        <v>0</v>
      </c>
      <c r="EL28" s="327">
        <v>0</v>
      </c>
      <c r="EM28" s="327">
        <v>0</v>
      </c>
      <c r="EN28" s="331">
        <v>30012</v>
      </c>
      <c r="EO28" s="330">
        <v>30012</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18192</v>
      </c>
      <c r="FM28" s="327">
        <v>141480</v>
      </c>
      <c r="FN28" s="328">
        <v>259672</v>
      </c>
      <c r="FO28" s="326">
        <v>0</v>
      </c>
      <c r="FP28" s="327">
        <v>44576</v>
      </c>
      <c r="FQ28" s="327">
        <v>282592</v>
      </c>
      <c r="FR28" s="327">
        <v>84760</v>
      </c>
      <c r="FS28" s="327">
        <v>102432</v>
      </c>
      <c r="FT28" s="327">
        <v>73088</v>
      </c>
      <c r="FU28" s="328">
        <v>587448</v>
      </c>
      <c r="FV28" s="330">
        <v>847120</v>
      </c>
      <c r="FW28" s="333">
        <v>19952</v>
      </c>
      <c r="FX28" s="327">
        <v>141480</v>
      </c>
      <c r="FY28" s="331">
        <v>161432</v>
      </c>
      <c r="FZ28" s="332">
        <v>0</v>
      </c>
      <c r="GA28" s="327">
        <v>44576</v>
      </c>
      <c r="GB28" s="327">
        <v>282592</v>
      </c>
      <c r="GC28" s="327">
        <v>84760</v>
      </c>
      <c r="GD28" s="327">
        <v>102432</v>
      </c>
      <c r="GE28" s="327">
        <v>73088</v>
      </c>
      <c r="GF28" s="328">
        <v>587448</v>
      </c>
      <c r="GG28" s="334">
        <v>748880</v>
      </c>
      <c r="GH28" s="333">
        <v>0</v>
      </c>
      <c r="GI28" s="327">
        <v>0</v>
      </c>
      <c r="GJ28" s="331">
        <v>0</v>
      </c>
      <c r="GK28" s="332">
        <v>0</v>
      </c>
      <c r="GL28" s="327">
        <v>0</v>
      </c>
      <c r="GM28" s="327">
        <v>0</v>
      </c>
      <c r="GN28" s="327">
        <v>0</v>
      </c>
      <c r="GO28" s="327">
        <v>0</v>
      </c>
      <c r="GP28" s="327">
        <v>0</v>
      </c>
      <c r="GQ28" s="328">
        <v>0</v>
      </c>
      <c r="GR28" s="330">
        <v>0</v>
      </c>
      <c r="GS28" s="326">
        <v>98240</v>
      </c>
      <c r="GT28" s="327">
        <v>0</v>
      </c>
      <c r="GU28" s="328">
        <v>98240</v>
      </c>
      <c r="GV28" s="326">
        <v>0</v>
      </c>
      <c r="GW28" s="327">
        <v>0</v>
      </c>
      <c r="GX28" s="327">
        <v>0</v>
      </c>
      <c r="GY28" s="327">
        <v>0</v>
      </c>
      <c r="GZ28" s="327">
        <v>0</v>
      </c>
      <c r="HA28" s="327">
        <v>0</v>
      </c>
      <c r="HB28" s="331">
        <v>0</v>
      </c>
      <c r="HC28" s="330">
        <v>98240</v>
      </c>
      <c r="HD28" s="326">
        <v>165136</v>
      </c>
      <c r="HE28" s="327">
        <v>0</v>
      </c>
      <c r="HF28" s="331">
        <v>165136</v>
      </c>
      <c r="HG28" s="332">
        <v>0</v>
      </c>
      <c r="HH28" s="327">
        <v>775316</v>
      </c>
      <c r="HI28" s="327">
        <v>180507</v>
      </c>
      <c r="HJ28" s="327">
        <v>407407</v>
      </c>
      <c r="HK28" s="327">
        <v>437344</v>
      </c>
      <c r="HL28" s="327">
        <v>476218</v>
      </c>
      <c r="HM28" s="328">
        <v>2276792</v>
      </c>
      <c r="HN28" s="329">
        <v>2441928</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655837</v>
      </c>
      <c r="IE28" s="357">
        <v>577285</v>
      </c>
      <c r="IF28" s="358">
        <v>1056917</v>
      </c>
      <c r="IG28" s="356">
        <v>261851</v>
      </c>
      <c r="IH28" s="358">
        <v>0</v>
      </c>
      <c r="II28" s="359">
        <v>2551890</v>
      </c>
      <c r="IJ28" s="358">
        <v>2551890</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174395</v>
      </c>
      <c r="JL28" s="345">
        <v>81430</v>
      </c>
      <c r="JM28" s="345">
        <v>27545</v>
      </c>
      <c r="JN28" s="345">
        <v>0</v>
      </c>
      <c r="JO28" s="345">
        <v>0</v>
      </c>
      <c r="JP28" s="349">
        <v>283370</v>
      </c>
      <c r="JQ28" s="347">
        <v>283370</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227778</v>
      </c>
      <c r="KJ28" s="345">
        <v>0</v>
      </c>
      <c r="KK28" s="345">
        <v>0</v>
      </c>
      <c r="KL28" s="349">
        <v>227778</v>
      </c>
      <c r="KM28" s="354">
        <v>227778</v>
      </c>
      <c r="KN28" s="342">
        <v>0</v>
      </c>
      <c r="KO28" s="343">
        <v>0</v>
      </c>
      <c r="KP28" s="344">
        <v>0</v>
      </c>
      <c r="KQ28" s="404">
        <v>0</v>
      </c>
      <c r="KR28" s="345">
        <v>481442</v>
      </c>
      <c r="KS28" s="345">
        <v>495855</v>
      </c>
      <c r="KT28" s="345">
        <v>570718</v>
      </c>
      <c r="KU28" s="345">
        <v>261851</v>
      </c>
      <c r="KV28" s="345">
        <v>0</v>
      </c>
      <c r="KW28" s="349">
        <v>1809866</v>
      </c>
      <c r="KX28" s="347">
        <v>1809866</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230876</v>
      </c>
      <c r="MB28" s="345">
        <v>0</v>
      </c>
      <c r="MC28" s="345">
        <v>0</v>
      </c>
      <c r="MD28" s="349">
        <v>230876</v>
      </c>
      <c r="ME28" s="350">
        <v>230876</v>
      </c>
      <c r="MF28" s="348">
        <v>0</v>
      </c>
      <c r="MG28" s="345">
        <v>0</v>
      </c>
      <c r="MH28" s="349">
        <v>0</v>
      </c>
      <c r="MI28" s="404">
        <v>0</v>
      </c>
      <c r="MJ28" s="345">
        <v>205839</v>
      </c>
      <c r="MK28" s="345">
        <v>0</v>
      </c>
      <c r="ML28" s="345">
        <v>2239978</v>
      </c>
      <c r="MM28" s="345">
        <v>1944874</v>
      </c>
      <c r="MN28" s="345">
        <v>632436</v>
      </c>
      <c r="MO28" s="349">
        <v>5023127</v>
      </c>
      <c r="MP28" s="354">
        <v>5023127</v>
      </c>
      <c r="MQ28" s="348">
        <v>0</v>
      </c>
      <c r="MR28" s="345">
        <v>0</v>
      </c>
      <c r="MS28" s="349">
        <v>0</v>
      </c>
      <c r="MT28" s="404">
        <v>0</v>
      </c>
      <c r="MU28" s="345">
        <v>0</v>
      </c>
      <c r="MV28" s="345">
        <v>0</v>
      </c>
      <c r="MW28" s="345">
        <v>1672759</v>
      </c>
      <c r="MX28" s="345">
        <v>1375459</v>
      </c>
      <c r="MY28" s="345">
        <v>0</v>
      </c>
      <c r="MZ28" s="349">
        <v>3048218</v>
      </c>
      <c r="NA28" s="354">
        <v>3048218</v>
      </c>
      <c r="NB28" s="348">
        <v>0</v>
      </c>
      <c r="NC28" s="345">
        <v>0</v>
      </c>
      <c r="ND28" s="349">
        <v>0</v>
      </c>
      <c r="NE28" s="404">
        <v>0</v>
      </c>
      <c r="NF28" s="345">
        <v>205839</v>
      </c>
      <c r="NG28" s="345">
        <v>0</v>
      </c>
      <c r="NH28" s="345">
        <v>567219</v>
      </c>
      <c r="NI28" s="345">
        <v>569415</v>
      </c>
      <c r="NJ28" s="345">
        <v>632436</v>
      </c>
      <c r="NK28" s="349">
        <v>1974909</v>
      </c>
      <c r="NL28" s="347">
        <v>1974909</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475189</v>
      </c>
      <c r="OJ28" s="345">
        <v>236297</v>
      </c>
      <c r="OK28" s="346">
        <v>711486</v>
      </c>
      <c r="OL28" s="351">
        <v>0</v>
      </c>
      <c r="OM28" s="345">
        <v>3256423</v>
      </c>
      <c r="ON28" s="345">
        <v>3413694</v>
      </c>
      <c r="OO28" s="345">
        <v>4770235</v>
      </c>
      <c r="OP28" s="345">
        <v>3734609</v>
      </c>
      <c r="OQ28" s="345">
        <v>2651535</v>
      </c>
      <c r="OR28" s="349">
        <v>17826496</v>
      </c>
      <c r="OS28" s="354">
        <v>18537982</v>
      </c>
    </row>
    <row r="29" spans="2:409" s="70" customFormat="1" ht="21" customHeight="1" x14ac:dyDescent="0.2">
      <c r="B29" s="410" t="s">
        <v>24</v>
      </c>
      <c r="C29" s="326">
        <v>318769</v>
      </c>
      <c r="D29" s="327">
        <v>203724</v>
      </c>
      <c r="E29" s="328">
        <v>522493</v>
      </c>
      <c r="F29" s="329">
        <v>0</v>
      </c>
      <c r="G29" s="327">
        <v>2506336</v>
      </c>
      <c r="H29" s="327">
        <v>2537705</v>
      </c>
      <c r="I29" s="327">
        <v>1866768</v>
      </c>
      <c r="J29" s="327">
        <v>2669903</v>
      </c>
      <c r="K29" s="327">
        <v>1586454</v>
      </c>
      <c r="L29" s="367">
        <v>11167166</v>
      </c>
      <c r="M29" s="330">
        <v>11689659</v>
      </c>
      <c r="N29" s="326">
        <v>104990</v>
      </c>
      <c r="O29" s="327">
        <v>69930</v>
      </c>
      <c r="P29" s="328">
        <v>174920</v>
      </c>
      <c r="Q29" s="326">
        <v>0</v>
      </c>
      <c r="R29" s="327">
        <v>805994</v>
      </c>
      <c r="S29" s="327">
        <v>623982</v>
      </c>
      <c r="T29" s="327">
        <v>598325</v>
      </c>
      <c r="U29" s="327">
        <v>1712933</v>
      </c>
      <c r="V29" s="327">
        <v>963655</v>
      </c>
      <c r="W29" s="328">
        <v>4704889</v>
      </c>
      <c r="X29" s="330">
        <v>4879809</v>
      </c>
      <c r="Y29" s="326">
        <v>0</v>
      </c>
      <c r="Z29" s="327">
        <v>0</v>
      </c>
      <c r="AA29" s="328">
        <v>0</v>
      </c>
      <c r="AB29" s="326">
        <v>0</v>
      </c>
      <c r="AC29" s="327">
        <v>276605</v>
      </c>
      <c r="AD29" s="327">
        <v>265252</v>
      </c>
      <c r="AE29" s="327">
        <v>225365</v>
      </c>
      <c r="AF29" s="327">
        <v>1092786</v>
      </c>
      <c r="AG29" s="327">
        <v>769944</v>
      </c>
      <c r="AH29" s="328">
        <v>2629952</v>
      </c>
      <c r="AI29" s="330">
        <v>2629952</v>
      </c>
      <c r="AJ29" s="326">
        <v>0</v>
      </c>
      <c r="AK29" s="327">
        <v>0</v>
      </c>
      <c r="AL29" s="328">
        <v>0</v>
      </c>
      <c r="AM29" s="326">
        <v>0</v>
      </c>
      <c r="AN29" s="327">
        <v>0</v>
      </c>
      <c r="AO29" s="327">
        <v>0</v>
      </c>
      <c r="AP29" s="327">
        <v>0</v>
      </c>
      <c r="AQ29" s="327">
        <v>212838</v>
      </c>
      <c r="AR29" s="327">
        <v>84233</v>
      </c>
      <c r="AS29" s="328">
        <v>297071</v>
      </c>
      <c r="AT29" s="330">
        <v>297071</v>
      </c>
      <c r="AU29" s="326">
        <v>34958</v>
      </c>
      <c r="AV29" s="327">
        <v>65162</v>
      </c>
      <c r="AW29" s="328">
        <v>100120</v>
      </c>
      <c r="AX29" s="326">
        <v>0</v>
      </c>
      <c r="AY29" s="327">
        <v>326325</v>
      </c>
      <c r="AZ29" s="327">
        <v>209211</v>
      </c>
      <c r="BA29" s="327">
        <v>232392</v>
      </c>
      <c r="BB29" s="327">
        <v>265789</v>
      </c>
      <c r="BC29" s="327">
        <v>21254</v>
      </c>
      <c r="BD29" s="328">
        <v>1054971</v>
      </c>
      <c r="BE29" s="330">
        <v>1155091</v>
      </c>
      <c r="BF29" s="326">
        <v>0</v>
      </c>
      <c r="BG29" s="327">
        <v>0</v>
      </c>
      <c r="BH29" s="331">
        <v>0</v>
      </c>
      <c r="BI29" s="332">
        <v>0</v>
      </c>
      <c r="BJ29" s="327">
        <v>44600</v>
      </c>
      <c r="BK29" s="327">
        <v>49351</v>
      </c>
      <c r="BL29" s="327">
        <v>0</v>
      </c>
      <c r="BM29" s="327">
        <v>0</v>
      </c>
      <c r="BN29" s="327">
        <v>0</v>
      </c>
      <c r="BO29" s="328">
        <v>93951</v>
      </c>
      <c r="BP29" s="330">
        <v>93951</v>
      </c>
      <c r="BQ29" s="326">
        <v>70032</v>
      </c>
      <c r="BR29" s="327">
        <v>4768</v>
      </c>
      <c r="BS29" s="328">
        <v>74800</v>
      </c>
      <c r="BT29" s="326">
        <v>0</v>
      </c>
      <c r="BU29" s="327">
        <v>158464</v>
      </c>
      <c r="BV29" s="327">
        <v>100168</v>
      </c>
      <c r="BW29" s="327">
        <v>140568</v>
      </c>
      <c r="BX29" s="327">
        <v>141520</v>
      </c>
      <c r="BY29" s="327">
        <v>88224</v>
      </c>
      <c r="BZ29" s="328">
        <v>628944</v>
      </c>
      <c r="CA29" s="330">
        <v>703744</v>
      </c>
      <c r="CB29" s="326">
        <v>20863</v>
      </c>
      <c r="CC29" s="327">
        <v>40482</v>
      </c>
      <c r="CD29" s="328">
        <v>61345</v>
      </c>
      <c r="CE29" s="326">
        <v>0</v>
      </c>
      <c r="CF29" s="327">
        <v>691191</v>
      </c>
      <c r="CG29" s="327">
        <v>1352224</v>
      </c>
      <c r="CH29" s="327">
        <v>445336</v>
      </c>
      <c r="CI29" s="327">
        <v>215391</v>
      </c>
      <c r="CJ29" s="327">
        <v>74596</v>
      </c>
      <c r="CK29" s="328">
        <v>2778738</v>
      </c>
      <c r="CL29" s="330">
        <v>2840083</v>
      </c>
      <c r="CM29" s="326">
        <v>0</v>
      </c>
      <c r="CN29" s="327">
        <v>0</v>
      </c>
      <c r="CO29" s="328">
        <v>0</v>
      </c>
      <c r="CP29" s="332">
        <v>0</v>
      </c>
      <c r="CQ29" s="327">
        <v>638028</v>
      </c>
      <c r="CR29" s="327">
        <v>862122</v>
      </c>
      <c r="CS29" s="327">
        <v>112389</v>
      </c>
      <c r="CT29" s="327">
        <v>46255</v>
      </c>
      <c r="CU29" s="327">
        <v>74596</v>
      </c>
      <c r="CV29" s="328">
        <v>1733390</v>
      </c>
      <c r="CW29" s="330">
        <v>1733390</v>
      </c>
      <c r="CX29" s="326">
        <v>20863</v>
      </c>
      <c r="CY29" s="327">
        <v>40482</v>
      </c>
      <c r="CZ29" s="328">
        <v>61345</v>
      </c>
      <c r="DA29" s="326">
        <v>0</v>
      </c>
      <c r="DB29" s="327">
        <v>53163</v>
      </c>
      <c r="DC29" s="327">
        <v>490102</v>
      </c>
      <c r="DD29" s="327">
        <v>332947</v>
      </c>
      <c r="DE29" s="327">
        <v>169136</v>
      </c>
      <c r="DF29" s="327">
        <v>0</v>
      </c>
      <c r="DG29" s="328">
        <v>1045348</v>
      </c>
      <c r="DH29" s="330">
        <v>1106693</v>
      </c>
      <c r="DI29" s="326">
        <v>0</v>
      </c>
      <c r="DJ29" s="327">
        <v>0</v>
      </c>
      <c r="DK29" s="331">
        <v>0</v>
      </c>
      <c r="DL29" s="332">
        <v>0</v>
      </c>
      <c r="DM29" s="327">
        <v>81902</v>
      </c>
      <c r="DN29" s="327">
        <v>179267</v>
      </c>
      <c r="DO29" s="327">
        <v>28231</v>
      </c>
      <c r="DP29" s="327">
        <v>277859</v>
      </c>
      <c r="DQ29" s="327">
        <v>0</v>
      </c>
      <c r="DR29" s="328">
        <v>567259</v>
      </c>
      <c r="DS29" s="330">
        <v>567259</v>
      </c>
      <c r="DT29" s="326">
        <v>0</v>
      </c>
      <c r="DU29" s="327">
        <v>0</v>
      </c>
      <c r="DV29" s="328">
        <v>0</v>
      </c>
      <c r="DW29" s="326">
        <v>0</v>
      </c>
      <c r="DX29" s="327">
        <v>45687</v>
      </c>
      <c r="DY29" s="327">
        <v>179267</v>
      </c>
      <c r="DZ29" s="327">
        <v>28231</v>
      </c>
      <c r="EA29" s="327">
        <v>277859</v>
      </c>
      <c r="EB29" s="327">
        <v>0</v>
      </c>
      <c r="EC29" s="328">
        <v>531044</v>
      </c>
      <c r="ED29" s="330">
        <v>531044</v>
      </c>
      <c r="EE29" s="326">
        <v>0</v>
      </c>
      <c r="EF29" s="331">
        <v>0</v>
      </c>
      <c r="EG29" s="328">
        <v>0</v>
      </c>
      <c r="EH29" s="326">
        <v>0</v>
      </c>
      <c r="EI29" s="327">
        <v>36215</v>
      </c>
      <c r="EJ29" s="327">
        <v>0</v>
      </c>
      <c r="EK29" s="327">
        <v>0</v>
      </c>
      <c r="EL29" s="327">
        <v>0</v>
      </c>
      <c r="EM29" s="327">
        <v>0</v>
      </c>
      <c r="EN29" s="331">
        <v>36215</v>
      </c>
      <c r="EO29" s="330">
        <v>36215</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28352</v>
      </c>
      <c r="FM29" s="327">
        <v>93312</v>
      </c>
      <c r="FN29" s="328">
        <v>121664</v>
      </c>
      <c r="FO29" s="326">
        <v>0</v>
      </c>
      <c r="FP29" s="327">
        <v>58592</v>
      </c>
      <c r="FQ29" s="327">
        <v>196040</v>
      </c>
      <c r="FR29" s="327">
        <v>166088</v>
      </c>
      <c r="FS29" s="327">
        <v>115144</v>
      </c>
      <c r="FT29" s="327">
        <v>57896</v>
      </c>
      <c r="FU29" s="328">
        <v>593760</v>
      </c>
      <c r="FV29" s="330">
        <v>715424</v>
      </c>
      <c r="FW29" s="333">
        <v>28352</v>
      </c>
      <c r="FX29" s="327">
        <v>93312</v>
      </c>
      <c r="FY29" s="331">
        <v>121664</v>
      </c>
      <c r="FZ29" s="332">
        <v>0</v>
      </c>
      <c r="GA29" s="327">
        <v>58592</v>
      </c>
      <c r="GB29" s="327">
        <v>196040</v>
      </c>
      <c r="GC29" s="327">
        <v>166088</v>
      </c>
      <c r="GD29" s="327">
        <v>115144</v>
      </c>
      <c r="GE29" s="327">
        <v>57896</v>
      </c>
      <c r="GF29" s="328">
        <v>593760</v>
      </c>
      <c r="GG29" s="334">
        <v>715424</v>
      </c>
      <c r="GH29" s="333">
        <v>0</v>
      </c>
      <c r="GI29" s="327">
        <v>0</v>
      </c>
      <c r="GJ29" s="331">
        <v>0</v>
      </c>
      <c r="GK29" s="332">
        <v>0</v>
      </c>
      <c r="GL29" s="327">
        <v>0</v>
      </c>
      <c r="GM29" s="327">
        <v>0</v>
      </c>
      <c r="GN29" s="327">
        <v>0</v>
      </c>
      <c r="GO29" s="327">
        <v>0</v>
      </c>
      <c r="GP29" s="327">
        <v>0</v>
      </c>
      <c r="GQ29" s="328">
        <v>0</v>
      </c>
      <c r="GR29" s="330">
        <v>0</v>
      </c>
      <c r="GS29" s="326">
        <v>0</v>
      </c>
      <c r="GT29" s="327">
        <v>0</v>
      </c>
      <c r="GU29" s="328">
        <v>0</v>
      </c>
      <c r="GV29" s="326">
        <v>0</v>
      </c>
      <c r="GW29" s="327">
        <v>0</v>
      </c>
      <c r="GX29" s="327">
        <v>0</v>
      </c>
      <c r="GY29" s="327">
        <v>0</v>
      </c>
      <c r="GZ29" s="327">
        <v>0</v>
      </c>
      <c r="HA29" s="327">
        <v>0</v>
      </c>
      <c r="HB29" s="331">
        <v>0</v>
      </c>
      <c r="HC29" s="330">
        <v>0</v>
      </c>
      <c r="HD29" s="326">
        <v>164564</v>
      </c>
      <c r="HE29" s="327">
        <v>0</v>
      </c>
      <c r="HF29" s="331">
        <v>164564</v>
      </c>
      <c r="HG29" s="332">
        <v>0</v>
      </c>
      <c r="HH29" s="327">
        <v>868657</v>
      </c>
      <c r="HI29" s="327">
        <v>186192</v>
      </c>
      <c r="HJ29" s="327">
        <v>628788</v>
      </c>
      <c r="HK29" s="327">
        <v>348576</v>
      </c>
      <c r="HL29" s="327">
        <v>490307</v>
      </c>
      <c r="HM29" s="328">
        <v>2522520</v>
      </c>
      <c r="HN29" s="329">
        <v>2687084</v>
      </c>
      <c r="HO29" s="333">
        <v>0</v>
      </c>
      <c r="HP29" s="327">
        <v>0</v>
      </c>
      <c r="HQ29" s="328">
        <v>0</v>
      </c>
      <c r="HR29" s="326">
        <v>0</v>
      </c>
      <c r="HS29" s="327">
        <v>0</v>
      </c>
      <c r="HT29" s="327">
        <v>0</v>
      </c>
      <c r="HU29" s="327">
        <v>0</v>
      </c>
      <c r="HV29" s="327">
        <v>0</v>
      </c>
      <c r="HW29" s="327">
        <v>0</v>
      </c>
      <c r="HX29" s="331">
        <v>0</v>
      </c>
      <c r="HY29" s="330">
        <v>0</v>
      </c>
      <c r="HZ29" s="335">
        <v>44469</v>
      </c>
      <c r="IA29" s="336">
        <v>0</v>
      </c>
      <c r="IB29" s="337">
        <v>44469</v>
      </c>
      <c r="IC29" s="338">
        <v>0</v>
      </c>
      <c r="ID29" s="336">
        <v>59839</v>
      </c>
      <c r="IE29" s="339">
        <v>159982</v>
      </c>
      <c r="IF29" s="337">
        <v>965015</v>
      </c>
      <c r="IG29" s="336">
        <v>373976</v>
      </c>
      <c r="IH29" s="337">
        <v>0</v>
      </c>
      <c r="II29" s="340">
        <v>1558812</v>
      </c>
      <c r="IJ29" s="341">
        <v>1603281</v>
      </c>
      <c r="IK29" s="342">
        <v>0</v>
      </c>
      <c r="IL29" s="343">
        <v>0</v>
      </c>
      <c r="IM29" s="344">
        <v>0</v>
      </c>
      <c r="IN29" s="404">
        <v>0</v>
      </c>
      <c r="IO29" s="345">
        <v>0</v>
      </c>
      <c r="IP29" s="345">
        <v>0</v>
      </c>
      <c r="IQ29" s="345">
        <v>0</v>
      </c>
      <c r="IR29" s="345">
        <v>373976</v>
      </c>
      <c r="IS29" s="345">
        <v>0</v>
      </c>
      <c r="IT29" s="346">
        <v>373976</v>
      </c>
      <c r="IU29" s="347">
        <v>373976</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59839</v>
      </c>
      <c r="JL29" s="345">
        <v>159982</v>
      </c>
      <c r="JM29" s="345">
        <v>154499</v>
      </c>
      <c r="JN29" s="345">
        <v>0</v>
      </c>
      <c r="JO29" s="345">
        <v>0</v>
      </c>
      <c r="JP29" s="349">
        <v>374320</v>
      </c>
      <c r="JQ29" s="347">
        <v>374320</v>
      </c>
      <c r="JR29" s="348">
        <v>0</v>
      </c>
      <c r="JS29" s="345">
        <v>0</v>
      </c>
      <c r="JT29" s="346">
        <v>0</v>
      </c>
      <c r="JU29" s="351">
        <v>0</v>
      </c>
      <c r="JV29" s="345">
        <v>0</v>
      </c>
      <c r="JW29" s="345">
        <v>0</v>
      </c>
      <c r="JX29" s="345">
        <v>317596</v>
      </c>
      <c r="JY29" s="345">
        <v>0</v>
      </c>
      <c r="JZ29" s="345">
        <v>0</v>
      </c>
      <c r="KA29" s="349">
        <v>317596</v>
      </c>
      <c r="KB29" s="347">
        <v>317596</v>
      </c>
      <c r="KC29" s="352">
        <v>44469</v>
      </c>
      <c r="KD29" s="353">
        <v>0</v>
      </c>
      <c r="KE29" s="349">
        <v>44469</v>
      </c>
      <c r="KF29" s="351">
        <v>0</v>
      </c>
      <c r="KG29" s="345">
        <v>0</v>
      </c>
      <c r="KH29" s="345">
        <v>0</v>
      </c>
      <c r="KI29" s="345">
        <v>0</v>
      </c>
      <c r="KJ29" s="345">
        <v>0</v>
      </c>
      <c r="KK29" s="345">
        <v>0</v>
      </c>
      <c r="KL29" s="349">
        <v>0</v>
      </c>
      <c r="KM29" s="354">
        <v>44469</v>
      </c>
      <c r="KN29" s="342">
        <v>0</v>
      </c>
      <c r="KO29" s="343">
        <v>0</v>
      </c>
      <c r="KP29" s="344">
        <v>0</v>
      </c>
      <c r="KQ29" s="404">
        <v>0</v>
      </c>
      <c r="KR29" s="345">
        <v>0</v>
      </c>
      <c r="KS29" s="345">
        <v>0</v>
      </c>
      <c r="KT29" s="345">
        <v>492920</v>
      </c>
      <c r="KU29" s="345">
        <v>0</v>
      </c>
      <c r="KV29" s="345">
        <v>0</v>
      </c>
      <c r="KW29" s="349">
        <v>492920</v>
      </c>
      <c r="KX29" s="347">
        <v>492920</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44588</v>
      </c>
      <c r="MK29" s="345">
        <v>254787</v>
      </c>
      <c r="ML29" s="345">
        <v>1405806</v>
      </c>
      <c r="MM29" s="345">
        <v>2288970</v>
      </c>
      <c r="MN29" s="345">
        <v>879798</v>
      </c>
      <c r="MO29" s="349">
        <v>5073949</v>
      </c>
      <c r="MP29" s="354">
        <v>5073949</v>
      </c>
      <c r="MQ29" s="348">
        <v>0</v>
      </c>
      <c r="MR29" s="345">
        <v>0</v>
      </c>
      <c r="MS29" s="349">
        <v>0</v>
      </c>
      <c r="MT29" s="404">
        <v>0</v>
      </c>
      <c r="MU29" s="345">
        <v>0</v>
      </c>
      <c r="MV29" s="345">
        <v>0</v>
      </c>
      <c r="MW29" s="345">
        <v>259126</v>
      </c>
      <c r="MX29" s="345">
        <v>1660520</v>
      </c>
      <c r="MY29" s="345">
        <v>879798</v>
      </c>
      <c r="MZ29" s="349">
        <v>2799444</v>
      </c>
      <c r="NA29" s="354">
        <v>2799444</v>
      </c>
      <c r="NB29" s="348">
        <v>0</v>
      </c>
      <c r="NC29" s="345">
        <v>0</v>
      </c>
      <c r="ND29" s="349">
        <v>0</v>
      </c>
      <c r="NE29" s="404">
        <v>0</v>
      </c>
      <c r="NF29" s="345">
        <v>244588</v>
      </c>
      <c r="NG29" s="345">
        <v>254787</v>
      </c>
      <c r="NH29" s="345">
        <v>1146680</v>
      </c>
      <c r="NI29" s="345">
        <v>628450</v>
      </c>
      <c r="NJ29" s="345">
        <v>0</v>
      </c>
      <c r="NK29" s="349">
        <v>2274505</v>
      </c>
      <c r="NL29" s="347">
        <v>2274505</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63238</v>
      </c>
      <c r="OJ29" s="345">
        <v>203724</v>
      </c>
      <c r="OK29" s="346">
        <v>566962</v>
      </c>
      <c r="OL29" s="351">
        <v>0</v>
      </c>
      <c r="OM29" s="345">
        <v>2810763</v>
      </c>
      <c r="ON29" s="345">
        <v>2952474</v>
      </c>
      <c r="OO29" s="345">
        <v>4237589</v>
      </c>
      <c r="OP29" s="345">
        <v>5332849</v>
      </c>
      <c r="OQ29" s="345">
        <v>2466252</v>
      </c>
      <c r="OR29" s="349">
        <v>17799927</v>
      </c>
      <c r="OS29" s="354">
        <v>18366889</v>
      </c>
    </row>
    <row r="30" spans="2:409" s="70" customFormat="1" ht="21" customHeight="1" x14ac:dyDescent="0.2">
      <c r="B30" s="410" t="s">
        <v>25</v>
      </c>
      <c r="C30" s="326">
        <v>26808</v>
      </c>
      <c r="D30" s="327">
        <v>425371</v>
      </c>
      <c r="E30" s="328">
        <v>452179</v>
      </c>
      <c r="F30" s="329">
        <v>0</v>
      </c>
      <c r="G30" s="327">
        <v>1773348</v>
      </c>
      <c r="H30" s="327">
        <v>1405155</v>
      </c>
      <c r="I30" s="327">
        <v>817367</v>
      </c>
      <c r="J30" s="327">
        <v>1718460</v>
      </c>
      <c r="K30" s="327">
        <v>300981</v>
      </c>
      <c r="L30" s="367">
        <v>6015311</v>
      </c>
      <c r="M30" s="330">
        <v>6467490</v>
      </c>
      <c r="N30" s="326">
        <v>7704</v>
      </c>
      <c r="O30" s="327">
        <v>117074</v>
      </c>
      <c r="P30" s="328">
        <v>124778</v>
      </c>
      <c r="Q30" s="326">
        <v>0</v>
      </c>
      <c r="R30" s="327">
        <v>476968</v>
      </c>
      <c r="S30" s="327">
        <v>625488</v>
      </c>
      <c r="T30" s="327">
        <v>275102</v>
      </c>
      <c r="U30" s="327">
        <v>544266</v>
      </c>
      <c r="V30" s="327">
        <v>6528</v>
      </c>
      <c r="W30" s="328">
        <v>1928352</v>
      </c>
      <c r="X30" s="330">
        <v>2053130</v>
      </c>
      <c r="Y30" s="326">
        <v>0</v>
      </c>
      <c r="Z30" s="327">
        <v>0</v>
      </c>
      <c r="AA30" s="328">
        <v>0</v>
      </c>
      <c r="AB30" s="326">
        <v>0</v>
      </c>
      <c r="AC30" s="327">
        <v>322162</v>
      </c>
      <c r="AD30" s="327">
        <v>244522</v>
      </c>
      <c r="AE30" s="327">
        <v>12214</v>
      </c>
      <c r="AF30" s="327">
        <v>156312</v>
      </c>
      <c r="AG30" s="327">
        <v>0</v>
      </c>
      <c r="AH30" s="328">
        <v>735210</v>
      </c>
      <c r="AI30" s="330">
        <v>735210</v>
      </c>
      <c r="AJ30" s="326">
        <v>0</v>
      </c>
      <c r="AK30" s="327">
        <v>0</v>
      </c>
      <c r="AL30" s="328">
        <v>0</v>
      </c>
      <c r="AM30" s="326">
        <v>0</v>
      </c>
      <c r="AN30" s="327">
        <v>0</v>
      </c>
      <c r="AO30" s="327">
        <v>0</v>
      </c>
      <c r="AP30" s="327">
        <v>58738</v>
      </c>
      <c r="AQ30" s="327">
        <v>74255</v>
      </c>
      <c r="AR30" s="327">
        <v>0</v>
      </c>
      <c r="AS30" s="328">
        <v>132993</v>
      </c>
      <c r="AT30" s="330">
        <v>132993</v>
      </c>
      <c r="AU30" s="326">
        <v>7704</v>
      </c>
      <c r="AV30" s="327">
        <v>23796</v>
      </c>
      <c r="AW30" s="328">
        <v>31500</v>
      </c>
      <c r="AX30" s="326">
        <v>0</v>
      </c>
      <c r="AY30" s="327">
        <v>67246</v>
      </c>
      <c r="AZ30" s="327">
        <v>349590</v>
      </c>
      <c r="BA30" s="327">
        <v>188054</v>
      </c>
      <c r="BB30" s="327">
        <v>270603</v>
      </c>
      <c r="BC30" s="327">
        <v>0</v>
      </c>
      <c r="BD30" s="328">
        <v>875493</v>
      </c>
      <c r="BE30" s="330">
        <v>906993</v>
      </c>
      <c r="BF30" s="326">
        <v>0</v>
      </c>
      <c r="BG30" s="327">
        <v>67502</v>
      </c>
      <c r="BH30" s="331">
        <v>67502</v>
      </c>
      <c r="BI30" s="332">
        <v>0</v>
      </c>
      <c r="BJ30" s="327">
        <v>0</v>
      </c>
      <c r="BK30" s="327">
        <v>0</v>
      </c>
      <c r="BL30" s="327">
        <v>0</v>
      </c>
      <c r="BM30" s="327">
        <v>0</v>
      </c>
      <c r="BN30" s="327">
        <v>0</v>
      </c>
      <c r="BO30" s="328">
        <v>0</v>
      </c>
      <c r="BP30" s="330">
        <v>67502</v>
      </c>
      <c r="BQ30" s="326">
        <v>0</v>
      </c>
      <c r="BR30" s="327">
        <v>25776</v>
      </c>
      <c r="BS30" s="328">
        <v>25776</v>
      </c>
      <c r="BT30" s="326">
        <v>0</v>
      </c>
      <c r="BU30" s="327">
        <v>87560</v>
      </c>
      <c r="BV30" s="327">
        <v>31376</v>
      </c>
      <c r="BW30" s="327">
        <v>16096</v>
      </c>
      <c r="BX30" s="327">
        <v>43096</v>
      </c>
      <c r="BY30" s="327">
        <v>6528</v>
      </c>
      <c r="BZ30" s="328">
        <v>184656</v>
      </c>
      <c r="CA30" s="330">
        <v>210432</v>
      </c>
      <c r="CB30" s="326">
        <v>0</v>
      </c>
      <c r="CC30" s="327">
        <v>39608</v>
      </c>
      <c r="CD30" s="328">
        <v>39608</v>
      </c>
      <c r="CE30" s="326">
        <v>0</v>
      </c>
      <c r="CF30" s="327">
        <v>555605</v>
      </c>
      <c r="CG30" s="327">
        <v>479321</v>
      </c>
      <c r="CH30" s="327">
        <v>222898</v>
      </c>
      <c r="CI30" s="327">
        <v>335852</v>
      </c>
      <c r="CJ30" s="327">
        <v>0</v>
      </c>
      <c r="CK30" s="328">
        <v>1593676</v>
      </c>
      <c r="CL30" s="330">
        <v>1633284</v>
      </c>
      <c r="CM30" s="326">
        <v>0</v>
      </c>
      <c r="CN30" s="327">
        <v>0</v>
      </c>
      <c r="CO30" s="328">
        <v>0</v>
      </c>
      <c r="CP30" s="332">
        <v>0</v>
      </c>
      <c r="CQ30" s="327">
        <v>458613</v>
      </c>
      <c r="CR30" s="327">
        <v>80053</v>
      </c>
      <c r="CS30" s="327">
        <v>29911</v>
      </c>
      <c r="CT30" s="327">
        <v>38522</v>
      </c>
      <c r="CU30" s="327">
        <v>0</v>
      </c>
      <c r="CV30" s="328">
        <v>607099</v>
      </c>
      <c r="CW30" s="330">
        <v>607099</v>
      </c>
      <c r="CX30" s="326">
        <v>0</v>
      </c>
      <c r="CY30" s="327">
        <v>39608</v>
      </c>
      <c r="CZ30" s="328">
        <v>39608</v>
      </c>
      <c r="DA30" s="326">
        <v>0</v>
      </c>
      <c r="DB30" s="327">
        <v>96992</v>
      </c>
      <c r="DC30" s="327">
        <v>399268</v>
      </c>
      <c r="DD30" s="327">
        <v>192987</v>
      </c>
      <c r="DE30" s="327">
        <v>297330</v>
      </c>
      <c r="DF30" s="327">
        <v>0</v>
      </c>
      <c r="DG30" s="328">
        <v>986577</v>
      </c>
      <c r="DH30" s="330">
        <v>1026185</v>
      </c>
      <c r="DI30" s="326">
        <v>0</v>
      </c>
      <c r="DJ30" s="327">
        <v>0</v>
      </c>
      <c r="DK30" s="331">
        <v>0</v>
      </c>
      <c r="DL30" s="332">
        <v>0</v>
      </c>
      <c r="DM30" s="327">
        <v>65890</v>
      </c>
      <c r="DN30" s="327">
        <v>55178</v>
      </c>
      <c r="DO30" s="327">
        <v>0</v>
      </c>
      <c r="DP30" s="327">
        <v>66269</v>
      </c>
      <c r="DQ30" s="327">
        <v>46233</v>
      </c>
      <c r="DR30" s="328">
        <v>233570</v>
      </c>
      <c r="DS30" s="330">
        <v>233570</v>
      </c>
      <c r="DT30" s="326">
        <v>0</v>
      </c>
      <c r="DU30" s="327">
        <v>0</v>
      </c>
      <c r="DV30" s="328">
        <v>0</v>
      </c>
      <c r="DW30" s="326">
        <v>0</v>
      </c>
      <c r="DX30" s="327">
        <v>65890</v>
      </c>
      <c r="DY30" s="327">
        <v>41000</v>
      </c>
      <c r="DZ30" s="327">
        <v>0</v>
      </c>
      <c r="EA30" s="327">
        <v>66269</v>
      </c>
      <c r="EB30" s="327">
        <v>46233</v>
      </c>
      <c r="EC30" s="328">
        <v>219392</v>
      </c>
      <c r="ED30" s="330">
        <v>219392</v>
      </c>
      <c r="EE30" s="326">
        <v>0</v>
      </c>
      <c r="EF30" s="331">
        <v>0</v>
      </c>
      <c r="EG30" s="328">
        <v>0</v>
      </c>
      <c r="EH30" s="326">
        <v>0</v>
      </c>
      <c r="EI30" s="327">
        <v>0</v>
      </c>
      <c r="EJ30" s="327">
        <v>14178</v>
      </c>
      <c r="EK30" s="327">
        <v>0</v>
      </c>
      <c r="EL30" s="327">
        <v>0</v>
      </c>
      <c r="EM30" s="327">
        <v>0</v>
      </c>
      <c r="EN30" s="331">
        <v>14178</v>
      </c>
      <c r="EO30" s="330">
        <v>14178</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19104</v>
      </c>
      <c r="FM30" s="327">
        <v>202696</v>
      </c>
      <c r="FN30" s="328">
        <v>221800</v>
      </c>
      <c r="FO30" s="326">
        <v>0</v>
      </c>
      <c r="FP30" s="327">
        <v>30608</v>
      </c>
      <c r="FQ30" s="327">
        <v>245168</v>
      </c>
      <c r="FR30" s="327">
        <v>115096</v>
      </c>
      <c r="FS30" s="327">
        <v>107872</v>
      </c>
      <c r="FT30" s="327">
        <v>11040</v>
      </c>
      <c r="FU30" s="328">
        <v>509784</v>
      </c>
      <c r="FV30" s="330">
        <v>731584</v>
      </c>
      <c r="FW30" s="333">
        <v>19104</v>
      </c>
      <c r="FX30" s="327">
        <v>41744</v>
      </c>
      <c r="FY30" s="331">
        <v>60848</v>
      </c>
      <c r="FZ30" s="332">
        <v>0</v>
      </c>
      <c r="GA30" s="327">
        <v>30608</v>
      </c>
      <c r="GB30" s="327">
        <v>185968</v>
      </c>
      <c r="GC30" s="327">
        <v>67096</v>
      </c>
      <c r="GD30" s="327">
        <v>107872</v>
      </c>
      <c r="GE30" s="327">
        <v>11040</v>
      </c>
      <c r="GF30" s="328">
        <v>402584</v>
      </c>
      <c r="GG30" s="334">
        <v>463432</v>
      </c>
      <c r="GH30" s="333">
        <v>0</v>
      </c>
      <c r="GI30" s="327">
        <v>0</v>
      </c>
      <c r="GJ30" s="331">
        <v>0</v>
      </c>
      <c r="GK30" s="332">
        <v>0</v>
      </c>
      <c r="GL30" s="327">
        <v>0</v>
      </c>
      <c r="GM30" s="327">
        <v>0</v>
      </c>
      <c r="GN30" s="327">
        <v>0</v>
      </c>
      <c r="GO30" s="327">
        <v>0</v>
      </c>
      <c r="GP30" s="327">
        <v>0</v>
      </c>
      <c r="GQ30" s="328">
        <v>0</v>
      </c>
      <c r="GR30" s="330">
        <v>0</v>
      </c>
      <c r="GS30" s="326">
        <v>0</v>
      </c>
      <c r="GT30" s="327">
        <v>160952</v>
      </c>
      <c r="GU30" s="328">
        <v>160952</v>
      </c>
      <c r="GV30" s="326">
        <v>0</v>
      </c>
      <c r="GW30" s="327">
        <v>0</v>
      </c>
      <c r="GX30" s="327">
        <v>59200</v>
      </c>
      <c r="GY30" s="327">
        <v>48000</v>
      </c>
      <c r="GZ30" s="327">
        <v>0</v>
      </c>
      <c r="HA30" s="327">
        <v>0</v>
      </c>
      <c r="HB30" s="331">
        <v>107200</v>
      </c>
      <c r="HC30" s="330">
        <v>268152</v>
      </c>
      <c r="HD30" s="326">
        <v>0</v>
      </c>
      <c r="HE30" s="327">
        <v>65993</v>
      </c>
      <c r="HF30" s="331">
        <v>65993</v>
      </c>
      <c r="HG30" s="332">
        <v>0</v>
      </c>
      <c r="HH30" s="327">
        <v>644277</v>
      </c>
      <c r="HI30" s="327">
        <v>0</v>
      </c>
      <c r="HJ30" s="327">
        <v>204271</v>
      </c>
      <c r="HK30" s="327">
        <v>664201</v>
      </c>
      <c r="HL30" s="327">
        <v>237180</v>
      </c>
      <c r="HM30" s="328">
        <v>1749929</v>
      </c>
      <c r="HN30" s="329">
        <v>1815922</v>
      </c>
      <c r="HO30" s="333">
        <v>0</v>
      </c>
      <c r="HP30" s="327">
        <v>0</v>
      </c>
      <c r="HQ30" s="328">
        <v>0</v>
      </c>
      <c r="HR30" s="326">
        <v>0</v>
      </c>
      <c r="HS30" s="327">
        <v>0</v>
      </c>
      <c r="HT30" s="327">
        <v>0</v>
      </c>
      <c r="HU30" s="327">
        <v>0</v>
      </c>
      <c r="HV30" s="327">
        <v>0</v>
      </c>
      <c r="HW30" s="327">
        <v>0</v>
      </c>
      <c r="HX30" s="331">
        <v>0</v>
      </c>
      <c r="HY30" s="330">
        <v>0</v>
      </c>
      <c r="HZ30" s="358">
        <v>42781</v>
      </c>
      <c r="IA30" s="356">
        <v>0</v>
      </c>
      <c r="IB30" s="358">
        <v>42781</v>
      </c>
      <c r="IC30" s="355">
        <v>0</v>
      </c>
      <c r="ID30" s="356">
        <v>403146</v>
      </c>
      <c r="IE30" s="357">
        <v>109949</v>
      </c>
      <c r="IF30" s="358">
        <v>49482</v>
      </c>
      <c r="IG30" s="356">
        <v>58486</v>
      </c>
      <c r="IH30" s="358">
        <v>0</v>
      </c>
      <c r="II30" s="359">
        <v>621063</v>
      </c>
      <c r="IJ30" s="358">
        <v>663844</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75688</v>
      </c>
      <c r="JL30" s="345">
        <v>109949</v>
      </c>
      <c r="JM30" s="345">
        <v>49482</v>
      </c>
      <c r="JN30" s="345">
        <v>58486</v>
      </c>
      <c r="JO30" s="345">
        <v>0</v>
      </c>
      <c r="JP30" s="349">
        <v>393605</v>
      </c>
      <c r="JQ30" s="347">
        <v>393605</v>
      </c>
      <c r="JR30" s="348">
        <v>0</v>
      </c>
      <c r="JS30" s="345">
        <v>0</v>
      </c>
      <c r="JT30" s="346">
        <v>0</v>
      </c>
      <c r="JU30" s="351">
        <v>0</v>
      </c>
      <c r="JV30" s="345">
        <v>0</v>
      </c>
      <c r="JW30" s="345">
        <v>0</v>
      </c>
      <c r="JX30" s="345">
        <v>0</v>
      </c>
      <c r="JY30" s="345">
        <v>0</v>
      </c>
      <c r="JZ30" s="345">
        <v>0</v>
      </c>
      <c r="KA30" s="349">
        <v>0</v>
      </c>
      <c r="KB30" s="347">
        <v>0</v>
      </c>
      <c r="KC30" s="352">
        <v>42781</v>
      </c>
      <c r="KD30" s="353">
        <v>0</v>
      </c>
      <c r="KE30" s="349">
        <v>42781</v>
      </c>
      <c r="KF30" s="351">
        <v>0</v>
      </c>
      <c r="KG30" s="345">
        <v>0</v>
      </c>
      <c r="KH30" s="345">
        <v>0</v>
      </c>
      <c r="KI30" s="345">
        <v>0</v>
      </c>
      <c r="KJ30" s="345">
        <v>0</v>
      </c>
      <c r="KK30" s="345">
        <v>0</v>
      </c>
      <c r="KL30" s="349">
        <v>0</v>
      </c>
      <c r="KM30" s="354">
        <v>42781</v>
      </c>
      <c r="KN30" s="342">
        <v>0</v>
      </c>
      <c r="KO30" s="343">
        <v>0</v>
      </c>
      <c r="KP30" s="344">
        <v>0</v>
      </c>
      <c r="KQ30" s="404">
        <v>0</v>
      </c>
      <c r="KR30" s="345">
        <v>227458</v>
      </c>
      <c r="KS30" s="345">
        <v>0</v>
      </c>
      <c r="KT30" s="345">
        <v>0</v>
      </c>
      <c r="KU30" s="345">
        <v>0</v>
      </c>
      <c r="KV30" s="345">
        <v>0</v>
      </c>
      <c r="KW30" s="349">
        <v>227458</v>
      </c>
      <c r="KX30" s="347">
        <v>227458</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05910</v>
      </c>
      <c r="MK30" s="345">
        <v>542747</v>
      </c>
      <c r="ML30" s="345">
        <v>470182</v>
      </c>
      <c r="MM30" s="345">
        <v>838591</v>
      </c>
      <c r="MN30" s="345">
        <v>916646</v>
      </c>
      <c r="MO30" s="349">
        <v>3174076</v>
      </c>
      <c r="MP30" s="354">
        <v>3174076</v>
      </c>
      <c r="MQ30" s="348">
        <v>0</v>
      </c>
      <c r="MR30" s="345">
        <v>0</v>
      </c>
      <c r="MS30" s="349">
        <v>0</v>
      </c>
      <c r="MT30" s="404">
        <v>0</v>
      </c>
      <c r="MU30" s="345">
        <v>193366</v>
      </c>
      <c r="MV30" s="345">
        <v>0</v>
      </c>
      <c r="MW30" s="345">
        <v>470182</v>
      </c>
      <c r="MX30" s="345">
        <v>251636</v>
      </c>
      <c r="MY30" s="345">
        <v>477864</v>
      </c>
      <c r="MZ30" s="349">
        <v>1393048</v>
      </c>
      <c r="NA30" s="354">
        <v>1393048</v>
      </c>
      <c r="NB30" s="348">
        <v>0</v>
      </c>
      <c r="NC30" s="345">
        <v>0</v>
      </c>
      <c r="ND30" s="349">
        <v>0</v>
      </c>
      <c r="NE30" s="404">
        <v>0</v>
      </c>
      <c r="NF30" s="345">
        <v>212544</v>
      </c>
      <c r="NG30" s="345">
        <v>542747</v>
      </c>
      <c r="NH30" s="345">
        <v>0</v>
      </c>
      <c r="NI30" s="345">
        <v>586955</v>
      </c>
      <c r="NJ30" s="345">
        <v>438782</v>
      </c>
      <c r="NK30" s="349">
        <v>1781028</v>
      </c>
      <c r="NL30" s="347">
        <v>1781028</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69589</v>
      </c>
      <c r="OJ30" s="345">
        <v>425371</v>
      </c>
      <c r="OK30" s="346">
        <v>494960</v>
      </c>
      <c r="OL30" s="351">
        <v>0</v>
      </c>
      <c r="OM30" s="345">
        <v>2582404</v>
      </c>
      <c r="ON30" s="345">
        <v>2057851</v>
      </c>
      <c r="OO30" s="345">
        <v>1337031</v>
      </c>
      <c r="OP30" s="345">
        <v>2615537</v>
      </c>
      <c r="OQ30" s="345">
        <v>1217627</v>
      </c>
      <c r="OR30" s="349">
        <v>9810450</v>
      </c>
      <c r="OS30" s="354">
        <v>10305410</v>
      </c>
    </row>
    <row r="31" spans="2:409" s="70" customFormat="1" ht="21" customHeight="1" x14ac:dyDescent="0.2">
      <c r="B31" s="410" t="s">
        <v>26</v>
      </c>
      <c r="C31" s="326">
        <v>126079</v>
      </c>
      <c r="D31" s="327">
        <v>24000</v>
      </c>
      <c r="E31" s="328">
        <v>150079</v>
      </c>
      <c r="F31" s="329">
        <v>0</v>
      </c>
      <c r="G31" s="327">
        <v>1240713</v>
      </c>
      <c r="H31" s="327">
        <v>1465714</v>
      </c>
      <c r="I31" s="327">
        <v>1174318</v>
      </c>
      <c r="J31" s="327">
        <v>1100362</v>
      </c>
      <c r="K31" s="327">
        <v>542583</v>
      </c>
      <c r="L31" s="367">
        <v>5523690</v>
      </c>
      <c r="M31" s="330">
        <v>5673769</v>
      </c>
      <c r="N31" s="326">
        <v>25845</v>
      </c>
      <c r="O31" s="327">
        <v>0</v>
      </c>
      <c r="P31" s="328">
        <v>25845</v>
      </c>
      <c r="Q31" s="326">
        <v>0</v>
      </c>
      <c r="R31" s="327">
        <v>467568</v>
      </c>
      <c r="S31" s="327">
        <v>520114</v>
      </c>
      <c r="T31" s="327">
        <v>468775</v>
      </c>
      <c r="U31" s="327">
        <v>504012</v>
      </c>
      <c r="V31" s="327">
        <v>474415</v>
      </c>
      <c r="W31" s="328">
        <v>2434884</v>
      </c>
      <c r="X31" s="330">
        <v>2460729</v>
      </c>
      <c r="Y31" s="326">
        <v>0</v>
      </c>
      <c r="Z31" s="327">
        <v>0</v>
      </c>
      <c r="AA31" s="328">
        <v>0</v>
      </c>
      <c r="AB31" s="326">
        <v>0</v>
      </c>
      <c r="AC31" s="327">
        <v>293011</v>
      </c>
      <c r="AD31" s="327">
        <v>171024</v>
      </c>
      <c r="AE31" s="327">
        <v>279951</v>
      </c>
      <c r="AF31" s="327">
        <v>211565</v>
      </c>
      <c r="AG31" s="327">
        <v>126777</v>
      </c>
      <c r="AH31" s="328">
        <v>1082328</v>
      </c>
      <c r="AI31" s="330">
        <v>1082328</v>
      </c>
      <c r="AJ31" s="326">
        <v>0</v>
      </c>
      <c r="AK31" s="327">
        <v>0</v>
      </c>
      <c r="AL31" s="328">
        <v>0</v>
      </c>
      <c r="AM31" s="326">
        <v>0</v>
      </c>
      <c r="AN31" s="327">
        <v>0</v>
      </c>
      <c r="AO31" s="327">
        <v>0</v>
      </c>
      <c r="AP31" s="327">
        <v>13601</v>
      </c>
      <c r="AQ31" s="327">
        <v>105724</v>
      </c>
      <c r="AR31" s="327">
        <v>0</v>
      </c>
      <c r="AS31" s="328">
        <v>119325</v>
      </c>
      <c r="AT31" s="330">
        <v>119325</v>
      </c>
      <c r="AU31" s="326">
        <v>18005</v>
      </c>
      <c r="AV31" s="327">
        <v>0</v>
      </c>
      <c r="AW31" s="328">
        <v>18005</v>
      </c>
      <c r="AX31" s="326">
        <v>0</v>
      </c>
      <c r="AY31" s="327">
        <v>113576</v>
      </c>
      <c r="AZ31" s="327">
        <v>326826</v>
      </c>
      <c r="BA31" s="327">
        <v>82183</v>
      </c>
      <c r="BB31" s="327">
        <v>120707</v>
      </c>
      <c r="BC31" s="327">
        <v>265392</v>
      </c>
      <c r="BD31" s="328">
        <v>908684</v>
      </c>
      <c r="BE31" s="330">
        <v>926689</v>
      </c>
      <c r="BF31" s="326">
        <v>0</v>
      </c>
      <c r="BG31" s="327">
        <v>0</v>
      </c>
      <c r="BH31" s="331">
        <v>0</v>
      </c>
      <c r="BI31" s="332">
        <v>0</v>
      </c>
      <c r="BJ31" s="327">
        <v>39501</v>
      </c>
      <c r="BK31" s="327">
        <v>0</v>
      </c>
      <c r="BL31" s="327">
        <v>0</v>
      </c>
      <c r="BM31" s="327">
        <v>0</v>
      </c>
      <c r="BN31" s="327">
        <v>55302</v>
      </c>
      <c r="BO31" s="328">
        <v>94803</v>
      </c>
      <c r="BP31" s="330">
        <v>94803</v>
      </c>
      <c r="BQ31" s="326">
        <v>7840</v>
      </c>
      <c r="BR31" s="327">
        <v>0</v>
      </c>
      <c r="BS31" s="328">
        <v>7840</v>
      </c>
      <c r="BT31" s="326">
        <v>0</v>
      </c>
      <c r="BU31" s="327">
        <v>21480</v>
      </c>
      <c r="BV31" s="327">
        <v>22264</v>
      </c>
      <c r="BW31" s="327">
        <v>93040</v>
      </c>
      <c r="BX31" s="327">
        <v>66016</v>
      </c>
      <c r="BY31" s="327">
        <v>26944</v>
      </c>
      <c r="BZ31" s="328">
        <v>229744</v>
      </c>
      <c r="CA31" s="330">
        <v>237584</v>
      </c>
      <c r="CB31" s="326">
        <v>0</v>
      </c>
      <c r="CC31" s="327">
        <v>0</v>
      </c>
      <c r="CD31" s="328">
        <v>0</v>
      </c>
      <c r="CE31" s="326">
        <v>0</v>
      </c>
      <c r="CF31" s="327">
        <v>340619</v>
      </c>
      <c r="CG31" s="327">
        <v>545719</v>
      </c>
      <c r="CH31" s="327">
        <v>69688</v>
      </c>
      <c r="CI31" s="327">
        <v>371198</v>
      </c>
      <c r="CJ31" s="327">
        <v>0</v>
      </c>
      <c r="CK31" s="328">
        <v>1327224</v>
      </c>
      <c r="CL31" s="330">
        <v>1327224</v>
      </c>
      <c r="CM31" s="326">
        <v>0</v>
      </c>
      <c r="CN31" s="327">
        <v>0</v>
      </c>
      <c r="CO31" s="328">
        <v>0</v>
      </c>
      <c r="CP31" s="332">
        <v>0</v>
      </c>
      <c r="CQ31" s="327">
        <v>216941</v>
      </c>
      <c r="CR31" s="327">
        <v>430338</v>
      </c>
      <c r="CS31" s="327">
        <v>69688</v>
      </c>
      <c r="CT31" s="327">
        <v>274882</v>
      </c>
      <c r="CU31" s="327">
        <v>0</v>
      </c>
      <c r="CV31" s="328">
        <v>991849</v>
      </c>
      <c r="CW31" s="330">
        <v>991849</v>
      </c>
      <c r="CX31" s="326">
        <v>0</v>
      </c>
      <c r="CY31" s="327">
        <v>0</v>
      </c>
      <c r="CZ31" s="328">
        <v>0</v>
      </c>
      <c r="DA31" s="326">
        <v>0</v>
      </c>
      <c r="DB31" s="327">
        <v>123678</v>
      </c>
      <c r="DC31" s="327">
        <v>115381</v>
      </c>
      <c r="DD31" s="327">
        <v>0</v>
      </c>
      <c r="DE31" s="327">
        <v>96316</v>
      </c>
      <c r="DF31" s="327">
        <v>0</v>
      </c>
      <c r="DG31" s="328">
        <v>335375</v>
      </c>
      <c r="DH31" s="330">
        <v>335375</v>
      </c>
      <c r="DI31" s="326">
        <v>0</v>
      </c>
      <c r="DJ31" s="327">
        <v>0</v>
      </c>
      <c r="DK31" s="331">
        <v>0</v>
      </c>
      <c r="DL31" s="332">
        <v>0</v>
      </c>
      <c r="DM31" s="327">
        <v>128885</v>
      </c>
      <c r="DN31" s="327">
        <v>177930</v>
      </c>
      <c r="DO31" s="327">
        <v>0</v>
      </c>
      <c r="DP31" s="327">
        <v>75520</v>
      </c>
      <c r="DQ31" s="327">
        <v>0</v>
      </c>
      <c r="DR31" s="328">
        <v>382335</v>
      </c>
      <c r="DS31" s="330">
        <v>382335</v>
      </c>
      <c r="DT31" s="326">
        <v>0</v>
      </c>
      <c r="DU31" s="327">
        <v>0</v>
      </c>
      <c r="DV31" s="328">
        <v>0</v>
      </c>
      <c r="DW31" s="326">
        <v>0</v>
      </c>
      <c r="DX31" s="327">
        <v>128885</v>
      </c>
      <c r="DY31" s="327">
        <v>177930</v>
      </c>
      <c r="DZ31" s="327">
        <v>0</v>
      </c>
      <c r="EA31" s="327">
        <v>0</v>
      </c>
      <c r="EB31" s="327">
        <v>0</v>
      </c>
      <c r="EC31" s="328">
        <v>306815</v>
      </c>
      <c r="ED31" s="330">
        <v>306815</v>
      </c>
      <c r="EE31" s="326">
        <v>0</v>
      </c>
      <c r="EF31" s="331">
        <v>0</v>
      </c>
      <c r="EG31" s="328">
        <v>0</v>
      </c>
      <c r="EH31" s="326">
        <v>0</v>
      </c>
      <c r="EI31" s="327">
        <v>0</v>
      </c>
      <c r="EJ31" s="327">
        <v>0</v>
      </c>
      <c r="EK31" s="327">
        <v>0</v>
      </c>
      <c r="EL31" s="327">
        <v>75520</v>
      </c>
      <c r="EM31" s="327">
        <v>0</v>
      </c>
      <c r="EN31" s="331">
        <v>75520</v>
      </c>
      <c r="EO31" s="330">
        <v>7552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45920</v>
      </c>
      <c r="FM31" s="327">
        <v>24000</v>
      </c>
      <c r="FN31" s="328">
        <v>69920</v>
      </c>
      <c r="FO31" s="326">
        <v>0</v>
      </c>
      <c r="FP31" s="327">
        <v>145040</v>
      </c>
      <c r="FQ31" s="327">
        <v>154336</v>
      </c>
      <c r="FR31" s="327">
        <v>35592</v>
      </c>
      <c r="FS31" s="327">
        <v>149632</v>
      </c>
      <c r="FT31" s="327">
        <v>68168</v>
      </c>
      <c r="FU31" s="328">
        <v>552768</v>
      </c>
      <c r="FV31" s="330">
        <v>622688</v>
      </c>
      <c r="FW31" s="333">
        <v>34800</v>
      </c>
      <c r="FX31" s="327">
        <v>24000</v>
      </c>
      <c r="FY31" s="331">
        <v>58800</v>
      </c>
      <c r="FZ31" s="332">
        <v>0</v>
      </c>
      <c r="GA31" s="327">
        <v>72240</v>
      </c>
      <c r="GB31" s="327">
        <v>154336</v>
      </c>
      <c r="GC31" s="327">
        <v>35592</v>
      </c>
      <c r="GD31" s="327">
        <v>149632</v>
      </c>
      <c r="GE31" s="327">
        <v>68168</v>
      </c>
      <c r="GF31" s="328">
        <v>479968</v>
      </c>
      <c r="GG31" s="334">
        <v>538768</v>
      </c>
      <c r="GH31" s="333">
        <v>0</v>
      </c>
      <c r="GI31" s="327">
        <v>0</v>
      </c>
      <c r="GJ31" s="331">
        <v>0</v>
      </c>
      <c r="GK31" s="332">
        <v>0</v>
      </c>
      <c r="GL31" s="327">
        <v>0</v>
      </c>
      <c r="GM31" s="327">
        <v>0</v>
      </c>
      <c r="GN31" s="327">
        <v>0</v>
      </c>
      <c r="GO31" s="327">
        <v>0</v>
      </c>
      <c r="GP31" s="327">
        <v>0</v>
      </c>
      <c r="GQ31" s="328">
        <v>0</v>
      </c>
      <c r="GR31" s="330">
        <v>0</v>
      </c>
      <c r="GS31" s="326">
        <v>11120</v>
      </c>
      <c r="GT31" s="327">
        <v>0</v>
      </c>
      <c r="GU31" s="328">
        <v>11120</v>
      </c>
      <c r="GV31" s="326">
        <v>0</v>
      </c>
      <c r="GW31" s="327">
        <v>72800</v>
      </c>
      <c r="GX31" s="327">
        <v>0</v>
      </c>
      <c r="GY31" s="327">
        <v>0</v>
      </c>
      <c r="GZ31" s="327">
        <v>0</v>
      </c>
      <c r="HA31" s="327">
        <v>0</v>
      </c>
      <c r="HB31" s="331">
        <v>72800</v>
      </c>
      <c r="HC31" s="330">
        <v>83920</v>
      </c>
      <c r="HD31" s="326">
        <v>54314</v>
      </c>
      <c r="HE31" s="327">
        <v>0</v>
      </c>
      <c r="HF31" s="331">
        <v>54314</v>
      </c>
      <c r="HG31" s="332">
        <v>0</v>
      </c>
      <c r="HH31" s="327">
        <v>158601</v>
      </c>
      <c r="HI31" s="327">
        <v>67615</v>
      </c>
      <c r="HJ31" s="327">
        <v>600263</v>
      </c>
      <c r="HK31" s="327">
        <v>0</v>
      </c>
      <c r="HL31" s="327">
        <v>0</v>
      </c>
      <c r="HM31" s="328">
        <v>826479</v>
      </c>
      <c r="HN31" s="329">
        <v>880793</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48824</v>
      </c>
      <c r="IE31" s="339">
        <v>117890</v>
      </c>
      <c r="IF31" s="337">
        <v>431460</v>
      </c>
      <c r="IG31" s="336">
        <v>560945</v>
      </c>
      <c r="IH31" s="337">
        <v>0</v>
      </c>
      <c r="II31" s="340">
        <v>1359119</v>
      </c>
      <c r="IJ31" s="341">
        <v>1359119</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09662</v>
      </c>
      <c r="JL31" s="345">
        <v>117890</v>
      </c>
      <c r="JM31" s="345">
        <v>182204</v>
      </c>
      <c r="JN31" s="345">
        <v>44432</v>
      </c>
      <c r="JO31" s="345">
        <v>0</v>
      </c>
      <c r="JP31" s="349">
        <v>554188</v>
      </c>
      <c r="JQ31" s="347">
        <v>554188</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39162</v>
      </c>
      <c r="KH31" s="345">
        <v>0</v>
      </c>
      <c r="KI31" s="345">
        <v>0</v>
      </c>
      <c r="KJ31" s="345">
        <v>0</v>
      </c>
      <c r="KK31" s="345">
        <v>0</v>
      </c>
      <c r="KL31" s="349">
        <v>39162</v>
      </c>
      <c r="KM31" s="354">
        <v>39162</v>
      </c>
      <c r="KN31" s="342">
        <v>0</v>
      </c>
      <c r="KO31" s="343">
        <v>0</v>
      </c>
      <c r="KP31" s="344">
        <v>0</v>
      </c>
      <c r="KQ31" s="404">
        <v>0</v>
      </c>
      <c r="KR31" s="345">
        <v>0</v>
      </c>
      <c r="KS31" s="345">
        <v>0</v>
      </c>
      <c r="KT31" s="345">
        <v>249256</v>
      </c>
      <c r="KU31" s="345">
        <v>516513</v>
      </c>
      <c r="KV31" s="345">
        <v>0</v>
      </c>
      <c r="KW31" s="349">
        <v>765769</v>
      </c>
      <c r="KX31" s="347">
        <v>765769</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222061</v>
      </c>
      <c r="MK31" s="345">
        <v>0</v>
      </c>
      <c r="ML31" s="345">
        <v>1323040</v>
      </c>
      <c r="MM31" s="345">
        <v>252128</v>
      </c>
      <c r="MN31" s="345">
        <v>589193</v>
      </c>
      <c r="MO31" s="349">
        <v>2386422</v>
      </c>
      <c r="MP31" s="354">
        <v>2386422</v>
      </c>
      <c r="MQ31" s="348">
        <v>0</v>
      </c>
      <c r="MR31" s="345">
        <v>0</v>
      </c>
      <c r="MS31" s="349">
        <v>0</v>
      </c>
      <c r="MT31" s="404">
        <v>0</v>
      </c>
      <c r="MU31" s="345">
        <v>0</v>
      </c>
      <c r="MV31" s="345">
        <v>0</v>
      </c>
      <c r="MW31" s="345">
        <v>508318</v>
      </c>
      <c r="MX31" s="345">
        <v>252128</v>
      </c>
      <c r="MY31" s="345">
        <v>589193</v>
      </c>
      <c r="MZ31" s="349">
        <v>1349639</v>
      </c>
      <c r="NA31" s="354">
        <v>1349639</v>
      </c>
      <c r="NB31" s="348">
        <v>0</v>
      </c>
      <c r="NC31" s="345">
        <v>0</v>
      </c>
      <c r="ND31" s="349">
        <v>0</v>
      </c>
      <c r="NE31" s="404">
        <v>0</v>
      </c>
      <c r="NF31" s="345">
        <v>222061</v>
      </c>
      <c r="NG31" s="345">
        <v>0</v>
      </c>
      <c r="NH31" s="345">
        <v>814722</v>
      </c>
      <c r="NI31" s="345">
        <v>0</v>
      </c>
      <c r="NJ31" s="345">
        <v>0</v>
      </c>
      <c r="NK31" s="349">
        <v>1036783</v>
      </c>
      <c r="NL31" s="347">
        <v>1036783</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26079</v>
      </c>
      <c r="OJ31" s="345">
        <v>24000</v>
      </c>
      <c r="OK31" s="346">
        <v>150079</v>
      </c>
      <c r="OL31" s="351">
        <v>0</v>
      </c>
      <c r="OM31" s="345">
        <v>1711598</v>
      </c>
      <c r="ON31" s="345">
        <v>1583604</v>
      </c>
      <c r="OO31" s="345">
        <v>2928818</v>
      </c>
      <c r="OP31" s="345">
        <v>1913435</v>
      </c>
      <c r="OQ31" s="345">
        <v>1131776</v>
      </c>
      <c r="OR31" s="349">
        <v>9269231</v>
      </c>
      <c r="OS31" s="354">
        <v>9419310</v>
      </c>
    </row>
    <row r="32" spans="2:409" s="70" customFormat="1" ht="21" customHeight="1" x14ac:dyDescent="0.2">
      <c r="B32" s="410" t="s">
        <v>27</v>
      </c>
      <c r="C32" s="326">
        <v>312587</v>
      </c>
      <c r="D32" s="327">
        <v>194930</v>
      </c>
      <c r="E32" s="328">
        <v>507517</v>
      </c>
      <c r="F32" s="329">
        <v>0</v>
      </c>
      <c r="G32" s="327">
        <v>1620890</v>
      </c>
      <c r="H32" s="327">
        <v>1082545</v>
      </c>
      <c r="I32" s="327">
        <v>752150</v>
      </c>
      <c r="J32" s="327">
        <v>1859689</v>
      </c>
      <c r="K32" s="327">
        <v>635883</v>
      </c>
      <c r="L32" s="367">
        <v>5951157</v>
      </c>
      <c r="M32" s="330">
        <v>6458674</v>
      </c>
      <c r="N32" s="326">
        <v>34435</v>
      </c>
      <c r="O32" s="327">
        <v>76763</v>
      </c>
      <c r="P32" s="328">
        <v>111198</v>
      </c>
      <c r="Q32" s="326">
        <v>0</v>
      </c>
      <c r="R32" s="327">
        <v>404730</v>
      </c>
      <c r="S32" s="327">
        <v>385295</v>
      </c>
      <c r="T32" s="327">
        <v>420639</v>
      </c>
      <c r="U32" s="327">
        <v>927303</v>
      </c>
      <c r="V32" s="327">
        <v>612955</v>
      </c>
      <c r="W32" s="328">
        <v>2750922</v>
      </c>
      <c r="X32" s="330">
        <v>2862120</v>
      </c>
      <c r="Y32" s="326">
        <v>0</v>
      </c>
      <c r="Z32" s="327">
        <v>0</v>
      </c>
      <c r="AA32" s="328">
        <v>0</v>
      </c>
      <c r="AB32" s="326">
        <v>0</v>
      </c>
      <c r="AC32" s="327">
        <v>160257</v>
      </c>
      <c r="AD32" s="327">
        <v>171379</v>
      </c>
      <c r="AE32" s="327">
        <v>254462</v>
      </c>
      <c r="AF32" s="327">
        <v>671070</v>
      </c>
      <c r="AG32" s="327">
        <v>405006</v>
      </c>
      <c r="AH32" s="328">
        <v>1662174</v>
      </c>
      <c r="AI32" s="330">
        <v>1662174</v>
      </c>
      <c r="AJ32" s="326">
        <v>0</v>
      </c>
      <c r="AK32" s="327">
        <v>0</v>
      </c>
      <c r="AL32" s="328">
        <v>0</v>
      </c>
      <c r="AM32" s="326">
        <v>0</v>
      </c>
      <c r="AN32" s="327">
        <v>0</v>
      </c>
      <c r="AO32" s="327">
        <v>0</v>
      </c>
      <c r="AP32" s="327">
        <v>0</v>
      </c>
      <c r="AQ32" s="327">
        <v>0</v>
      </c>
      <c r="AR32" s="327">
        <v>0</v>
      </c>
      <c r="AS32" s="328">
        <v>0</v>
      </c>
      <c r="AT32" s="330">
        <v>0</v>
      </c>
      <c r="AU32" s="326">
        <v>19379</v>
      </c>
      <c r="AV32" s="327">
        <v>71995</v>
      </c>
      <c r="AW32" s="328">
        <v>91374</v>
      </c>
      <c r="AX32" s="326">
        <v>0</v>
      </c>
      <c r="AY32" s="327">
        <v>186657</v>
      </c>
      <c r="AZ32" s="327">
        <v>98679</v>
      </c>
      <c r="BA32" s="327">
        <v>102721</v>
      </c>
      <c r="BB32" s="327">
        <v>194497</v>
      </c>
      <c r="BC32" s="327">
        <v>167509</v>
      </c>
      <c r="BD32" s="328">
        <v>750063</v>
      </c>
      <c r="BE32" s="330">
        <v>841437</v>
      </c>
      <c r="BF32" s="326">
        <v>0</v>
      </c>
      <c r="BG32" s="327">
        <v>0</v>
      </c>
      <c r="BH32" s="331">
        <v>0</v>
      </c>
      <c r="BI32" s="332">
        <v>0</v>
      </c>
      <c r="BJ32" s="327">
        <v>0</v>
      </c>
      <c r="BK32" s="327">
        <v>39501</v>
      </c>
      <c r="BL32" s="327">
        <v>0</v>
      </c>
      <c r="BM32" s="327">
        <v>0</v>
      </c>
      <c r="BN32" s="327">
        <v>0</v>
      </c>
      <c r="BO32" s="328">
        <v>39501</v>
      </c>
      <c r="BP32" s="330">
        <v>39501</v>
      </c>
      <c r="BQ32" s="326">
        <v>15056</v>
      </c>
      <c r="BR32" s="327">
        <v>4768</v>
      </c>
      <c r="BS32" s="328">
        <v>19824</v>
      </c>
      <c r="BT32" s="326">
        <v>0</v>
      </c>
      <c r="BU32" s="327">
        <v>57816</v>
      </c>
      <c r="BV32" s="327">
        <v>75736</v>
      </c>
      <c r="BW32" s="327">
        <v>63456</v>
      </c>
      <c r="BX32" s="327">
        <v>61736</v>
      </c>
      <c r="BY32" s="327">
        <v>40440</v>
      </c>
      <c r="BZ32" s="328">
        <v>299184</v>
      </c>
      <c r="CA32" s="330">
        <v>319008</v>
      </c>
      <c r="CB32" s="326">
        <v>41790</v>
      </c>
      <c r="CC32" s="327">
        <v>38807</v>
      </c>
      <c r="CD32" s="328">
        <v>80597</v>
      </c>
      <c r="CE32" s="326">
        <v>0</v>
      </c>
      <c r="CF32" s="327">
        <v>780718</v>
      </c>
      <c r="CG32" s="327">
        <v>454802</v>
      </c>
      <c r="CH32" s="327">
        <v>222331</v>
      </c>
      <c r="CI32" s="327">
        <v>398316</v>
      </c>
      <c r="CJ32" s="327">
        <v>0</v>
      </c>
      <c r="CK32" s="328">
        <v>1856167</v>
      </c>
      <c r="CL32" s="330">
        <v>1936764</v>
      </c>
      <c r="CM32" s="326">
        <v>0</v>
      </c>
      <c r="CN32" s="327">
        <v>0</v>
      </c>
      <c r="CO32" s="328">
        <v>0</v>
      </c>
      <c r="CP32" s="332">
        <v>0</v>
      </c>
      <c r="CQ32" s="327">
        <v>597978</v>
      </c>
      <c r="CR32" s="327">
        <v>266269</v>
      </c>
      <c r="CS32" s="327">
        <v>77747</v>
      </c>
      <c r="CT32" s="327">
        <v>398316</v>
      </c>
      <c r="CU32" s="327">
        <v>0</v>
      </c>
      <c r="CV32" s="328">
        <v>1340310</v>
      </c>
      <c r="CW32" s="330">
        <v>1340310</v>
      </c>
      <c r="CX32" s="326">
        <v>41790</v>
      </c>
      <c r="CY32" s="327">
        <v>38807</v>
      </c>
      <c r="CZ32" s="328">
        <v>80597</v>
      </c>
      <c r="DA32" s="326">
        <v>0</v>
      </c>
      <c r="DB32" s="327">
        <v>182740</v>
      </c>
      <c r="DC32" s="327">
        <v>188533</v>
      </c>
      <c r="DD32" s="327">
        <v>144584</v>
      </c>
      <c r="DE32" s="327">
        <v>0</v>
      </c>
      <c r="DF32" s="327">
        <v>0</v>
      </c>
      <c r="DG32" s="328">
        <v>515857</v>
      </c>
      <c r="DH32" s="330">
        <v>596454</v>
      </c>
      <c r="DI32" s="326">
        <v>0</v>
      </c>
      <c r="DJ32" s="327">
        <v>0</v>
      </c>
      <c r="DK32" s="331">
        <v>0</v>
      </c>
      <c r="DL32" s="332">
        <v>0</v>
      </c>
      <c r="DM32" s="327">
        <v>0</v>
      </c>
      <c r="DN32" s="327">
        <v>0</v>
      </c>
      <c r="DO32" s="327">
        <v>24668</v>
      </c>
      <c r="DP32" s="327">
        <v>36249</v>
      </c>
      <c r="DQ32" s="327">
        <v>0</v>
      </c>
      <c r="DR32" s="328">
        <v>60917</v>
      </c>
      <c r="DS32" s="330">
        <v>60917</v>
      </c>
      <c r="DT32" s="326">
        <v>0</v>
      </c>
      <c r="DU32" s="327">
        <v>0</v>
      </c>
      <c r="DV32" s="328">
        <v>0</v>
      </c>
      <c r="DW32" s="326">
        <v>0</v>
      </c>
      <c r="DX32" s="327">
        <v>0</v>
      </c>
      <c r="DY32" s="327">
        <v>0</v>
      </c>
      <c r="DZ32" s="327">
        <v>24668</v>
      </c>
      <c r="EA32" s="327">
        <v>36249</v>
      </c>
      <c r="EB32" s="327">
        <v>0</v>
      </c>
      <c r="EC32" s="328">
        <v>60917</v>
      </c>
      <c r="ED32" s="330">
        <v>60917</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183764</v>
      </c>
      <c r="FM32" s="327">
        <v>79360</v>
      </c>
      <c r="FN32" s="328">
        <v>263124</v>
      </c>
      <c r="FO32" s="326">
        <v>0</v>
      </c>
      <c r="FP32" s="327">
        <v>39600</v>
      </c>
      <c r="FQ32" s="327">
        <v>150848</v>
      </c>
      <c r="FR32" s="327">
        <v>84512</v>
      </c>
      <c r="FS32" s="327">
        <v>64632</v>
      </c>
      <c r="FT32" s="327">
        <v>22928</v>
      </c>
      <c r="FU32" s="328">
        <v>362520</v>
      </c>
      <c r="FV32" s="330">
        <v>625644</v>
      </c>
      <c r="FW32" s="333">
        <v>34640</v>
      </c>
      <c r="FX32" s="327">
        <v>79360</v>
      </c>
      <c r="FY32" s="331">
        <v>114000</v>
      </c>
      <c r="FZ32" s="332">
        <v>0</v>
      </c>
      <c r="GA32" s="327">
        <v>39600</v>
      </c>
      <c r="GB32" s="327">
        <v>150848</v>
      </c>
      <c r="GC32" s="327">
        <v>66208</v>
      </c>
      <c r="GD32" s="327">
        <v>64632</v>
      </c>
      <c r="GE32" s="327">
        <v>22928</v>
      </c>
      <c r="GF32" s="328">
        <v>344216</v>
      </c>
      <c r="GG32" s="334">
        <v>458216</v>
      </c>
      <c r="GH32" s="333">
        <v>39124</v>
      </c>
      <c r="GI32" s="327">
        <v>0</v>
      </c>
      <c r="GJ32" s="331">
        <v>39124</v>
      </c>
      <c r="GK32" s="332">
        <v>0</v>
      </c>
      <c r="GL32" s="327">
        <v>0</v>
      </c>
      <c r="GM32" s="327">
        <v>0</v>
      </c>
      <c r="GN32" s="327">
        <v>18304</v>
      </c>
      <c r="GO32" s="327">
        <v>0</v>
      </c>
      <c r="GP32" s="327">
        <v>0</v>
      </c>
      <c r="GQ32" s="328">
        <v>18304</v>
      </c>
      <c r="GR32" s="330">
        <v>57428</v>
      </c>
      <c r="GS32" s="326">
        <v>110000</v>
      </c>
      <c r="GT32" s="327">
        <v>0</v>
      </c>
      <c r="GU32" s="328">
        <v>110000</v>
      </c>
      <c r="GV32" s="326">
        <v>0</v>
      </c>
      <c r="GW32" s="327">
        <v>0</v>
      </c>
      <c r="GX32" s="327">
        <v>0</v>
      </c>
      <c r="GY32" s="327">
        <v>0</v>
      </c>
      <c r="GZ32" s="327">
        <v>0</v>
      </c>
      <c r="HA32" s="327">
        <v>0</v>
      </c>
      <c r="HB32" s="331">
        <v>0</v>
      </c>
      <c r="HC32" s="330">
        <v>110000</v>
      </c>
      <c r="HD32" s="326">
        <v>52598</v>
      </c>
      <c r="HE32" s="327">
        <v>0</v>
      </c>
      <c r="HF32" s="331">
        <v>52598</v>
      </c>
      <c r="HG32" s="332">
        <v>0</v>
      </c>
      <c r="HH32" s="327">
        <v>395842</v>
      </c>
      <c r="HI32" s="327">
        <v>91600</v>
      </c>
      <c r="HJ32" s="327">
        <v>0</v>
      </c>
      <c r="HK32" s="327">
        <v>433189</v>
      </c>
      <c r="HL32" s="327">
        <v>0</v>
      </c>
      <c r="HM32" s="328">
        <v>920631</v>
      </c>
      <c r="HN32" s="329">
        <v>973229</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35597</v>
      </c>
      <c r="IE32" s="357">
        <v>16645</v>
      </c>
      <c r="IF32" s="358">
        <v>659257</v>
      </c>
      <c r="IG32" s="356">
        <v>246162</v>
      </c>
      <c r="IH32" s="358">
        <v>0</v>
      </c>
      <c r="II32" s="359">
        <v>1057661</v>
      </c>
      <c r="IJ32" s="358">
        <v>1057661</v>
      </c>
      <c r="IK32" s="342">
        <v>0</v>
      </c>
      <c r="IL32" s="343">
        <v>0</v>
      </c>
      <c r="IM32" s="344">
        <v>0</v>
      </c>
      <c r="IN32" s="404">
        <v>0</v>
      </c>
      <c r="IO32" s="345">
        <v>0</v>
      </c>
      <c r="IP32" s="345">
        <v>0</v>
      </c>
      <c r="IQ32" s="345">
        <v>170184</v>
      </c>
      <c r="IR32" s="345">
        <v>0</v>
      </c>
      <c r="IS32" s="345">
        <v>0</v>
      </c>
      <c r="IT32" s="346">
        <v>170184</v>
      </c>
      <c r="IU32" s="347">
        <v>17018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16645</v>
      </c>
      <c r="JM32" s="345">
        <v>0</v>
      </c>
      <c r="JN32" s="345">
        <v>0</v>
      </c>
      <c r="JO32" s="345">
        <v>0</v>
      </c>
      <c r="JP32" s="349">
        <v>16645</v>
      </c>
      <c r="JQ32" s="347">
        <v>16645</v>
      </c>
      <c r="JR32" s="348">
        <v>0</v>
      </c>
      <c r="JS32" s="345">
        <v>0</v>
      </c>
      <c r="JT32" s="346">
        <v>0</v>
      </c>
      <c r="JU32" s="351">
        <v>0</v>
      </c>
      <c r="JV32" s="345">
        <v>0</v>
      </c>
      <c r="JW32" s="345">
        <v>0</v>
      </c>
      <c r="JX32" s="345">
        <v>0</v>
      </c>
      <c r="JY32" s="345">
        <v>228606</v>
      </c>
      <c r="JZ32" s="345">
        <v>0</v>
      </c>
      <c r="KA32" s="349">
        <v>228606</v>
      </c>
      <c r="KB32" s="347">
        <v>228606</v>
      </c>
      <c r="KC32" s="352">
        <v>0</v>
      </c>
      <c r="KD32" s="353">
        <v>0</v>
      </c>
      <c r="KE32" s="349">
        <v>0</v>
      </c>
      <c r="KF32" s="351">
        <v>0</v>
      </c>
      <c r="KG32" s="345">
        <v>96341</v>
      </c>
      <c r="KH32" s="345">
        <v>0</v>
      </c>
      <c r="KI32" s="345">
        <v>0</v>
      </c>
      <c r="KJ32" s="345">
        <v>0</v>
      </c>
      <c r="KK32" s="345">
        <v>0</v>
      </c>
      <c r="KL32" s="349">
        <v>96341</v>
      </c>
      <c r="KM32" s="354">
        <v>96341</v>
      </c>
      <c r="KN32" s="342">
        <v>0</v>
      </c>
      <c r="KO32" s="343">
        <v>0</v>
      </c>
      <c r="KP32" s="344">
        <v>0</v>
      </c>
      <c r="KQ32" s="404">
        <v>0</v>
      </c>
      <c r="KR32" s="345">
        <v>39256</v>
      </c>
      <c r="KS32" s="345">
        <v>0</v>
      </c>
      <c r="KT32" s="345">
        <v>251960</v>
      </c>
      <c r="KU32" s="345">
        <v>17556</v>
      </c>
      <c r="KV32" s="345">
        <v>0</v>
      </c>
      <c r="KW32" s="349">
        <v>308772</v>
      </c>
      <c r="KX32" s="347">
        <v>308772</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37113</v>
      </c>
      <c r="LQ32" s="345">
        <v>0</v>
      </c>
      <c r="LR32" s="345">
        <v>0</v>
      </c>
      <c r="LS32" s="349">
        <v>237113</v>
      </c>
      <c r="LT32" s="347">
        <v>237113</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0</v>
      </c>
      <c r="MK32" s="345">
        <v>1033431</v>
      </c>
      <c r="ML32" s="345">
        <v>414829</v>
      </c>
      <c r="MM32" s="345">
        <v>1273772</v>
      </c>
      <c r="MN32" s="345">
        <v>741458</v>
      </c>
      <c r="MO32" s="349">
        <v>3463490</v>
      </c>
      <c r="MP32" s="354">
        <v>3463490</v>
      </c>
      <c r="MQ32" s="348">
        <v>0</v>
      </c>
      <c r="MR32" s="345">
        <v>0</v>
      </c>
      <c r="MS32" s="349">
        <v>0</v>
      </c>
      <c r="MT32" s="404">
        <v>0</v>
      </c>
      <c r="MU32" s="345">
        <v>0</v>
      </c>
      <c r="MV32" s="345">
        <v>240550</v>
      </c>
      <c r="MW32" s="345">
        <v>146909</v>
      </c>
      <c r="MX32" s="345">
        <v>494100</v>
      </c>
      <c r="MY32" s="345">
        <v>306301</v>
      </c>
      <c r="MZ32" s="349">
        <v>1187860</v>
      </c>
      <c r="NA32" s="354">
        <v>1187860</v>
      </c>
      <c r="NB32" s="348">
        <v>0</v>
      </c>
      <c r="NC32" s="345">
        <v>0</v>
      </c>
      <c r="ND32" s="349">
        <v>0</v>
      </c>
      <c r="NE32" s="404">
        <v>0</v>
      </c>
      <c r="NF32" s="345">
        <v>0</v>
      </c>
      <c r="NG32" s="345">
        <v>792881</v>
      </c>
      <c r="NH32" s="345">
        <v>267920</v>
      </c>
      <c r="NI32" s="345">
        <v>779672</v>
      </c>
      <c r="NJ32" s="345">
        <v>0</v>
      </c>
      <c r="NK32" s="349">
        <v>1840473</v>
      </c>
      <c r="NL32" s="347">
        <v>1840473</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435157</v>
      </c>
      <c r="OG32" s="349">
        <v>435157</v>
      </c>
      <c r="OH32" s="350">
        <v>435157</v>
      </c>
      <c r="OI32" s="348">
        <v>312587</v>
      </c>
      <c r="OJ32" s="345">
        <v>194930</v>
      </c>
      <c r="OK32" s="346">
        <v>507517</v>
      </c>
      <c r="OL32" s="351">
        <v>0</v>
      </c>
      <c r="OM32" s="345">
        <v>1756487</v>
      </c>
      <c r="ON32" s="345">
        <v>2132621</v>
      </c>
      <c r="OO32" s="345">
        <v>1826236</v>
      </c>
      <c r="OP32" s="345">
        <v>3379623</v>
      </c>
      <c r="OQ32" s="345">
        <v>1377341</v>
      </c>
      <c r="OR32" s="349">
        <v>10472308</v>
      </c>
      <c r="OS32" s="354">
        <v>10979825</v>
      </c>
    </row>
    <row r="33" spans="2:409" s="70" customFormat="1" ht="21" customHeight="1" x14ac:dyDescent="0.2">
      <c r="B33" s="410" t="s">
        <v>28</v>
      </c>
      <c r="C33" s="326">
        <v>0</v>
      </c>
      <c r="D33" s="327">
        <v>800</v>
      </c>
      <c r="E33" s="328">
        <v>800</v>
      </c>
      <c r="F33" s="329">
        <v>0</v>
      </c>
      <c r="G33" s="327">
        <v>679674</v>
      </c>
      <c r="H33" s="327">
        <v>313179</v>
      </c>
      <c r="I33" s="327">
        <v>496529</v>
      </c>
      <c r="J33" s="327">
        <v>34280</v>
      </c>
      <c r="K33" s="327">
        <v>407668</v>
      </c>
      <c r="L33" s="367">
        <v>1931330</v>
      </c>
      <c r="M33" s="330">
        <v>1932130</v>
      </c>
      <c r="N33" s="326">
        <v>0</v>
      </c>
      <c r="O33" s="327">
        <v>0</v>
      </c>
      <c r="P33" s="328">
        <v>0</v>
      </c>
      <c r="Q33" s="326">
        <v>0</v>
      </c>
      <c r="R33" s="327">
        <v>88672</v>
      </c>
      <c r="S33" s="327">
        <v>13040</v>
      </c>
      <c r="T33" s="327">
        <v>184880</v>
      </c>
      <c r="U33" s="327">
        <v>22040</v>
      </c>
      <c r="V33" s="327">
        <v>352916</v>
      </c>
      <c r="W33" s="328">
        <v>661548</v>
      </c>
      <c r="X33" s="330">
        <v>661548</v>
      </c>
      <c r="Y33" s="326">
        <v>0</v>
      </c>
      <c r="Z33" s="327">
        <v>0</v>
      </c>
      <c r="AA33" s="328">
        <v>0</v>
      </c>
      <c r="AB33" s="326">
        <v>0</v>
      </c>
      <c r="AC33" s="327">
        <v>0</v>
      </c>
      <c r="AD33" s="327">
        <v>0</v>
      </c>
      <c r="AE33" s="327">
        <v>103908</v>
      </c>
      <c r="AF33" s="327">
        <v>0</v>
      </c>
      <c r="AG33" s="327">
        <v>338740</v>
      </c>
      <c r="AH33" s="328">
        <v>442648</v>
      </c>
      <c r="AI33" s="330">
        <v>442648</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54416</v>
      </c>
      <c r="AZ33" s="327">
        <v>0</v>
      </c>
      <c r="BA33" s="327">
        <v>66604</v>
      </c>
      <c r="BB33" s="327">
        <v>22040</v>
      </c>
      <c r="BC33" s="327">
        <v>0</v>
      </c>
      <c r="BD33" s="328">
        <v>143060</v>
      </c>
      <c r="BE33" s="330">
        <v>143060</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256</v>
      </c>
      <c r="BV33" s="327">
        <v>13040</v>
      </c>
      <c r="BW33" s="327">
        <v>14368</v>
      </c>
      <c r="BX33" s="327">
        <v>0</v>
      </c>
      <c r="BY33" s="327">
        <v>14176</v>
      </c>
      <c r="BZ33" s="328">
        <v>75840</v>
      </c>
      <c r="CA33" s="330">
        <v>75840</v>
      </c>
      <c r="CB33" s="326">
        <v>0</v>
      </c>
      <c r="CC33" s="327">
        <v>0</v>
      </c>
      <c r="CD33" s="328">
        <v>0</v>
      </c>
      <c r="CE33" s="326">
        <v>0</v>
      </c>
      <c r="CF33" s="327">
        <v>79334</v>
      </c>
      <c r="CG33" s="327">
        <v>220118</v>
      </c>
      <c r="CH33" s="327">
        <v>88814</v>
      </c>
      <c r="CI33" s="327">
        <v>0</v>
      </c>
      <c r="CJ33" s="327">
        <v>0</v>
      </c>
      <c r="CK33" s="328">
        <v>388266</v>
      </c>
      <c r="CL33" s="330">
        <v>388266</v>
      </c>
      <c r="CM33" s="326">
        <v>0</v>
      </c>
      <c r="CN33" s="327">
        <v>0</v>
      </c>
      <c r="CO33" s="328">
        <v>0</v>
      </c>
      <c r="CP33" s="332">
        <v>0</v>
      </c>
      <c r="CQ33" s="327">
        <v>0</v>
      </c>
      <c r="CR33" s="327">
        <v>220118</v>
      </c>
      <c r="CS33" s="327">
        <v>88814</v>
      </c>
      <c r="CT33" s="327">
        <v>0</v>
      </c>
      <c r="CU33" s="327">
        <v>0</v>
      </c>
      <c r="CV33" s="328">
        <v>308932</v>
      </c>
      <c r="CW33" s="330">
        <v>308932</v>
      </c>
      <c r="CX33" s="326">
        <v>0</v>
      </c>
      <c r="CY33" s="327">
        <v>0</v>
      </c>
      <c r="CZ33" s="328">
        <v>0</v>
      </c>
      <c r="DA33" s="326">
        <v>0</v>
      </c>
      <c r="DB33" s="327">
        <v>79334</v>
      </c>
      <c r="DC33" s="327">
        <v>0</v>
      </c>
      <c r="DD33" s="327">
        <v>0</v>
      </c>
      <c r="DE33" s="327">
        <v>0</v>
      </c>
      <c r="DF33" s="327">
        <v>0</v>
      </c>
      <c r="DG33" s="328">
        <v>79334</v>
      </c>
      <c r="DH33" s="330">
        <v>79334</v>
      </c>
      <c r="DI33" s="326">
        <v>0</v>
      </c>
      <c r="DJ33" s="327">
        <v>0</v>
      </c>
      <c r="DK33" s="331">
        <v>0</v>
      </c>
      <c r="DL33" s="332">
        <v>0</v>
      </c>
      <c r="DM33" s="327">
        <v>0</v>
      </c>
      <c r="DN33" s="327">
        <v>41061</v>
      </c>
      <c r="DO33" s="327">
        <v>0</v>
      </c>
      <c r="DP33" s="327">
        <v>0</v>
      </c>
      <c r="DQ33" s="327">
        <v>0</v>
      </c>
      <c r="DR33" s="328">
        <v>41061</v>
      </c>
      <c r="DS33" s="330">
        <v>41061</v>
      </c>
      <c r="DT33" s="326">
        <v>0</v>
      </c>
      <c r="DU33" s="327">
        <v>0</v>
      </c>
      <c r="DV33" s="328">
        <v>0</v>
      </c>
      <c r="DW33" s="326">
        <v>0</v>
      </c>
      <c r="DX33" s="327">
        <v>0</v>
      </c>
      <c r="DY33" s="327">
        <v>41061</v>
      </c>
      <c r="DZ33" s="327">
        <v>0</v>
      </c>
      <c r="EA33" s="327">
        <v>0</v>
      </c>
      <c r="EB33" s="327">
        <v>0</v>
      </c>
      <c r="EC33" s="328">
        <v>41061</v>
      </c>
      <c r="ED33" s="330">
        <v>41061</v>
      </c>
      <c r="EE33" s="326">
        <v>0</v>
      </c>
      <c r="EF33" s="331">
        <v>0</v>
      </c>
      <c r="EG33" s="328">
        <v>0</v>
      </c>
      <c r="EH33" s="326">
        <v>0</v>
      </c>
      <c r="EI33" s="327">
        <v>0</v>
      </c>
      <c r="EJ33" s="327">
        <v>0</v>
      </c>
      <c r="EK33" s="327">
        <v>0</v>
      </c>
      <c r="EL33" s="327">
        <v>0</v>
      </c>
      <c r="EM33" s="327">
        <v>0</v>
      </c>
      <c r="EN33" s="331">
        <v>0</v>
      </c>
      <c r="EO33" s="330">
        <v>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22752</v>
      </c>
      <c r="FQ33" s="327">
        <v>38960</v>
      </c>
      <c r="FR33" s="327">
        <v>17920</v>
      </c>
      <c r="FS33" s="327">
        <v>12240</v>
      </c>
      <c r="FT33" s="327">
        <v>54752</v>
      </c>
      <c r="FU33" s="328">
        <v>146624</v>
      </c>
      <c r="FV33" s="330">
        <v>147424</v>
      </c>
      <c r="FW33" s="333">
        <v>0</v>
      </c>
      <c r="FX33" s="327">
        <v>800</v>
      </c>
      <c r="FY33" s="331">
        <v>800</v>
      </c>
      <c r="FZ33" s="332">
        <v>0</v>
      </c>
      <c r="GA33" s="327">
        <v>22752</v>
      </c>
      <c r="GB33" s="327">
        <v>38960</v>
      </c>
      <c r="GC33" s="327">
        <v>17920</v>
      </c>
      <c r="GD33" s="327">
        <v>12240</v>
      </c>
      <c r="GE33" s="327">
        <v>54752</v>
      </c>
      <c r="GF33" s="328">
        <v>146624</v>
      </c>
      <c r="GG33" s="334">
        <v>147424</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88916</v>
      </c>
      <c r="HI33" s="327">
        <v>0</v>
      </c>
      <c r="HJ33" s="327">
        <v>204915</v>
      </c>
      <c r="HK33" s="327">
        <v>0</v>
      </c>
      <c r="HL33" s="327">
        <v>0</v>
      </c>
      <c r="HM33" s="328">
        <v>693831</v>
      </c>
      <c r="HN33" s="329">
        <v>693831</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23442</v>
      </c>
      <c r="IE33" s="339">
        <v>41925</v>
      </c>
      <c r="IF33" s="337">
        <v>0</v>
      </c>
      <c r="IG33" s="336">
        <v>0</v>
      </c>
      <c r="IH33" s="337">
        <v>268244</v>
      </c>
      <c r="II33" s="340">
        <v>433611</v>
      </c>
      <c r="IJ33" s="341">
        <v>433611</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23442</v>
      </c>
      <c r="JL33" s="345">
        <v>0</v>
      </c>
      <c r="JM33" s="345">
        <v>0</v>
      </c>
      <c r="JN33" s="345">
        <v>0</v>
      </c>
      <c r="JO33" s="345">
        <v>0</v>
      </c>
      <c r="JP33" s="349">
        <v>123442</v>
      </c>
      <c r="JQ33" s="347">
        <v>123442</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41925</v>
      </c>
      <c r="KT33" s="345">
        <v>0</v>
      </c>
      <c r="KU33" s="345">
        <v>0</v>
      </c>
      <c r="KV33" s="345">
        <v>268244</v>
      </c>
      <c r="KW33" s="349">
        <v>310169</v>
      </c>
      <c r="KX33" s="347">
        <v>310169</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43456</v>
      </c>
      <c r="MN33" s="345">
        <v>263182</v>
      </c>
      <c r="MO33" s="349">
        <v>506638</v>
      </c>
      <c r="MP33" s="354">
        <v>506638</v>
      </c>
      <c r="MQ33" s="348">
        <v>0</v>
      </c>
      <c r="MR33" s="345">
        <v>0</v>
      </c>
      <c r="MS33" s="349">
        <v>0</v>
      </c>
      <c r="MT33" s="404">
        <v>0</v>
      </c>
      <c r="MU33" s="345">
        <v>0</v>
      </c>
      <c r="MV33" s="345">
        <v>0</v>
      </c>
      <c r="MW33" s="345">
        <v>0</v>
      </c>
      <c r="MX33" s="345">
        <v>243456</v>
      </c>
      <c r="MY33" s="345">
        <v>263182</v>
      </c>
      <c r="MZ33" s="349">
        <v>506638</v>
      </c>
      <c r="NA33" s="354">
        <v>506638</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803116</v>
      </c>
      <c r="ON33" s="345">
        <v>355104</v>
      </c>
      <c r="OO33" s="345">
        <v>496529</v>
      </c>
      <c r="OP33" s="345">
        <v>277736</v>
      </c>
      <c r="OQ33" s="345">
        <v>939094</v>
      </c>
      <c r="OR33" s="349">
        <v>2871579</v>
      </c>
      <c r="OS33" s="354">
        <v>2872379</v>
      </c>
    </row>
    <row r="34" spans="2:409" s="70" customFormat="1" ht="21" customHeight="1" x14ac:dyDescent="0.2">
      <c r="B34" s="410" t="s">
        <v>29</v>
      </c>
      <c r="C34" s="326">
        <v>182000</v>
      </c>
      <c r="D34" s="327">
        <v>0</v>
      </c>
      <c r="E34" s="328">
        <v>182000</v>
      </c>
      <c r="F34" s="329">
        <v>0</v>
      </c>
      <c r="G34" s="327">
        <v>490828</v>
      </c>
      <c r="H34" s="327">
        <v>628596</v>
      </c>
      <c r="I34" s="327">
        <v>353431</v>
      </c>
      <c r="J34" s="327">
        <v>243312</v>
      </c>
      <c r="K34" s="327">
        <v>178511</v>
      </c>
      <c r="L34" s="367">
        <v>1894678</v>
      </c>
      <c r="M34" s="330">
        <v>2076678</v>
      </c>
      <c r="N34" s="326">
        <v>9600</v>
      </c>
      <c r="O34" s="327">
        <v>0</v>
      </c>
      <c r="P34" s="328">
        <v>9600</v>
      </c>
      <c r="Q34" s="326">
        <v>0</v>
      </c>
      <c r="R34" s="327">
        <v>26048</v>
      </c>
      <c r="S34" s="327">
        <v>199282</v>
      </c>
      <c r="T34" s="327">
        <v>146864</v>
      </c>
      <c r="U34" s="327">
        <v>214112</v>
      </c>
      <c r="V34" s="327">
        <v>114271</v>
      </c>
      <c r="W34" s="328">
        <v>700577</v>
      </c>
      <c r="X34" s="330">
        <v>710177</v>
      </c>
      <c r="Y34" s="326">
        <v>0</v>
      </c>
      <c r="Z34" s="327">
        <v>0</v>
      </c>
      <c r="AA34" s="328">
        <v>0</v>
      </c>
      <c r="AB34" s="326">
        <v>0</v>
      </c>
      <c r="AC34" s="327">
        <v>0</v>
      </c>
      <c r="AD34" s="327">
        <v>120866</v>
      </c>
      <c r="AE34" s="327">
        <v>0</v>
      </c>
      <c r="AF34" s="327">
        <v>197088</v>
      </c>
      <c r="AG34" s="327">
        <v>32624</v>
      </c>
      <c r="AH34" s="328">
        <v>350578</v>
      </c>
      <c r="AI34" s="330">
        <v>350578</v>
      </c>
      <c r="AJ34" s="326">
        <v>0</v>
      </c>
      <c r="AK34" s="327">
        <v>0</v>
      </c>
      <c r="AL34" s="328">
        <v>0</v>
      </c>
      <c r="AM34" s="326">
        <v>0</v>
      </c>
      <c r="AN34" s="327">
        <v>0</v>
      </c>
      <c r="AO34" s="327">
        <v>0</v>
      </c>
      <c r="AP34" s="327">
        <v>0</v>
      </c>
      <c r="AQ34" s="327">
        <v>0</v>
      </c>
      <c r="AR34" s="327">
        <v>81647</v>
      </c>
      <c r="AS34" s="328">
        <v>81647</v>
      </c>
      <c r="AT34" s="330">
        <v>81647</v>
      </c>
      <c r="AU34" s="326">
        <v>0</v>
      </c>
      <c r="AV34" s="327">
        <v>0</v>
      </c>
      <c r="AW34" s="328">
        <v>0</v>
      </c>
      <c r="AX34" s="326">
        <v>0</v>
      </c>
      <c r="AY34" s="327">
        <v>0</v>
      </c>
      <c r="AZ34" s="327">
        <v>41432</v>
      </c>
      <c r="BA34" s="327">
        <v>124224</v>
      </c>
      <c r="BB34" s="327">
        <v>10152</v>
      </c>
      <c r="BC34" s="327">
        <v>0</v>
      </c>
      <c r="BD34" s="328">
        <v>175808</v>
      </c>
      <c r="BE34" s="330">
        <v>175808</v>
      </c>
      <c r="BF34" s="326">
        <v>0</v>
      </c>
      <c r="BG34" s="327">
        <v>0</v>
      </c>
      <c r="BH34" s="331">
        <v>0</v>
      </c>
      <c r="BI34" s="332">
        <v>0</v>
      </c>
      <c r="BJ34" s="327">
        <v>0</v>
      </c>
      <c r="BK34" s="327">
        <v>31112</v>
      </c>
      <c r="BL34" s="327">
        <v>0</v>
      </c>
      <c r="BM34" s="327">
        <v>0</v>
      </c>
      <c r="BN34" s="327">
        <v>0</v>
      </c>
      <c r="BO34" s="328">
        <v>31112</v>
      </c>
      <c r="BP34" s="330">
        <v>31112</v>
      </c>
      <c r="BQ34" s="326">
        <v>9600</v>
      </c>
      <c r="BR34" s="327">
        <v>0</v>
      </c>
      <c r="BS34" s="328">
        <v>9600</v>
      </c>
      <c r="BT34" s="326">
        <v>0</v>
      </c>
      <c r="BU34" s="327">
        <v>26048</v>
      </c>
      <c r="BV34" s="327">
        <v>5872</v>
      </c>
      <c r="BW34" s="327">
        <v>22640</v>
      </c>
      <c r="BX34" s="327">
        <v>6872</v>
      </c>
      <c r="BY34" s="327">
        <v>0</v>
      </c>
      <c r="BZ34" s="328">
        <v>61432</v>
      </c>
      <c r="CA34" s="330">
        <v>71032</v>
      </c>
      <c r="CB34" s="326">
        <v>41120</v>
      </c>
      <c r="CC34" s="327">
        <v>0</v>
      </c>
      <c r="CD34" s="328">
        <v>41120</v>
      </c>
      <c r="CE34" s="326">
        <v>0</v>
      </c>
      <c r="CF34" s="327">
        <v>0</v>
      </c>
      <c r="CG34" s="327">
        <v>194224</v>
      </c>
      <c r="CH34" s="327">
        <v>173423</v>
      </c>
      <c r="CI34" s="327">
        <v>0</v>
      </c>
      <c r="CJ34" s="327">
        <v>0</v>
      </c>
      <c r="CK34" s="328">
        <v>367647</v>
      </c>
      <c r="CL34" s="330">
        <v>408767</v>
      </c>
      <c r="CM34" s="326">
        <v>0</v>
      </c>
      <c r="CN34" s="327">
        <v>0</v>
      </c>
      <c r="CO34" s="328">
        <v>0</v>
      </c>
      <c r="CP34" s="332">
        <v>0</v>
      </c>
      <c r="CQ34" s="327">
        <v>0</v>
      </c>
      <c r="CR34" s="327">
        <v>194224</v>
      </c>
      <c r="CS34" s="327">
        <v>71696</v>
      </c>
      <c r="CT34" s="327">
        <v>0</v>
      </c>
      <c r="CU34" s="327">
        <v>0</v>
      </c>
      <c r="CV34" s="328">
        <v>265920</v>
      </c>
      <c r="CW34" s="330">
        <v>265920</v>
      </c>
      <c r="CX34" s="326">
        <v>41120</v>
      </c>
      <c r="CY34" s="327">
        <v>0</v>
      </c>
      <c r="CZ34" s="328">
        <v>41120</v>
      </c>
      <c r="DA34" s="326">
        <v>0</v>
      </c>
      <c r="DB34" s="327">
        <v>0</v>
      </c>
      <c r="DC34" s="327">
        <v>0</v>
      </c>
      <c r="DD34" s="327">
        <v>101727</v>
      </c>
      <c r="DE34" s="327">
        <v>0</v>
      </c>
      <c r="DF34" s="327">
        <v>0</v>
      </c>
      <c r="DG34" s="328">
        <v>101727</v>
      </c>
      <c r="DH34" s="330">
        <v>142847</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78312</v>
      </c>
      <c r="FM34" s="327">
        <v>0</v>
      </c>
      <c r="FN34" s="328">
        <v>78312</v>
      </c>
      <c r="FO34" s="326">
        <v>0</v>
      </c>
      <c r="FP34" s="327">
        <v>0</v>
      </c>
      <c r="FQ34" s="327">
        <v>51504</v>
      </c>
      <c r="FR34" s="327">
        <v>33144</v>
      </c>
      <c r="FS34" s="327">
        <v>29200</v>
      </c>
      <c r="FT34" s="327">
        <v>64240</v>
      </c>
      <c r="FU34" s="328">
        <v>178088</v>
      </c>
      <c r="FV34" s="330">
        <v>256400</v>
      </c>
      <c r="FW34" s="333">
        <v>16080</v>
      </c>
      <c r="FX34" s="327">
        <v>0</v>
      </c>
      <c r="FY34" s="331">
        <v>16080</v>
      </c>
      <c r="FZ34" s="332">
        <v>0</v>
      </c>
      <c r="GA34" s="327">
        <v>0</v>
      </c>
      <c r="GB34" s="327">
        <v>51504</v>
      </c>
      <c r="GC34" s="327">
        <v>33144</v>
      </c>
      <c r="GD34" s="327">
        <v>29200</v>
      </c>
      <c r="GE34" s="327">
        <v>64240</v>
      </c>
      <c r="GF34" s="328">
        <v>178088</v>
      </c>
      <c r="GG34" s="334">
        <v>194168</v>
      </c>
      <c r="GH34" s="333">
        <v>62232</v>
      </c>
      <c r="GI34" s="327">
        <v>0</v>
      </c>
      <c r="GJ34" s="331">
        <v>62232</v>
      </c>
      <c r="GK34" s="332">
        <v>0</v>
      </c>
      <c r="GL34" s="327">
        <v>0</v>
      </c>
      <c r="GM34" s="327">
        <v>0</v>
      </c>
      <c r="GN34" s="327">
        <v>0</v>
      </c>
      <c r="GO34" s="327">
        <v>0</v>
      </c>
      <c r="GP34" s="327">
        <v>0</v>
      </c>
      <c r="GQ34" s="328">
        <v>0</v>
      </c>
      <c r="GR34" s="330">
        <v>62232</v>
      </c>
      <c r="GS34" s="326">
        <v>0</v>
      </c>
      <c r="GT34" s="327">
        <v>0</v>
      </c>
      <c r="GU34" s="328">
        <v>0</v>
      </c>
      <c r="GV34" s="326">
        <v>0</v>
      </c>
      <c r="GW34" s="327">
        <v>0</v>
      </c>
      <c r="GX34" s="327">
        <v>0</v>
      </c>
      <c r="GY34" s="327">
        <v>0</v>
      </c>
      <c r="GZ34" s="327">
        <v>0</v>
      </c>
      <c r="HA34" s="327">
        <v>0</v>
      </c>
      <c r="HB34" s="331">
        <v>0</v>
      </c>
      <c r="HC34" s="330">
        <v>0</v>
      </c>
      <c r="HD34" s="326">
        <v>52968</v>
      </c>
      <c r="HE34" s="327">
        <v>0</v>
      </c>
      <c r="HF34" s="331">
        <v>52968</v>
      </c>
      <c r="HG34" s="332">
        <v>0</v>
      </c>
      <c r="HH34" s="327">
        <v>464780</v>
      </c>
      <c r="HI34" s="327">
        <v>183586</v>
      </c>
      <c r="HJ34" s="327">
        <v>0</v>
      </c>
      <c r="HK34" s="327">
        <v>0</v>
      </c>
      <c r="HL34" s="327">
        <v>0</v>
      </c>
      <c r="HM34" s="328">
        <v>648366</v>
      </c>
      <c r="HN34" s="329">
        <v>701334</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36312</v>
      </c>
      <c r="IF34" s="358">
        <v>387184</v>
      </c>
      <c r="IG34" s="356">
        <v>273272</v>
      </c>
      <c r="IH34" s="358">
        <v>0</v>
      </c>
      <c r="II34" s="359">
        <v>796768</v>
      </c>
      <c r="IJ34" s="358">
        <v>796768</v>
      </c>
      <c r="IK34" s="342">
        <v>0</v>
      </c>
      <c r="IL34" s="343">
        <v>0</v>
      </c>
      <c r="IM34" s="344">
        <v>0</v>
      </c>
      <c r="IN34" s="404">
        <v>0</v>
      </c>
      <c r="IO34" s="345">
        <v>0</v>
      </c>
      <c r="IP34" s="345">
        <v>0</v>
      </c>
      <c r="IQ34" s="345">
        <v>134296</v>
      </c>
      <c r="IR34" s="345">
        <v>0</v>
      </c>
      <c r="IS34" s="345">
        <v>0</v>
      </c>
      <c r="IT34" s="346">
        <v>134296</v>
      </c>
      <c r="IU34" s="347">
        <v>134296</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36312</v>
      </c>
      <c r="JM34" s="345">
        <v>0</v>
      </c>
      <c r="JN34" s="345">
        <v>0</v>
      </c>
      <c r="JO34" s="345">
        <v>0</v>
      </c>
      <c r="JP34" s="349">
        <v>136312</v>
      </c>
      <c r="JQ34" s="347">
        <v>136312</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52888</v>
      </c>
      <c r="LQ34" s="345">
        <v>273272</v>
      </c>
      <c r="LR34" s="345">
        <v>0</v>
      </c>
      <c r="LS34" s="349">
        <v>526160</v>
      </c>
      <c r="LT34" s="347">
        <v>526160</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912441</v>
      </c>
      <c r="MO34" s="349">
        <v>912441</v>
      </c>
      <c r="MP34" s="354">
        <v>912441</v>
      </c>
      <c r="MQ34" s="348">
        <v>0</v>
      </c>
      <c r="MR34" s="345">
        <v>0</v>
      </c>
      <c r="MS34" s="349">
        <v>0</v>
      </c>
      <c r="MT34" s="404">
        <v>0</v>
      </c>
      <c r="MU34" s="345">
        <v>0</v>
      </c>
      <c r="MV34" s="345">
        <v>0</v>
      </c>
      <c r="MW34" s="345">
        <v>0</v>
      </c>
      <c r="MX34" s="345">
        <v>0</v>
      </c>
      <c r="MY34" s="345">
        <v>302764</v>
      </c>
      <c r="MZ34" s="349">
        <v>302764</v>
      </c>
      <c r="NA34" s="354">
        <v>302764</v>
      </c>
      <c r="NB34" s="348">
        <v>0</v>
      </c>
      <c r="NC34" s="345">
        <v>0</v>
      </c>
      <c r="ND34" s="349">
        <v>0</v>
      </c>
      <c r="NE34" s="404">
        <v>0</v>
      </c>
      <c r="NF34" s="345">
        <v>0</v>
      </c>
      <c r="NG34" s="345">
        <v>0</v>
      </c>
      <c r="NH34" s="345">
        <v>0</v>
      </c>
      <c r="NI34" s="345">
        <v>0</v>
      </c>
      <c r="NJ34" s="345">
        <v>609677</v>
      </c>
      <c r="NK34" s="349">
        <v>609677</v>
      </c>
      <c r="NL34" s="347">
        <v>609677</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182000</v>
      </c>
      <c r="OJ34" s="345">
        <v>0</v>
      </c>
      <c r="OK34" s="346">
        <v>182000</v>
      </c>
      <c r="OL34" s="351">
        <v>0</v>
      </c>
      <c r="OM34" s="345">
        <v>490828</v>
      </c>
      <c r="ON34" s="345">
        <v>764908</v>
      </c>
      <c r="OO34" s="345">
        <v>740615</v>
      </c>
      <c r="OP34" s="345">
        <v>516584</v>
      </c>
      <c r="OQ34" s="345">
        <v>1090952</v>
      </c>
      <c r="OR34" s="349">
        <v>3603887</v>
      </c>
      <c r="OS34" s="354">
        <v>3785887</v>
      </c>
    </row>
    <row r="35" spans="2:409" s="70" customFormat="1" ht="21" customHeight="1" x14ac:dyDescent="0.2">
      <c r="B35" s="410" t="s">
        <v>30</v>
      </c>
      <c r="C35" s="326">
        <v>57266</v>
      </c>
      <c r="D35" s="327">
        <v>100474</v>
      </c>
      <c r="E35" s="368">
        <v>157740</v>
      </c>
      <c r="F35" s="370">
        <v>0</v>
      </c>
      <c r="G35" s="369">
        <v>141096</v>
      </c>
      <c r="H35" s="369">
        <v>473082</v>
      </c>
      <c r="I35" s="369">
        <v>340288</v>
      </c>
      <c r="J35" s="369">
        <v>304176</v>
      </c>
      <c r="K35" s="369">
        <v>0</v>
      </c>
      <c r="L35" s="370">
        <v>1258642</v>
      </c>
      <c r="M35" s="330">
        <v>1416382</v>
      </c>
      <c r="N35" s="326">
        <v>0</v>
      </c>
      <c r="O35" s="327">
        <v>61312</v>
      </c>
      <c r="P35" s="328">
        <v>61312</v>
      </c>
      <c r="Q35" s="326">
        <v>0</v>
      </c>
      <c r="R35" s="327">
        <v>60484</v>
      </c>
      <c r="S35" s="327">
        <v>20968</v>
      </c>
      <c r="T35" s="327">
        <v>154300</v>
      </c>
      <c r="U35" s="327">
        <v>103432</v>
      </c>
      <c r="V35" s="327">
        <v>0</v>
      </c>
      <c r="W35" s="328">
        <v>339184</v>
      </c>
      <c r="X35" s="330">
        <v>400496</v>
      </c>
      <c r="Y35" s="326">
        <v>0</v>
      </c>
      <c r="Z35" s="327">
        <v>0</v>
      </c>
      <c r="AA35" s="328">
        <v>0</v>
      </c>
      <c r="AB35" s="326">
        <v>0</v>
      </c>
      <c r="AC35" s="327">
        <v>22812</v>
      </c>
      <c r="AD35" s="327">
        <v>0</v>
      </c>
      <c r="AE35" s="327">
        <v>51656</v>
      </c>
      <c r="AF35" s="327">
        <v>35224</v>
      </c>
      <c r="AG35" s="327">
        <v>0</v>
      </c>
      <c r="AH35" s="328">
        <v>109692</v>
      </c>
      <c r="AI35" s="330">
        <v>109692</v>
      </c>
      <c r="AJ35" s="326">
        <v>0</v>
      </c>
      <c r="AK35" s="327">
        <v>0</v>
      </c>
      <c r="AL35" s="328">
        <v>0</v>
      </c>
      <c r="AM35" s="326">
        <v>0</v>
      </c>
      <c r="AN35" s="327">
        <v>0</v>
      </c>
      <c r="AO35" s="327">
        <v>0</v>
      </c>
      <c r="AP35" s="327">
        <v>58964</v>
      </c>
      <c r="AQ35" s="327">
        <v>0</v>
      </c>
      <c r="AR35" s="327">
        <v>0</v>
      </c>
      <c r="AS35" s="328">
        <v>58964</v>
      </c>
      <c r="AT35" s="330">
        <v>58964</v>
      </c>
      <c r="AU35" s="326">
        <v>0</v>
      </c>
      <c r="AV35" s="327">
        <v>61312</v>
      </c>
      <c r="AW35" s="328">
        <v>61312</v>
      </c>
      <c r="AX35" s="326">
        <v>0</v>
      </c>
      <c r="AY35" s="327">
        <v>37672</v>
      </c>
      <c r="AZ35" s="327">
        <v>0</v>
      </c>
      <c r="BA35" s="327">
        <v>16608</v>
      </c>
      <c r="BB35" s="327">
        <v>35456</v>
      </c>
      <c r="BC35" s="327">
        <v>0</v>
      </c>
      <c r="BD35" s="328">
        <v>89736</v>
      </c>
      <c r="BE35" s="330">
        <v>151048</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0</v>
      </c>
      <c r="BV35" s="327">
        <v>20968</v>
      </c>
      <c r="BW35" s="327">
        <v>27072</v>
      </c>
      <c r="BX35" s="327">
        <v>32752</v>
      </c>
      <c r="BY35" s="327">
        <v>0</v>
      </c>
      <c r="BZ35" s="328">
        <v>80792</v>
      </c>
      <c r="CA35" s="330">
        <v>80792</v>
      </c>
      <c r="CB35" s="326">
        <v>41602</v>
      </c>
      <c r="CC35" s="327">
        <v>39162</v>
      </c>
      <c r="CD35" s="328">
        <v>80764</v>
      </c>
      <c r="CE35" s="326">
        <v>0</v>
      </c>
      <c r="CF35" s="327">
        <v>0</v>
      </c>
      <c r="CG35" s="327">
        <v>0</v>
      </c>
      <c r="CH35" s="327">
        <v>0</v>
      </c>
      <c r="CI35" s="327">
        <v>145096</v>
      </c>
      <c r="CJ35" s="327">
        <v>0</v>
      </c>
      <c r="CK35" s="328">
        <v>145096</v>
      </c>
      <c r="CL35" s="330">
        <v>225860</v>
      </c>
      <c r="CM35" s="326">
        <v>0</v>
      </c>
      <c r="CN35" s="327">
        <v>0</v>
      </c>
      <c r="CO35" s="328">
        <v>0</v>
      </c>
      <c r="CP35" s="332">
        <v>0</v>
      </c>
      <c r="CQ35" s="327">
        <v>0</v>
      </c>
      <c r="CR35" s="327">
        <v>0</v>
      </c>
      <c r="CS35" s="327">
        <v>0</v>
      </c>
      <c r="CT35" s="327">
        <v>145096</v>
      </c>
      <c r="CU35" s="327">
        <v>0</v>
      </c>
      <c r="CV35" s="328">
        <v>145096</v>
      </c>
      <c r="CW35" s="330">
        <v>145096</v>
      </c>
      <c r="CX35" s="326">
        <v>41602</v>
      </c>
      <c r="CY35" s="327">
        <v>39162</v>
      </c>
      <c r="CZ35" s="328">
        <v>80764</v>
      </c>
      <c r="DA35" s="326">
        <v>0</v>
      </c>
      <c r="DB35" s="327">
        <v>0</v>
      </c>
      <c r="DC35" s="327">
        <v>0</v>
      </c>
      <c r="DD35" s="327">
        <v>0</v>
      </c>
      <c r="DE35" s="327">
        <v>0</v>
      </c>
      <c r="DF35" s="327">
        <v>0</v>
      </c>
      <c r="DG35" s="328">
        <v>0</v>
      </c>
      <c r="DH35" s="330">
        <v>80764</v>
      </c>
      <c r="DI35" s="326">
        <v>0</v>
      </c>
      <c r="DJ35" s="327">
        <v>0</v>
      </c>
      <c r="DK35" s="331">
        <v>0</v>
      </c>
      <c r="DL35" s="332">
        <v>0</v>
      </c>
      <c r="DM35" s="327">
        <v>23552</v>
      </c>
      <c r="DN35" s="327">
        <v>98984</v>
      </c>
      <c r="DO35" s="327">
        <v>0</v>
      </c>
      <c r="DP35" s="327">
        <v>33792</v>
      </c>
      <c r="DQ35" s="327">
        <v>0</v>
      </c>
      <c r="DR35" s="328">
        <v>156328</v>
      </c>
      <c r="DS35" s="330">
        <v>156328</v>
      </c>
      <c r="DT35" s="326">
        <v>0</v>
      </c>
      <c r="DU35" s="327">
        <v>0</v>
      </c>
      <c r="DV35" s="328">
        <v>0</v>
      </c>
      <c r="DW35" s="326">
        <v>0</v>
      </c>
      <c r="DX35" s="327">
        <v>23552</v>
      </c>
      <c r="DY35" s="327">
        <v>98984</v>
      </c>
      <c r="DZ35" s="327">
        <v>0</v>
      </c>
      <c r="EA35" s="327">
        <v>33792</v>
      </c>
      <c r="EB35" s="327">
        <v>0</v>
      </c>
      <c r="EC35" s="328">
        <v>156328</v>
      </c>
      <c r="ED35" s="330">
        <v>156328</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15664</v>
      </c>
      <c r="FM35" s="327">
        <v>0</v>
      </c>
      <c r="FN35" s="328">
        <v>15664</v>
      </c>
      <c r="FO35" s="326">
        <v>0</v>
      </c>
      <c r="FP35" s="327">
        <v>1600</v>
      </c>
      <c r="FQ35" s="327">
        <v>0</v>
      </c>
      <c r="FR35" s="327">
        <v>38000</v>
      </c>
      <c r="FS35" s="327">
        <v>21856</v>
      </c>
      <c r="FT35" s="327">
        <v>0</v>
      </c>
      <c r="FU35" s="328">
        <v>61456</v>
      </c>
      <c r="FV35" s="330">
        <v>77120</v>
      </c>
      <c r="FW35" s="333">
        <v>15664</v>
      </c>
      <c r="FX35" s="327">
        <v>0</v>
      </c>
      <c r="FY35" s="331">
        <v>15664</v>
      </c>
      <c r="FZ35" s="332">
        <v>0</v>
      </c>
      <c r="GA35" s="327">
        <v>1600</v>
      </c>
      <c r="GB35" s="327">
        <v>0</v>
      </c>
      <c r="GC35" s="327">
        <v>38000</v>
      </c>
      <c r="GD35" s="327">
        <v>21856</v>
      </c>
      <c r="GE35" s="327">
        <v>0</v>
      </c>
      <c r="GF35" s="328">
        <v>61456</v>
      </c>
      <c r="GG35" s="334">
        <v>77120</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55460</v>
      </c>
      <c r="HI35" s="327">
        <v>353130</v>
      </c>
      <c r="HJ35" s="327">
        <v>147988</v>
      </c>
      <c r="HK35" s="327">
        <v>0</v>
      </c>
      <c r="HL35" s="327">
        <v>0</v>
      </c>
      <c r="HM35" s="328">
        <v>556578</v>
      </c>
      <c r="HN35" s="329">
        <v>556578</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62376</v>
      </c>
      <c r="IE35" s="339">
        <v>0</v>
      </c>
      <c r="IF35" s="337">
        <v>0</v>
      </c>
      <c r="IG35" s="336">
        <v>261688</v>
      </c>
      <c r="IH35" s="337">
        <v>0</v>
      </c>
      <c r="II35" s="340">
        <v>324064</v>
      </c>
      <c r="IJ35" s="341">
        <v>324064</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62376</v>
      </c>
      <c r="JL35" s="345">
        <v>0</v>
      </c>
      <c r="JM35" s="345">
        <v>0</v>
      </c>
      <c r="JN35" s="345">
        <v>0</v>
      </c>
      <c r="JO35" s="345">
        <v>0</v>
      </c>
      <c r="JP35" s="349">
        <v>62376</v>
      </c>
      <c r="JQ35" s="347">
        <v>62376</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261688</v>
      </c>
      <c r="KV35" s="345">
        <v>0</v>
      </c>
      <c r="KW35" s="349">
        <v>261688</v>
      </c>
      <c r="KX35" s="347">
        <v>261688</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222817</v>
      </c>
      <c r="MK35" s="345">
        <v>245809</v>
      </c>
      <c r="ML35" s="345">
        <v>250200</v>
      </c>
      <c r="MM35" s="345">
        <v>797690</v>
      </c>
      <c r="MN35" s="345">
        <v>266568</v>
      </c>
      <c r="MO35" s="349">
        <v>1783084</v>
      </c>
      <c r="MP35" s="354">
        <v>1783084</v>
      </c>
      <c r="MQ35" s="348">
        <v>0</v>
      </c>
      <c r="MR35" s="345">
        <v>0</v>
      </c>
      <c r="MS35" s="349">
        <v>0</v>
      </c>
      <c r="MT35" s="404">
        <v>0</v>
      </c>
      <c r="MU35" s="345">
        <v>0</v>
      </c>
      <c r="MV35" s="345">
        <v>0</v>
      </c>
      <c r="MW35" s="345">
        <v>250200</v>
      </c>
      <c r="MX35" s="345">
        <v>242272</v>
      </c>
      <c r="MY35" s="345">
        <v>266568</v>
      </c>
      <c r="MZ35" s="349">
        <v>759040</v>
      </c>
      <c r="NA35" s="354">
        <v>759040</v>
      </c>
      <c r="NB35" s="348">
        <v>0</v>
      </c>
      <c r="NC35" s="345">
        <v>0</v>
      </c>
      <c r="ND35" s="349">
        <v>0</v>
      </c>
      <c r="NE35" s="404">
        <v>0</v>
      </c>
      <c r="NF35" s="345">
        <v>222817</v>
      </c>
      <c r="NG35" s="345">
        <v>245809</v>
      </c>
      <c r="NH35" s="345">
        <v>0</v>
      </c>
      <c r="NI35" s="345">
        <v>541498</v>
      </c>
      <c r="NJ35" s="345">
        <v>0</v>
      </c>
      <c r="NK35" s="349">
        <v>1010124</v>
      </c>
      <c r="NL35" s="347">
        <v>1010124</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13920</v>
      </c>
      <c r="OF35" s="345">
        <v>0</v>
      </c>
      <c r="OG35" s="349">
        <v>13920</v>
      </c>
      <c r="OH35" s="350">
        <v>13920</v>
      </c>
      <c r="OI35" s="348">
        <v>57266</v>
      </c>
      <c r="OJ35" s="345">
        <v>100474</v>
      </c>
      <c r="OK35" s="346">
        <v>157740</v>
      </c>
      <c r="OL35" s="351">
        <v>0</v>
      </c>
      <c r="OM35" s="345">
        <v>426289</v>
      </c>
      <c r="ON35" s="345">
        <v>718891</v>
      </c>
      <c r="OO35" s="345">
        <v>590488</v>
      </c>
      <c r="OP35" s="345">
        <v>1363554</v>
      </c>
      <c r="OQ35" s="345">
        <v>266568</v>
      </c>
      <c r="OR35" s="349">
        <v>3365790</v>
      </c>
      <c r="OS35" s="354">
        <v>3523530</v>
      </c>
    </row>
    <row r="36" spans="2:409" s="70" customFormat="1" ht="21" customHeight="1" x14ac:dyDescent="0.2">
      <c r="B36" s="410" t="s">
        <v>31</v>
      </c>
      <c r="C36" s="326">
        <v>2400</v>
      </c>
      <c r="D36" s="327">
        <v>49232</v>
      </c>
      <c r="E36" s="328">
        <v>51632</v>
      </c>
      <c r="F36" s="329">
        <v>0</v>
      </c>
      <c r="G36" s="327">
        <v>188612</v>
      </c>
      <c r="H36" s="327">
        <v>263980</v>
      </c>
      <c r="I36" s="327">
        <v>710928</v>
      </c>
      <c r="J36" s="327">
        <v>205861</v>
      </c>
      <c r="K36" s="327">
        <v>16672</v>
      </c>
      <c r="L36" s="367">
        <v>1386053</v>
      </c>
      <c r="M36" s="330">
        <v>1437685</v>
      </c>
      <c r="N36" s="326">
        <v>0</v>
      </c>
      <c r="O36" s="327">
        <v>22832</v>
      </c>
      <c r="P36" s="328">
        <v>22832</v>
      </c>
      <c r="Q36" s="326">
        <v>0</v>
      </c>
      <c r="R36" s="327">
        <v>0</v>
      </c>
      <c r="S36" s="327">
        <v>68695</v>
      </c>
      <c r="T36" s="327">
        <v>516891</v>
      </c>
      <c r="U36" s="327">
        <v>60032</v>
      </c>
      <c r="V36" s="327">
        <v>16672</v>
      </c>
      <c r="W36" s="328">
        <v>662290</v>
      </c>
      <c r="X36" s="330">
        <v>685122</v>
      </c>
      <c r="Y36" s="326">
        <v>0</v>
      </c>
      <c r="Z36" s="327">
        <v>0</v>
      </c>
      <c r="AA36" s="328">
        <v>0</v>
      </c>
      <c r="AB36" s="326">
        <v>0</v>
      </c>
      <c r="AC36" s="327">
        <v>0</v>
      </c>
      <c r="AD36" s="327">
        <v>0</v>
      </c>
      <c r="AE36" s="327">
        <v>220006</v>
      </c>
      <c r="AF36" s="327">
        <v>0</v>
      </c>
      <c r="AG36" s="327">
        <v>0</v>
      </c>
      <c r="AH36" s="328">
        <v>220006</v>
      </c>
      <c r="AI36" s="330">
        <v>220006</v>
      </c>
      <c r="AJ36" s="326">
        <v>0</v>
      </c>
      <c r="AK36" s="327">
        <v>0</v>
      </c>
      <c r="AL36" s="328">
        <v>0</v>
      </c>
      <c r="AM36" s="326">
        <v>0</v>
      </c>
      <c r="AN36" s="327">
        <v>0</v>
      </c>
      <c r="AO36" s="327">
        <v>58319</v>
      </c>
      <c r="AP36" s="327">
        <v>104974</v>
      </c>
      <c r="AQ36" s="327">
        <v>0</v>
      </c>
      <c r="AR36" s="327">
        <v>0</v>
      </c>
      <c r="AS36" s="328">
        <v>163293</v>
      </c>
      <c r="AT36" s="330">
        <v>163293</v>
      </c>
      <c r="AU36" s="326">
        <v>0</v>
      </c>
      <c r="AV36" s="327">
        <v>22832</v>
      </c>
      <c r="AW36" s="328">
        <v>22832</v>
      </c>
      <c r="AX36" s="326">
        <v>0</v>
      </c>
      <c r="AY36" s="327">
        <v>0</v>
      </c>
      <c r="AZ36" s="327">
        <v>0</v>
      </c>
      <c r="BA36" s="327">
        <v>147912</v>
      </c>
      <c r="BB36" s="327">
        <v>34048</v>
      </c>
      <c r="BC36" s="327">
        <v>0</v>
      </c>
      <c r="BD36" s="328">
        <v>181960</v>
      </c>
      <c r="BE36" s="330">
        <v>204792</v>
      </c>
      <c r="BF36" s="326">
        <v>0</v>
      </c>
      <c r="BG36" s="327">
        <v>0</v>
      </c>
      <c r="BH36" s="331">
        <v>0</v>
      </c>
      <c r="BI36" s="332">
        <v>0</v>
      </c>
      <c r="BJ36" s="327">
        <v>0</v>
      </c>
      <c r="BK36" s="327">
        <v>0</v>
      </c>
      <c r="BL36" s="327">
        <v>43999</v>
      </c>
      <c r="BM36" s="327">
        <v>0</v>
      </c>
      <c r="BN36" s="327">
        <v>0</v>
      </c>
      <c r="BO36" s="328">
        <v>43999</v>
      </c>
      <c r="BP36" s="330">
        <v>43999</v>
      </c>
      <c r="BQ36" s="326">
        <v>0</v>
      </c>
      <c r="BR36" s="327">
        <v>0</v>
      </c>
      <c r="BS36" s="328">
        <v>0</v>
      </c>
      <c r="BT36" s="326">
        <v>0</v>
      </c>
      <c r="BU36" s="327">
        <v>0</v>
      </c>
      <c r="BV36" s="327">
        <v>10376</v>
      </c>
      <c r="BW36" s="327">
        <v>0</v>
      </c>
      <c r="BX36" s="327">
        <v>25984</v>
      </c>
      <c r="BY36" s="327">
        <v>16672</v>
      </c>
      <c r="BZ36" s="328">
        <v>53032</v>
      </c>
      <c r="CA36" s="330">
        <v>53032</v>
      </c>
      <c r="CB36" s="326">
        <v>0</v>
      </c>
      <c r="CC36" s="327">
        <v>0</v>
      </c>
      <c r="CD36" s="328">
        <v>0</v>
      </c>
      <c r="CE36" s="326">
        <v>0</v>
      </c>
      <c r="CF36" s="327">
        <v>175412</v>
      </c>
      <c r="CG36" s="327">
        <v>157325</v>
      </c>
      <c r="CH36" s="327">
        <v>111413</v>
      </c>
      <c r="CI36" s="327">
        <v>56548</v>
      </c>
      <c r="CJ36" s="327">
        <v>0</v>
      </c>
      <c r="CK36" s="328">
        <v>500698</v>
      </c>
      <c r="CL36" s="330">
        <v>500698</v>
      </c>
      <c r="CM36" s="326">
        <v>0</v>
      </c>
      <c r="CN36" s="327">
        <v>0</v>
      </c>
      <c r="CO36" s="328">
        <v>0</v>
      </c>
      <c r="CP36" s="332">
        <v>0</v>
      </c>
      <c r="CQ36" s="327">
        <v>127712</v>
      </c>
      <c r="CR36" s="327">
        <v>0</v>
      </c>
      <c r="CS36" s="327">
        <v>0</v>
      </c>
      <c r="CT36" s="327">
        <v>56548</v>
      </c>
      <c r="CU36" s="327">
        <v>0</v>
      </c>
      <c r="CV36" s="328">
        <v>184260</v>
      </c>
      <c r="CW36" s="330">
        <v>184260</v>
      </c>
      <c r="CX36" s="326">
        <v>0</v>
      </c>
      <c r="CY36" s="327">
        <v>0</v>
      </c>
      <c r="CZ36" s="328">
        <v>0</v>
      </c>
      <c r="DA36" s="326">
        <v>0</v>
      </c>
      <c r="DB36" s="327">
        <v>47700</v>
      </c>
      <c r="DC36" s="327">
        <v>157325</v>
      </c>
      <c r="DD36" s="327">
        <v>111413</v>
      </c>
      <c r="DE36" s="327">
        <v>0</v>
      </c>
      <c r="DF36" s="327">
        <v>0</v>
      </c>
      <c r="DG36" s="328">
        <v>316438</v>
      </c>
      <c r="DH36" s="330">
        <v>316438</v>
      </c>
      <c r="DI36" s="326">
        <v>0</v>
      </c>
      <c r="DJ36" s="327">
        <v>0</v>
      </c>
      <c r="DK36" s="331">
        <v>0</v>
      </c>
      <c r="DL36" s="332">
        <v>0</v>
      </c>
      <c r="DM36" s="327">
        <v>0</v>
      </c>
      <c r="DN36" s="327">
        <v>0</v>
      </c>
      <c r="DO36" s="327">
        <v>0</v>
      </c>
      <c r="DP36" s="327">
        <v>27201</v>
      </c>
      <c r="DQ36" s="327">
        <v>0</v>
      </c>
      <c r="DR36" s="328">
        <v>27201</v>
      </c>
      <c r="DS36" s="330">
        <v>27201</v>
      </c>
      <c r="DT36" s="326">
        <v>0</v>
      </c>
      <c r="DU36" s="327">
        <v>0</v>
      </c>
      <c r="DV36" s="328">
        <v>0</v>
      </c>
      <c r="DW36" s="326">
        <v>0</v>
      </c>
      <c r="DX36" s="327">
        <v>0</v>
      </c>
      <c r="DY36" s="327">
        <v>0</v>
      </c>
      <c r="DZ36" s="327">
        <v>0</v>
      </c>
      <c r="EA36" s="327">
        <v>27201</v>
      </c>
      <c r="EB36" s="327">
        <v>0</v>
      </c>
      <c r="EC36" s="328">
        <v>27201</v>
      </c>
      <c r="ED36" s="330">
        <v>27201</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2400</v>
      </c>
      <c r="FM36" s="327">
        <v>26400</v>
      </c>
      <c r="FN36" s="328">
        <v>28800</v>
      </c>
      <c r="FO36" s="326">
        <v>0</v>
      </c>
      <c r="FP36" s="327">
        <v>13200</v>
      </c>
      <c r="FQ36" s="327">
        <v>37960</v>
      </c>
      <c r="FR36" s="327">
        <v>82624</v>
      </c>
      <c r="FS36" s="327">
        <v>62080</v>
      </c>
      <c r="FT36" s="327">
        <v>0</v>
      </c>
      <c r="FU36" s="328">
        <v>195864</v>
      </c>
      <c r="FV36" s="330">
        <v>224664</v>
      </c>
      <c r="FW36" s="333">
        <v>2400</v>
      </c>
      <c r="FX36" s="327">
        <v>26400</v>
      </c>
      <c r="FY36" s="331">
        <v>28800</v>
      </c>
      <c r="FZ36" s="332">
        <v>0</v>
      </c>
      <c r="GA36" s="327">
        <v>13200</v>
      </c>
      <c r="GB36" s="327">
        <v>37960</v>
      </c>
      <c r="GC36" s="327">
        <v>82624</v>
      </c>
      <c r="GD36" s="327">
        <v>34800</v>
      </c>
      <c r="GE36" s="327">
        <v>0</v>
      </c>
      <c r="GF36" s="328">
        <v>168584</v>
      </c>
      <c r="GG36" s="334">
        <v>197384</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27280</v>
      </c>
      <c r="HA36" s="327">
        <v>0</v>
      </c>
      <c r="HB36" s="331">
        <v>27280</v>
      </c>
      <c r="HC36" s="330">
        <v>2728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38376</v>
      </c>
      <c r="IE36" s="357">
        <v>256670</v>
      </c>
      <c r="IF36" s="358">
        <v>0</v>
      </c>
      <c r="IG36" s="356">
        <v>880250</v>
      </c>
      <c r="IH36" s="358">
        <v>254376</v>
      </c>
      <c r="II36" s="359">
        <v>1529672</v>
      </c>
      <c r="IJ36" s="358">
        <v>1529672</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13765</v>
      </c>
      <c r="JM36" s="345">
        <v>0</v>
      </c>
      <c r="JN36" s="345">
        <v>0</v>
      </c>
      <c r="JO36" s="345">
        <v>0</v>
      </c>
      <c r="JP36" s="349">
        <v>13765</v>
      </c>
      <c r="JQ36" s="347">
        <v>13765</v>
      </c>
      <c r="JR36" s="348">
        <v>0</v>
      </c>
      <c r="JS36" s="345">
        <v>0</v>
      </c>
      <c r="JT36" s="346">
        <v>0</v>
      </c>
      <c r="JU36" s="351">
        <v>0</v>
      </c>
      <c r="JV36" s="345">
        <v>0</v>
      </c>
      <c r="JW36" s="345">
        <v>0</v>
      </c>
      <c r="JX36" s="345">
        <v>0</v>
      </c>
      <c r="JY36" s="345">
        <v>185114</v>
      </c>
      <c r="JZ36" s="345">
        <v>0</v>
      </c>
      <c r="KA36" s="349">
        <v>185114</v>
      </c>
      <c r="KB36" s="347">
        <v>185114</v>
      </c>
      <c r="KC36" s="352">
        <v>0</v>
      </c>
      <c r="KD36" s="353">
        <v>0</v>
      </c>
      <c r="KE36" s="349">
        <v>0</v>
      </c>
      <c r="KF36" s="351">
        <v>0</v>
      </c>
      <c r="KG36" s="345">
        <v>138376</v>
      </c>
      <c r="KH36" s="345">
        <v>0</v>
      </c>
      <c r="KI36" s="345">
        <v>0</v>
      </c>
      <c r="KJ36" s="345">
        <v>0</v>
      </c>
      <c r="KK36" s="345">
        <v>0</v>
      </c>
      <c r="KL36" s="349">
        <v>138376</v>
      </c>
      <c r="KM36" s="354">
        <v>138376</v>
      </c>
      <c r="KN36" s="342">
        <v>0</v>
      </c>
      <c r="KO36" s="343">
        <v>0</v>
      </c>
      <c r="KP36" s="344">
        <v>0</v>
      </c>
      <c r="KQ36" s="404">
        <v>0</v>
      </c>
      <c r="KR36" s="345">
        <v>0</v>
      </c>
      <c r="KS36" s="345">
        <v>242905</v>
      </c>
      <c r="KT36" s="345">
        <v>0</v>
      </c>
      <c r="KU36" s="345">
        <v>237952</v>
      </c>
      <c r="KV36" s="345">
        <v>254376</v>
      </c>
      <c r="KW36" s="349">
        <v>735233</v>
      </c>
      <c r="KX36" s="347">
        <v>735233</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457184</v>
      </c>
      <c r="LR36" s="345">
        <v>0</v>
      </c>
      <c r="LS36" s="349">
        <v>457184</v>
      </c>
      <c r="LT36" s="347">
        <v>457184</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294054</v>
      </c>
      <c r="MK36" s="345">
        <v>0</v>
      </c>
      <c r="ML36" s="345">
        <v>462593</v>
      </c>
      <c r="MM36" s="345">
        <v>278711</v>
      </c>
      <c r="MN36" s="345">
        <v>0</v>
      </c>
      <c r="MO36" s="349">
        <v>1035358</v>
      </c>
      <c r="MP36" s="354">
        <v>1035358</v>
      </c>
      <c r="MQ36" s="348">
        <v>0</v>
      </c>
      <c r="MR36" s="345">
        <v>0</v>
      </c>
      <c r="MS36" s="349">
        <v>0</v>
      </c>
      <c r="MT36" s="404">
        <v>0</v>
      </c>
      <c r="MU36" s="345">
        <v>0</v>
      </c>
      <c r="MV36" s="345">
        <v>0</v>
      </c>
      <c r="MW36" s="345">
        <v>462593</v>
      </c>
      <c r="MX36" s="345">
        <v>278711</v>
      </c>
      <c r="MY36" s="345">
        <v>0</v>
      </c>
      <c r="MZ36" s="349">
        <v>741304</v>
      </c>
      <c r="NA36" s="354">
        <v>741304</v>
      </c>
      <c r="NB36" s="348">
        <v>0</v>
      </c>
      <c r="NC36" s="345">
        <v>0</v>
      </c>
      <c r="ND36" s="349">
        <v>0</v>
      </c>
      <c r="NE36" s="404">
        <v>0</v>
      </c>
      <c r="NF36" s="345">
        <v>294054</v>
      </c>
      <c r="NG36" s="345">
        <v>0</v>
      </c>
      <c r="NH36" s="345">
        <v>0</v>
      </c>
      <c r="NI36" s="345">
        <v>0</v>
      </c>
      <c r="NJ36" s="345">
        <v>0</v>
      </c>
      <c r="NK36" s="349">
        <v>294054</v>
      </c>
      <c r="NL36" s="347">
        <v>294054</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2400</v>
      </c>
      <c r="OJ36" s="345">
        <v>49232</v>
      </c>
      <c r="OK36" s="346">
        <v>51632</v>
      </c>
      <c r="OL36" s="351">
        <v>0</v>
      </c>
      <c r="OM36" s="345">
        <v>621042</v>
      </c>
      <c r="ON36" s="345">
        <v>520650</v>
      </c>
      <c r="OO36" s="345">
        <v>1173521</v>
      </c>
      <c r="OP36" s="345">
        <v>1364822</v>
      </c>
      <c r="OQ36" s="345">
        <v>271048</v>
      </c>
      <c r="OR36" s="349">
        <v>3951083</v>
      </c>
      <c r="OS36" s="354">
        <v>4002715</v>
      </c>
    </row>
    <row r="37" spans="2:409" s="70" customFormat="1" ht="21" customHeight="1" x14ac:dyDescent="0.2">
      <c r="B37" s="410" t="s">
        <v>32</v>
      </c>
      <c r="C37" s="326">
        <v>2400</v>
      </c>
      <c r="D37" s="327">
        <v>14400</v>
      </c>
      <c r="E37" s="368">
        <v>16800</v>
      </c>
      <c r="F37" s="370">
        <v>0</v>
      </c>
      <c r="G37" s="369">
        <v>550935</v>
      </c>
      <c r="H37" s="369">
        <v>1255612</v>
      </c>
      <c r="I37" s="369">
        <v>228544</v>
      </c>
      <c r="J37" s="369">
        <v>688390</v>
      </c>
      <c r="K37" s="369">
        <v>497210</v>
      </c>
      <c r="L37" s="370">
        <v>3220691</v>
      </c>
      <c r="M37" s="330">
        <v>3237491</v>
      </c>
      <c r="N37" s="326">
        <v>0</v>
      </c>
      <c r="O37" s="327">
        <v>0</v>
      </c>
      <c r="P37" s="328">
        <v>0</v>
      </c>
      <c r="Q37" s="326">
        <v>0</v>
      </c>
      <c r="R37" s="327">
        <v>205728</v>
      </c>
      <c r="S37" s="327">
        <v>417301</v>
      </c>
      <c r="T37" s="327">
        <v>21696</v>
      </c>
      <c r="U37" s="327">
        <v>244029</v>
      </c>
      <c r="V37" s="327">
        <v>246162</v>
      </c>
      <c r="W37" s="328">
        <v>1134916</v>
      </c>
      <c r="X37" s="330">
        <v>1134916</v>
      </c>
      <c r="Y37" s="326">
        <v>0</v>
      </c>
      <c r="Z37" s="327">
        <v>0</v>
      </c>
      <c r="AA37" s="328">
        <v>0</v>
      </c>
      <c r="AB37" s="326">
        <v>0</v>
      </c>
      <c r="AC37" s="327">
        <v>126096</v>
      </c>
      <c r="AD37" s="327">
        <v>228063</v>
      </c>
      <c r="AE37" s="327">
        <v>0</v>
      </c>
      <c r="AF37" s="327">
        <v>222285</v>
      </c>
      <c r="AG37" s="327">
        <v>173120</v>
      </c>
      <c r="AH37" s="328">
        <v>749564</v>
      </c>
      <c r="AI37" s="330">
        <v>749564</v>
      </c>
      <c r="AJ37" s="326">
        <v>0</v>
      </c>
      <c r="AK37" s="327">
        <v>0</v>
      </c>
      <c r="AL37" s="328">
        <v>0</v>
      </c>
      <c r="AM37" s="326">
        <v>0</v>
      </c>
      <c r="AN37" s="327">
        <v>0</v>
      </c>
      <c r="AO37" s="327">
        <v>0</v>
      </c>
      <c r="AP37" s="327">
        <v>0</v>
      </c>
      <c r="AQ37" s="327">
        <v>0</v>
      </c>
      <c r="AR37" s="327">
        <v>46994</v>
      </c>
      <c r="AS37" s="328">
        <v>46994</v>
      </c>
      <c r="AT37" s="330">
        <v>46994</v>
      </c>
      <c r="AU37" s="326">
        <v>0</v>
      </c>
      <c r="AV37" s="327">
        <v>0</v>
      </c>
      <c r="AW37" s="328">
        <v>0</v>
      </c>
      <c r="AX37" s="326">
        <v>0</v>
      </c>
      <c r="AY37" s="327">
        <v>79632</v>
      </c>
      <c r="AZ37" s="327">
        <v>146705</v>
      </c>
      <c r="BA37" s="327">
        <v>0</v>
      </c>
      <c r="BB37" s="327">
        <v>0</v>
      </c>
      <c r="BC37" s="327">
        <v>0</v>
      </c>
      <c r="BD37" s="328">
        <v>226337</v>
      </c>
      <c r="BE37" s="330">
        <v>226337</v>
      </c>
      <c r="BF37" s="326">
        <v>0</v>
      </c>
      <c r="BG37" s="327">
        <v>0</v>
      </c>
      <c r="BH37" s="331">
        <v>0</v>
      </c>
      <c r="BI37" s="332">
        <v>0</v>
      </c>
      <c r="BJ37" s="327">
        <v>0</v>
      </c>
      <c r="BK37" s="327">
        <v>23333</v>
      </c>
      <c r="BL37" s="327">
        <v>0</v>
      </c>
      <c r="BM37" s="327">
        <v>0</v>
      </c>
      <c r="BN37" s="327">
        <v>0</v>
      </c>
      <c r="BO37" s="328">
        <v>23333</v>
      </c>
      <c r="BP37" s="330">
        <v>23333</v>
      </c>
      <c r="BQ37" s="326">
        <v>0</v>
      </c>
      <c r="BR37" s="327">
        <v>0</v>
      </c>
      <c r="BS37" s="328">
        <v>0</v>
      </c>
      <c r="BT37" s="326">
        <v>0</v>
      </c>
      <c r="BU37" s="327">
        <v>0</v>
      </c>
      <c r="BV37" s="327">
        <v>19200</v>
      </c>
      <c r="BW37" s="327">
        <v>21696</v>
      </c>
      <c r="BX37" s="327">
        <v>21744</v>
      </c>
      <c r="BY37" s="327">
        <v>26048</v>
      </c>
      <c r="BZ37" s="328">
        <v>88688</v>
      </c>
      <c r="CA37" s="330">
        <v>88688</v>
      </c>
      <c r="CB37" s="326">
        <v>0</v>
      </c>
      <c r="CC37" s="327">
        <v>0</v>
      </c>
      <c r="CD37" s="328">
        <v>0</v>
      </c>
      <c r="CE37" s="326">
        <v>0</v>
      </c>
      <c r="CF37" s="327">
        <v>124535</v>
      </c>
      <c r="CG37" s="327">
        <v>352207</v>
      </c>
      <c r="CH37" s="327">
        <v>196248</v>
      </c>
      <c r="CI37" s="327">
        <v>0</v>
      </c>
      <c r="CJ37" s="327">
        <v>0</v>
      </c>
      <c r="CK37" s="328">
        <v>672990</v>
      </c>
      <c r="CL37" s="330">
        <v>672990</v>
      </c>
      <c r="CM37" s="326">
        <v>0</v>
      </c>
      <c r="CN37" s="327">
        <v>0</v>
      </c>
      <c r="CO37" s="328">
        <v>0</v>
      </c>
      <c r="CP37" s="332">
        <v>0</v>
      </c>
      <c r="CQ37" s="327">
        <v>124535</v>
      </c>
      <c r="CR37" s="327">
        <v>251696</v>
      </c>
      <c r="CS37" s="327">
        <v>196248</v>
      </c>
      <c r="CT37" s="327">
        <v>0</v>
      </c>
      <c r="CU37" s="327">
        <v>0</v>
      </c>
      <c r="CV37" s="328">
        <v>572479</v>
      </c>
      <c r="CW37" s="330">
        <v>572479</v>
      </c>
      <c r="CX37" s="326">
        <v>0</v>
      </c>
      <c r="CY37" s="327">
        <v>0</v>
      </c>
      <c r="CZ37" s="328">
        <v>0</v>
      </c>
      <c r="DA37" s="326">
        <v>0</v>
      </c>
      <c r="DB37" s="327">
        <v>0</v>
      </c>
      <c r="DC37" s="327">
        <v>100511</v>
      </c>
      <c r="DD37" s="327">
        <v>0</v>
      </c>
      <c r="DE37" s="327">
        <v>0</v>
      </c>
      <c r="DF37" s="327">
        <v>0</v>
      </c>
      <c r="DG37" s="328">
        <v>100511</v>
      </c>
      <c r="DH37" s="330">
        <v>100511</v>
      </c>
      <c r="DI37" s="326">
        <v>0</v>
      </c>
      <c r="DJ37" s="327">
        <v>0</v>
      </c>
      <c r="DK37" s="331">
        <v>0</v>
      </c>
      <c r="DL37" s="332">
        <v>0</v>
      </c>
      <c r="DM37" s="327">
        <v>0</v>
      </c>
      <c r="DN37" s="327">
        <v>51720</v>
      </c>
      <c r="DO37" s="327">
        <v>0</v>
      </c>
      <c r="DP37" s="327">
        <v>0</v>
      </c>
      <c r="DQ37" s="327">
        <v>0</v>
      </c>
      <c r="DR37" s="328">
        <v>51720</v>
      </c>
      <c r="DS37" s="330">
        <v>51720</v>
      </c>
      <c r="DT37" s="326">
        <v>0</v>
      </c>
      <c r="DU37" s="327">
        <v>0</v>
      </c>
      <c r="DV37" s="328">
        <v>0</v>
      </c>
      <c r="DW37" s="326">
        <v>0</v>
      </c>
      <c r="DX37" s="327">
        <v>0</v>
      </c>
      <c r="DY37" s="327">
        <v>51720</v>
      </c>
      <c r="DZ37" s="327">
        <v>0</v>
      </c>
      <c r="EA37" s="327">
        <v>0</v>
      </c>
      <c r="EB37" s="327">
        <v>0</v>
      </c>
      <c r="EC37" s="328">
        <v>51720</v>
      </c>
      <c r="ED37" s="330">
        <v>51720</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2400</v>
      </c>
      <c r="FM37" s="327">
        <v>14400</v>
      </c>
      <c r="FN37" s="328">
        <v>16800</v>
      </c>
      <c r="FO37" s="326">
        <v>0</v>
      </c>
      <c r="FP37" s="327">
        <v>66240</v>
      </c>
      <c r="FQ37" s="327">
        <v>94912</v>
      </c>
      <c r="FR37" s="327">
        <v>10600</v>
      </c>
      <c r="FS37" s="327">
        <v>4000</v>
      </c>
      <c r="FT37" s="327">
        <v>22080</v>
      </c>
      <c r="FU37" s="328">
        <v>197832</v>
      </c>
      <c r="FV37" s="330">
        <v>214632</v>
      </c>
      <c r="FW37" s="333">
        <v>2400</v>
      </c>
      <c r="FX37" s="327">
        <v>14400</v>
      </c>
      <c r="FY37" s="331">
        <v>16800</v>
      </c>
      <c r="FZ37" s="332">
        <v>0</v>
      </c>
      <c r="GA37" s="327">
        <v>32800</v>
      </c>
      <c r="GB37" s="327">
        <v>94912</v>
      </c>
      <c r="GC37" s="327">
        <v>10600</v>
      </c>
      <c r="GD37" s="327">
        <v>4000</v>
      </c>
      <c r="GE37" s="327">
        <v>22080</v>
      </c>
      <c r="GF37" s="328">
        <v>164392</v>
      </c>
      <c r="GG37" s="334">
        <v>181192</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33440</v>
      </c>
      <c r="GX37" s="327">
        <v>0</v>
      </c>
      <c r="GY37" s="327">
        <v>0</v>
      </c>
      <c r="GZ37" s="327">
        <v>0</v>
      </c>
      <c r="HA37" s="327">
        <v>0</v>
      </c>
      <c r="HB37" s="331">
        <v>33440</v>
      </c>
      <c r="HC37" s="330">
        <v>33440</v>
      </c>
      <c r="HD37" s="326">
        <v>0</v>
      </c>
      <c r="HE37" s="327">
        <v>0</v>
      </c>
      <c r="HF37" s="331">
        <v>0</v>
      </c>
      <c r="HG37" s="332">
        <v>0</v>
      </c>
      <c r="HH37" s="327">
        <v>154432</v>
      </c>
      <c r="HI37" s="327">
        <v>339472</v>
      </c>
      <c r="HJ37" s="327">
        <v>0</v>
      </c>
      <c r="HK37" s="327">
        <v>440361</v>
      </c>
      <c r="HL37" s="327">
        <v>228968</v>
      </c>
      <c r="HM37" s="328">
        <v>1163233</v>
      </c>
      <c r="HN37" s="329">
        <v>1163233</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15608</v>
      </c>
      <c r="IE37" s="339">
        <v>195837</v>
      </c>
      <c r="IF37" s="337">
        <v>455904</v>
      </c>
      <c r="IG37" s="336">
        <v>232336</v>
      </c>
      <c r="IH37" s="337">
        <v>42268</v>
      </c>
      <c r="II37" s="340">
        <v>1041953</v>
      </c>
      <c r="IJ37" s="341">
        <v>1041953</v>
      </c>
      <c r="IK37" s="342">
        <v>0</v>
      </c>
      <c r="IL37" s="343">
        <v>0</v>
      </c>
      <c r="IM37" s="344">
        <v>0</v>
      </c>
      <c r="IN37" s="404">
        <v>0</v>
      </c>
      <c r="IO37" s="345">
        <v>0</v>
      </c>
      <c r="IP37" s="345">
        <v>0</v>
      </c>
      <c r="IQ37" s="345">
        <v>0</v>
      </c>
      <c r="IR37" s="345">
        <v>0</v>
      </c>
      <c r="IS37" s="345">
        <v>0</v>
      </c>
      <c r="IT37" s="346">
        <v>0</v>
      </c>
      <c r="IU37" s="347">
        <v>0</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15608</v>
      </c>
      <c r="JL37" s="345">
        <v>179517</v>
      </c>
      <c r="JM37" s="345">
        <v>0</v>
      </c>
      <c r="JN37" s="345">
        <v>0</v>
      </c>
      <c r="JO37" s="345">
        <v>42268</v>
      </c>
      <c r="JP37" s="349">
        <v>337393</v>
      </c>
      <c r="JQ37" s="347">
        <v>337393</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16320</v>
      </c>
      <c r="KT37" s="345">
        <v>243600</v>
      </c>
      <c r="KU37" s="345">
        <v>0</v>
      </c>
      <c r="KV37" s="345">
        <v>0</v>
      </c>
      <c r="KW37" s="349">
        <v>259920</v>
      </c>
      <c r="KX37" s="347">
        <v>25992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212304</v>
      </c>
      <c r="LQ37" s="345">
        <v>232336</v>
      </c>
      <c r="LR37" s="345">
        <v>0</v>
      </c>
      <c r="LS37" s="349">
        <v>444640</v>
      </c>
      <c r="LT37" s="347">
        <v>44464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1459474</v>
      </c>
      <c r="MN37" s="345">
        <v>621498</v>
      </c>
      <c r="MO37" s="349">
        <v>2080972</v>
      </c>
      <c r="MP37" s="354">
        <v>2080972</v>
      </c>
      <c r="MQ37" s="348">
        <v>0</v>
      </c>
      <c r="MR37" s="345">
        <v>0</v>
      </c>
      <c r="MS37" s="349">
        <v>0</v>
      </c>
      <c r="MT37" s="404">
        <v>0</v>
      </c>
      <c r="MU37" s="345">
        <v>0</v>
      </c>
      <c r="MV37" s="345">
        <v>0</v>
      </c>
      <c r="MW37" s="345">
        <v>0</v>
      </c>
      <c r="MX37" s="345">
        <v>781881</v>
      </c>
      <c r="MY37" s="345">
        <v>304362</v>
      </c>
      <c r="MZ37" s="349">
        <v>1086243</v>
      </c>
      <c r="NA37" s="354">
        <v>1086243</v>
      </c>
      <c r="NB37" s="348">
        <v>0</v>
      </c>
      <c r="NC37" s="345">
        <v>0</v>
      </c>
      <c r="ND37" s="349">
        <v>0</v>
      </c>
      <c r="NE37" s="404">
        <v>0</v>
      </c>
      <c r="NF37" s="345">
        <v>0</v>
      </c>
      <c r="NG37" s="345">
        <v>0</v>
      </c>
      <c r="NH37" s="345">
        <v>0</v>
      </c>
      <c r="NI37" s="345">
        <v>677593</v>
      </c>
      <c r="NJ37" s="345">
        <v>317136</v>
      </c>
      <c r="NK37" s="349">
        <v>994729</v>
      </c>
      <c r="NL37" s="347">
        <v>994729</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2400</v>
      </c>
      <c r="OJ37" s="345">
        <v>14400</v>
      </c>
      <c r="OK37" s="346">
        <v>16800</v>
      </c>
      <c r="OL37" s="351">
        <v>0</v>
      </c>
      <c r="OM37" s="345">
        <v>666543</v>
      </c>
      <c r="ON37" s="345">
        <v>1451449</v>
      </c>
      <c r="OO37" s="345">
        <v>684448</v>
      </c>
      <c r="OP37" s="345">
        <v>2380200</v>
      </c>
      <c r="OQ37" s="345">
        <v>1160976</v>
      </c>
      <c r="OR37" s="349">
        <v>6343616</v>
      </c>
      <c r="OS37" s="354">
        <v>6360416</v>
      </c>
    </row>
    <row r="38" spans="2:409" s="70" customFormat="1" ht="21" customHeight="1" x14ac:dyDescent="0.2">
      <c r="B38" s="410" t="s">
        <v>33</v>
      </c>
      <c r="C38" s="326">
        <v>63244</v>
      </c>
      <c r="D38" s="327">
        <v>69749</v>
      </c>
      <c r="E38" s="328">
        <v>132993</v>
      </c>
      <c r="F38" s="329">
        <v>0</v>
      </c>
      <c r="G38" s="327">
        <v>243133</v>
      </c>
      <c r="H38" s="327">
        <v>45576</v>
      </c>
      <c r="I38" s="327">
        <v>340805</v>
      </c>
      <c r="J38" s="327">
        <v>0</v>
      </c>
      <c r="K38" s="327">
        <v>267792</v>
      </c>
      <c r="L38" s="367">
        <v>897306</v>
      </c>
      <c r="M38" s="330">
        <v>1030299</v>
      </c>
      <c r="N38" s="326">
        <v>60628</v>
      </c>
      <c r="O38" s="327">
        <v>30070</v>
      </c>
      <c r="P38" s="328">
        <v>90698</v>
      </c>
      <c r="Q38" s="326">
        <v>0</v>
      </c>
      <c r="R38" s="327">
        <v>181101</v>
      </c>
      <c r="S38" s="327">
        <v>20391</v>
      </c>
      <c r="T38" s="327">
        <v>171719</v>
      </c>
      <c r="U38" s="327">
        <v>0</v>
      </c>
      <c r="V38" s="327">
        <v>6912</v>
      </c>
      <c r="W38" s="328">
        <v>380123</v>
      </c>
      <c r="X38" s="330">
        <v>470821</v>
      </c>
      <c r="Y38" s="326">
        <v>0</v>
      </c>
      <c r="Z38" s="327">
        <v>0</v>
      </c>
      <c r="AA38" s="328">
        <v>0</v>
      </c>
      <c r="AB38" s="326">
        <v>0</v>
      </c>
      <c r="AC38" s="327">
        <v>30923</v>
      </c>
      <c r="AD38" s="327">
        <v>0</v>
      </c>
      <c r="AE38" s="327">
        <v>35301</v>
      </c>
      <c r="AF38" s="327">
        <v>0</v>
      </c>
      <c r="AG38" s="327">
        <v>6912</v>
      </c>
      <c r="AH38" s="328">
        <v>73136</v>
      </c>
      <c r="AI38" s="330">
        <v>73136</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80933</v>
      </c>
      <c r="AZ38" s="327">
        <v>4023</v>
      </c>
      <c r="BA38" s="327">
        <v>23883</v>
      </c>
      <c r="BB38" s="327">
        <v>0</v>
      </c>
      <c r="BC38" s="327">
        <v>0</v>
      </c>
      <c r="BD38" s="328">
        <v>108839</v>
      </c>
      <c r="BE38" s="330">
        <v>108839</v>
      </c>
      <c r="BF38" s="326">
        <v>60628</v>
      </c>
      <c r="BG38" s="327">
        <v>30070</v>
      </c>
      <c r="BH38" s="331">
        <v>90698</v>
      </c>
      <c r="BI38" s="332">
        <v>0</v>
      </c>
      <c r="BJ38" s="327">
        <v>53477</v>
      </c>
      <c r="BK38" s="327">
        <v>11568</v>
      </c>
      <c r="BL38" s="327">
        <v>91895</v>
      </c>
      <c r="BM38" s="327">
        <v>0</v>
      </c>
      <c r="BN38" s="327">
        <v>0</v>
      </c>
      <c r="BO38" s="328">
        <v>156940</v>
      </c>
      <c r="BP38" s="330">
        <v>247638</v>
      </c>
      <c r="BQ38" s="326">
        <v>0</v>
      </c>
      <c r="BR38" s="327">
        <v>0</v>
      </c>
      <c r="BS38" s="328">
        <v>0</v>
      </c>
      <c r="BT38" s="326">
        <v>0</v>
      </c>
      <c r="BU38" s="327">
        <v>15768</v>
      </c>
      <c r="BV38" s="327">
        <v>4800</v>
      </c>
      <c r="BW38" s="327">
        <v>20640</v>
      </c>
      <c r="BX38" s="327">
        <v>0</v>
      </c>
      <c r="BY38" s="327">
        <v>0</v>
      </c>
      <c r="BZ38" s="328">
        <v>41208</v>
      </c>
      <c r="CA38" s="330">
        <v>41208</v>
      </c>
      <c r="CB38" s="326">
        <v>0</v>
      </c>
      <c r="CC38" s="327">
        <v>39679</v>
      </c>
      <c r="CD38" s="328">
        <v>39679</v>
      </c>
      <c r="CE38" s="326">
        <v>0</v>
      </c>
      <c r="CF38" s="327">
        <v>0</v>
      </c>
      <c r="CG38" s="327">
        <v>0</v>
      </c>
      <c r="CH38" s="327">
        <v>0</v>
      </c>
      <c r="CI38" s="327">
        <v>0</v>
      </c>
      <c r="CJ38" s="327">
        <v>0</v>
      </c>
      <c r="CK38" s="328">
        <v>0</v>
      </c>
      <c r="CL38" s="330">
        <v>39679</v>
      </c>
      <c r="CM38" s="326">
        <v>0</v>
      </c>
      <c r="CN38" s="327">
        <v>0</v>
      </c>
      <c r="CO38" s="328">
        <v>0</v>
      </c>
      <c r="CP38" s="332">
        <v>0</v>
      </c>
      <c r="CQ38" s="327">
        <v>0</v>
      </c>
      <c r="CR38" s="327">
        <v>0</v>
      </c>
      <c r="CS38" s="327">
        <v>0</v>
      </c>
      <c r="CT38" s="327">
        <v>0</v>
      </c>
      <c r="CU38" s="327">
        <v>0</v>
      </c>
      <c r="CV38" s="328">
        <v>0</v>
      </c>
      <c r="CW38" s="330">
        <v>0</v>
      </c>
      <c r="CX38" s="326">
        <v>0</v>
      </c>
      <c r="CY38" s="327">
        <v>39679</v>
      </c>
      <c r="CZ38" s="328">
        <v>39679</v>
      </c>
      <c r="DA38" s="326">
        <v>0</v>
      </c>
      <c r="DB38" s="327">
        <v>0</v>
      </c>
      <c r="DC38" s="327">
        <v>0</v>
      </c>
      <c r="DD38" s="327">
        <v>0</v>
      </c>
      <c r="DE38" s="327">
        <v>0</v>
      </c>
      <c r="DF38" s="327">
        <v>0</v>
      </c>
      <c r="DG38" s="328">
        <v>0</v>
      </c>
      <c r="DH38" s="330">
        <v>39679</v>
      </c>
      <c r="DI38" s="326">
        <v>0</v>
      </c>
      <c r="DJ38" s="327">
        <v>0</v>
      </c>
      <c r="DK38" s="331">
        <v>0</v>
      </c>
      <c r="DL38" s="332">
        <v>0</v>
      </c>
      <c r="DM38" s="327">
        <v>36392</v>
      </c>
      <c r="DN38" s="327">
        <v>0</v>
      </c>
      <c r="DO38" s="327">
        <v>0</v>
      </c>
      <c r="DP38" s="327">
        <v>0</v>
      </c>
      <c r="DQ38" s="327">
        <v>257680</v>
      </c>
      <c r="DR38" s="328">
        <v>294072</v>
      </c>
      <c r="DS38" s="330">
        <v>294072</v>
      </c>
      <c r="DT38" s="326">
        <v>0</v>
      </c>
      <c r="DU38" s="327">
        <v>0</v>
      </c>
      <c r="DV38" s="328">
        <v>0</v>
      </c>
      <c r="DW38" s="326">
        <v>0</v>
      </c>
      <c r="DX38" s="327">
        <v>36392</v>
      </c>
      <c r="DY38" s="327">
        <v>0</v>
      </c>
      <c r="DZ38" s="327">
        <v>0</v>
      </c>
      <c r="EA38" s="327">
        <v>0</v>
      </c>
      <c r="EB38" s="327">
        <v>257680</v>
      </c>
      <c r="EC38" s="328">
        <v>294072</v>
      </c>
      <c r="ED38" s="330">
        <v>294072</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2616</v>
      </c>
      <c r="FM38" s="327">
        <v>0</v>
      </c>
      <c r="FN38" s="328">
        <v>2616</v>
      </c>
      <c r="FO38" s="326">
        <v>0</v>
      </c>
      <c r="FP38" s="327">
        <v>25640</v>
      </c>
      <c r="FQ38" s="327">
        <v>11200</v>
      </c>
      <c r="FR38" s="327">
        <v>0</v>
      </c>
      <c r="FS38" s="327">
        <v>0</v>
      </c>
      <c r="FT38" s="327">
        <v>3200</v>
      </c>
      <c r="FU38" s="328">
        <v>40040</v>
      </c>
      <c r="FV38" s="330">
        <v>42656</v>
      </c>
      <c r="FW38" s="333">
        <v>2616</v>
      </c>
      <c r="FX38" s="327">
        <v>0</v>
      </c>
      <c r="FY38" s="331">
        <v>2616</v>
      </c>
      <c r="FZ38" s="332">
        <v>0</v>
      </c>
      <c r="GA38" s="327">
        <v>25640</v>
      </c>
      <c r="GB38" s="327">
        <v>11200</v>
      </c>
      <c r="GC38" s="327">
        <v>0</v>
      </c>
      <c r="GD38" s="327">
        <v>0</v>
      </c>
      <c r="GE38" s="327">
        <v>3200</v>
      </c>
      <c r="GF38" s="328">
        <v>40040</v>
      </c>
      <c r="GG38" s="334">
        <v>42656</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0</v>
      </c>
      <c r="HI38" s="327">
        <v>13985</v>
      </c>
      <c r="HJ38" s="327">
        <v>169086</v>
      </c>
      <c r="HK38" s="327">
        <v>0</v>
      </c>
      <c r="HL38" s="327">
        <v>0</v>
      </c>
      <c r="HM38" s="328">
        <v>183071</v>
      </c>
      <c r="HN38" s="329">
        <v>183071</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76746</v>
      </c>
      <c r="IE38" s="339">
        <v>0</v>
      </c>
      <c r="IF38" s="337">
        <v>0</v>
      </c>
      <c r="IG38" s="336">
        <v>0</v>
      </c>
      <c r="IH38" s="337">
        <v>0</v>
      </c>
      <c r="II38" s="340">
        <v>76746</v>
      </c>
      <c r="IJ38" s="358">
        <v>76746</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76746</v>
      </c>
      <c r="JL38" s="345">
        <v>0</v>
      </c>
      <c r="JM38" s="345">
        <v>0</v>
      </c>
      <c r="JN38" s="345">
        <v>0</v>
      </c>
      <c r="JO38" s="345">
        <v>0</v>
      </c>
      <c r="JP38" s="349">
        <v>76746</v>
      </c>
      <c r="JQ38" s="347">
        <v>7674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33831</v>
      </c>
      <c r="ML38" s="345">
        <v>0</v>
      </c>
      <c r="MM38" s="345">
        <v>0</v>
      </c>
      <c r="MN38" s="345">
        <v>0</v>
      </c>
      <c r="MO38" s="349">
        <v>233831</v>
      </c>
      <c r="MP38" s="354">
        <v>233831</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33831</v>
      </c>
      <c r="OD38" s="345">
        <v>0</v>
      </c>
      <c r="OE38" s="345">
        <v>0</v>
      </c>
      <c r="OF38" s="345">
        <v>0</v>
      </c>
      <c r="OG38" s="349">
        <v>233831</v>
      </c>
      <c r="OH38" s="350">
        <v>233831</v>
      </c>
      <c r="OI38" s="348">
        <v>63244</v>
      </c>
      <c r="OJ38" s="345">
        <v>69749</v>
      </c>
      <c r="OK38" s="346">
        <v>132993</v>
      </c>
      <c r="OL38" s="351">
        <v>0</v>
      </c>
      <c r="OM38" s="345">
        <v>319879</v>
      </c>
      <c r="ON38" s="345">
        <v>279407</v>
      </c>
      <c r="OO38" s="345">
        <v>340805</v>
      </c>
      <c r="OP38" s="345">
        <v>0</v>
      </c>
      <c r="OQ38" s="345">
        <v>267792</v>
      </c>
      <c r="OR38" s="349">
        <v>1207883</v>
      </c>
      <c r="OS38" s="354">
        <v>1340876</v>
      </c>
    </row>
    <row r="39" spans="2:409" s="70" customFormat="1" ht="21" customHeight="1" x14ac:dyDescent="0.2">
      <c r="B39" s="410" t="s">
        <v>34</v>
      </c>
      <c r="C39" s="326">
        <v>0</v>
      </c>
      <c r="D39" s="327">
        <v>0</v>
      </c>
      <c r="E39" s="368">
        <v>0</v>
      </c>
      <c r="F39" s="370">
        <v>0</v>
      </c>
      <c r="G39" s="369">
        <v>83046</v>
      </c>
      <c r="H39" s="369">
        <v>423305</v>
      </c>
      <c r="I39" s="369">
        <v>56768</v>
      </c>
      <c r="J39" s="369">
        <v>21712</v>
      </c>
      <c r="K39" s="369">
        <v>514128</v>
      </c>
      <c r="L39" s="370">
        <v>1098959</v>
      </c>
      <c r="M39" s="330">
        <v>1098959</v>
      </c>
      <c r="N39" s="326">
        <v>0</v>
      </c>
      <c r="O39" s="327">
        <v>0</v>
      </c>
      <c r="P39" s="328">
        <v>0</v>
      </c>
      <c r="Q39" s="326">
        <v>0</v>
      </c>
      <c r="R39" s="327">
        <v>43486</v>
      </c>
      <c r="S39" s="327">
        <v>124297</v>
      </c>
      <c r="T39" s="327">
        <v>0</v>
      </c>
      <c r="U39" s="327">
        <v>8352</v>
      </c>
      <c r="V39" s="327">
        <v>250264</v>
      </c>
      <c r="W39" s="328">
        <v>426399</v>
      </c>
      <c r="X39" s="330">
        <v>426399</v>
      </c>
      <c r="Y39" s="326">
        <v>0</v>
      </c>
      <c r="Z39" s="327">
        <v>0</v>
      </c>
      <c r="AA39" s="328">
        <v>0</v>
      </c>
      <c r="AB39" s="326">
        <v>0</v>
      </c>
      <c r="AC39" s="327">
        <v>10622</v>
      </c>
      <c r="AD39" s="327">
        <v>0</v>
      </c>
      <c r="AE39" s="327">
        <v>0</v>
      </c>
      <c r="AF39" s="327">
        <v>0</v>
      </c>
      <c r="AG39" s="327">
        <v>0</v>
      </c>
      <c r="AH39" s="328">
        <v>10622</v>
      </c>
      <c r="AI39" s="330">
        <v>10622</v>
      </c>
      <c r="AJ39" s="326">
        <v>0</v>
      </c>
      <c r="AK39" s="327">
        <v>0</v>
      </c>
      <c r="AL39" s="328">
        <v>0</v>
      </c>
      <c r="AM39" s="326">
        <v>0</v>
      </c>
      <c r="AN39" s="327">
        <v>0</v>
      </c>
      <c r="AO39" s="327">
        <v>0</v>
      </c>
      <c r="AP39" s="327">
        <v>0</v>
      </c>
      <c r="AQ39" s="327">
        <v>0</v>
      </c>
      <c r="AR39" s="327">
        <v>56016</v>
      </c>
      <c r="AS39" s="328">
        <v>56016</v>
      </c>
      <c r="AT39" s="330">
        <v>56016</v>
      </c>
      <c r="AU39" s="326">
        <v>0</v>
      </c>
      <c r="AV39" s="327">
        <v>0</v>
      </c>
      <c r="AW39" s="328">
        <v>0</v>
      </c>
      <c r="AX39" s="326">
        <v>0</v>
      </c>
      <c r="AY39" s="327">
        <v>32864</v>
      </c>
      <c r="AZ39" s="327">
        <v>93969</v>
      </c>
      <c r="BA39" s="327">
        <v>0</v>
      </c>
      <c r="BB39" s="327">
        <v>8352</v>
      </c>
      <c r="BC39" s="327">
        <v>101976</v>
      </c>
      <c r="BD39" s="328">
        <v>237161</v>
      </c>
      <c r="BE39" s="330">
        <v>237161</v>
      </c>
      <c r="BF39" s="326">
        <v>0</v>
      </c>
      <c r="BG39" s="327">
        <v>0</v>
      </c>
      <c r="BH39" s="331">
        <v>0</v>
      </c>
      <c r="BI39" s="332">
        <v>0</v>
      </c>
      <c r="BJ39" s="327">
        <v>0</v>
      </c>
      <c r="BK39" s="327">
        <v>0</v>
      </c>
      <c r="BL39" s="327">
        <v>0</v>
      </c>
      <c r="BM39" s="327">
        <v>0</v>
      </c>
      <c r="BN39" s="327">
        <v>59472</v>
      </c>
      <c r="BO39" s="328">
        <v>59472</v>
      </c>
      <c r="BP39" s="330">
        <v>59472</v>
      </c>
      <c r="BQ39" s="326">
        <v>0</v>
      </c>
      <c r="BR39" s="327">
        <v>0</v>
      </c>
      <c r="BS39" s="328">
        <v>0</v>
      </c>
      <c r="BT39" s="326">
        <v>0</v>
      </c>
      <c r="BU39" s="327">
        <v>0</v>
      </c>
      <c r="BV39" s="327">
        <v>30328</v>
      </c>
      <c r="BW39" s="327">
        <v>0</v>
      </c>
      <c r="BX39" s="327">
        <v>0</v>
      </c>
      <c r="BY39" s="327">
        <v>32800</v>
      </c>
      <c r="BZ39" s="328">
        <v>63128</v>
      </c>
      <c r="CA39" s="330">
        <v>63128</v>
      </c>
      <c r="CB39" s="326">
        <v>0</v>
      </c>
      <c r="CC39" s="327">
        <v>0</v>
      </c>
      <c r="CD39" s="328">
        <v>0</v>
      </c>
      <c r="CE39" s="326">
        <v>0</v>
      </c>
      <c r="CF39" s="327">
        <v>24192</v>
      </c>
      <c r="CG39" s="327">
        <v>63992</v>
      </c>
      <c r="CH39" s="327">
        <v>33088</v>
      </c>
      <c r="CI39" s="327">
        <v>0</v>
      </c>
      <c r="CJ39" s="327">
        <v>0</v>
      </c>
      <c r="CK39" s="328">
        <v>121272</v>
      </c>
      <c r="CL39" s="330">
        <v>121272</v>
      </c>
      <c r="CM39" s="326">
        <v>0</v>
      </c>
      <c r="CN39" s="327">
        <v>0</v>
      </c>
      <c r="CO39" s="328">
        <v>0</v>
      </c>
      <c r="CP39" s="332">
        <v>0</v>
      </c>
      <c r="CQ39" s="327">
        <v>24192</v>
      </c>
      <c r="CR39" s="327">
        <v>63992</v>
      </c>
      <c r="CS39" s="327">
        <v>33088</v>
      </c>
      <c r="CT39" s="327">
        <v>0</v>
      </c>
      <c r="CU39" s="327">
        <v>0</v>
      </c>
      <c r="CV39" s="328">
        <v>121272</v>
      </c>
      <c r="CW39" s="330">
        <v>121272</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15368</v>
      </c>
      <c r="FQ39" s="327">
        <v>67168</v>
      </c>
      <c r="FR39" s="327">
        <v>23680</v>
      </c>
      <c r="FS39" s="327">
        <v>13360</v>
      </c>
      <c r="FT39" s="327">
        <v>29408</v>
      </c>
      <c r="FU39" s="328">
        <v>148984</v>
      </c>
      <c r="FV39" s="330">
        <v>148984</v>
      </c>
      <c r="FW39" s="333">
        <v>0</v>
      </c>
      <c r="FX39" s="327">
        <v>0</v>
      </c>
      <c r="FY39" s="331">
        <v>0</v>
      </c>
      <c r="FZ39" s="332">
        <v>0</v>
      </c>
      <c r="GA39" s="327">
        <v>15368</v>
      </c>
      <c r="GB39" s="327">
        <v>67168</v>
      </c>
      <c r="GC39" s="327">
        <v>23680</v>
      </c>
      <c r="GD39" s="327">
        <v>13360</v>
      </c>
      <c r="GE39" s="327">
        <v>29408</v>
      </c>
      <c r="GF39" s="328">
        <v>148984</v>
      </c>
      <c r="GG39" s="334">
        <v>148984</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167848</v>
      </c>
      <c r="HJ39" s="327">
        <v>0</v>
      </c>
      <c r="HK39" s="327">
        <v>0</v>
      </c>
      <c r="HL39" s="327">
        <v>234456</v>
      </c>
      <c r="HM39" s="328">
        <v>402304</v>
      </c>
      <c r="HN39" s="329">
        <v>402304</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82496</v>
      </c>
      <c r="IE39" s="339">
        <v>306064</v>
      </c>
      <c r="IF39" s="337">
        <v>465800</v>
      </c>
      <c r="IG39" s="336">
        <v>0</v>
      </c>
      <c r="IH39" s="337">
        <v>0</v>
      </c>
      <c r="II39" s="340">
        <v>854360</v>
      </c>
      <c r="IJ39" s="341">
        <v>854360</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82496</v>
      </c>
      <c r="JL39" s="345">
        <v>140208</v>
      </c>
      <c r="JM39" s="345">
        <v>0</v>
      </c>
      <c r="JN39" s="345">
        <v>0</v>
      </c>
      <c r="JO39" s="345">
        <v>0</v>
      </c>
      <c r="JP39" s="349">
        <v>222704</v>
      </c>
      <c r="JQ39" s="347">
        <v>222704</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165856</v>
      </c>
      <c r="KI39" s="345">
        <v>222216</v>
      </c>
      <c r="KJ39" s="345">
        <v>0</v>
      </c>
      <c r="KK39" s="345">
        <v>0</v>
      </c>
      <c r="KL39" s="349">
        <v>388072</v>
      </c>
      <c r="KM39" s="354">
        <v>38807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243584</v>
      </c>
      <c r="MB39" s="345">
        <v>0</v>
      </c>
      <c r="MC39" s="345">
        <v>0</v>
      </c>
      <c r="MD39" s="349">
        <v>243584</v>
      </c>
      <c r="ME39" s="350">
        <v>243584</v>
      </c>
      <c r="MF39" s="348">
        <v>0</v>
      </c>
      <c r="MG39" s="345">
        <v>0</v>
      </c>
      <c r="MH39" s="349">
        <v>0</v>
      </c>
      <c r="MI39" s="404">
        <v>0</v>
      </c>
      <c r="MJ39" s="345">
        <v>0</v>
      </c>
      <c r="MK39" s="345">
        <v>0</v>
      </c>
      <c r="ML39" s="345">
        <v>253368</v>
      </c>
      <c r="MM39" s="345">
        <v>243864</v>
      </c>
      <c r="MN39" s="345">
        <v>0</v>
      </c>
      <c r="MO39" s="349">
        <v>497232</v>
      </c>
      <c r="MP39" s="354">
        <v>497232</v>
      </c>
      <c r="MQ39" s="348">
        <v>0</v>
      </c>
      <c r="MR39" s="345">
        <v>0</v>
      </c>
      <c r="MS39" s="349">
        <v>0</v>
      </c>
      <c r="MT39" s="404">
        <v>0</v>
      </c>
      <c r="MU39" s="345">
        <v>0</v>
      </c>
      <c r="MV39" s="345">
        <v>0</v>
      </c>
      <c r="MW39" s="345">
        <v>0</v>
      </c>
      <c r="MX39" s="345">
        <v>243864</v>
      </c>
      <c r="MY39" s="345">
        <v>0</v>
      </c>
      <c r="MZ39" s="349">
        <v>243864</v>
      </c>
      <c r="NA39" s="354">
        <v>243864</v>
      </c>
      <c r="NB39" s="348">
        <v>0</v>
      </c>
      <c r="NC39" s="345">
        <v>0</v>
      </c>
      <c r="ND39" s="349">
        <v>0</v>
      </c>
      <c r="NE39" s="404">
        <v>0</v>
      </c>
      <c r="NF39" s="345">
        <v>0</v>
      </c>
      <c r="NG39" s="345">
        <v>0</v>
      </c>
      <c r="NH39" s="345">
        <v>253368</v>
      </c>
      <c r="NI39" s="345">
        <v>0</v>
      </c>
      <c r="NJ39" s="345">
        <v>0</v>
      </c>
      <c r="NK39" s="349">
        <v>253368</v>
      </c>
      <c r="NL39" s="347">
        <v>253368</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165542</v>
      </c>
      <c r="ON39" s="345">
        <v>729369</v>
      </c>
      <c r="OO39" s="345">
        <v>775936</v>
      </c>
      <c r="OP39" s="345">
        <v>265576</v>
      </c>
      <c r="OQ39" s="345">
        <v>514128</v>
      </c>
      <c r="OR39" s="349">
        <v>2450551</v>
      </c>
      <c r="OS39" s="354">
        <v>2450551</v>
      </c>
    </row>
    <row r="40" spans="2:409" s="70" customFormat="1" ht="21" customHeight="1" x14ac:dyDescent="0.2">
      <c r="B40" s="410" t="s">
        <v>35</v>
      </c>
      <c r="C40" s="326">
        <v>113008</v>
      </c>
      <c r="D40" s="327">
        <v>35464</v>
      </c>
      <c r="E40" s="328">
        <v>148472</v>
      </c>
      <c r="F40" s="329">
        <v>0</v>
      </c>
      <c r="G40" s="327">
        <v>1592507</v>
      </c>
      <c r="H40" s="327">
        <v>626596</v>
      </c>
      <c r="I40" s="327">
        <v>745580</v>
      </c>
      <c r="J40" s="327">
        <v>1677378</v>
      </c>
      <c r="K40" s="327">
        <v>354618</v>
      </c>
      <c r="L40" s="367">
        <v>4996679</v>
      </c>
      <c r="M40" s="330">
        <v>5145151</v>
      </c>
      <c r="N40" s="326">
        <v>32824</v>
      </c>
      <c r="O40" s="327">
        <v>27544</v>
      </c>
      <c r="P40" s="328">
        <v>60368</v>
      </c>
      <c r="Q40" s="326">
        <v>0</v>
      </c>
      <c r="R40" s="327">
        <v>302672</v>
      </c>
      <c r="S40" s="327">
        <v>81832</v>
      </c>
      <c r="T40" s="327">
        <v>293044</v>
      </c>
      <c r="U40" s="327">
        <v>183984</v>
      </c>
      <c r="V40" s="327">
        <v>7528</v>
      </c>
      <c r="W40" s="328">
        <v>869060</v>
      </c>
      <c r="X40" s="330">
        <v>929428</v>
      </c>
      <c r="Y40" s="326">
        <v>0</v>
      </c>
      <c r="Z40" s="327">
        <v>0</v>
      </c>
      <c r="AA40" s="328">
        <v>0</v>
      </c>
      <c r="AB40" s="326">
        <v>0</v>
      </c>
      <c r="AC40" s="327">
        <v>124048</v>
      </c>
      <c r="AD40" s="327">
        <v>43848</v>
      </c>
      <c r="AE40" s="327">
        <v>63092</v>
      </c>
      <c r="AF40" s="327">
        <v>67208</v>
      </c>
      <c r="AG40" s="327">
        <v>0</v>
      </c>
      <c r="AH40" s="328">
        <v>298196</v>
      </c>
      <c r="AI40" s="330">
        <v>298196</v>
      </c>
      <c r="AJ40" s="326">
        <v>0</v>
      </c>
      <c r="AK40" s="327">
        <v>0</v>
      </c>
      <c r="AL40" s="328">
        <v>0</v>
      </c>
      <c r="AM40" s="326">
        <v>0</v>
      </c>
      <c r="AN40" s="327">
        <v>0</v>
      </c>
      <c r="AO40" s="327">
        <v>0</v>
      </c>
      <c r="AP40" s="327">
        <v>0</v>
      </c>
      <c r="AQ40" s="327">
        <v>0</v>
      </c>
      <c r="AR40" s="327">
        <v>0</v>
      </c>
      <c r="AS40" s="328">
        <v>0</v>
      </c>
      <c r="AT40" s="330">
        <v>0</v>
      </c>
      <c r="AU40" s="326">
        <v>0</v>
      </c>
      <c r="AV40" s="327">
        <v>0</v>
      </c>
      <c r="AW40" s="328">
        <v>0</v>
      </c>
      <c r="AX40" s="326">
        <v>0</v>
      </c>
      <c r="AY40" s="327">
        <v>30872</v>
      </c>
      <c r="AZ40" s="327">
        <v>0</v>
      </c>
      <c r="BA40" s="327">
        <v>140064</v>
      </c>
      <c r="BB40" s="327">
        <v>41624</v>
      </c>
      <c r="BC40" s="327">
        <v>0</v>
      </c>
      <c r="BD40" s="328">
        <v>212560</v>
      </c>
      <c r="BE40" s="330">
        <v>212560</v>
      </c>
      <c r="BF40" s="326">
        <v>24640</v>
      </c>
      <c r="BG40" s="327">
        <v>27544</v>
      </c>
      <c r="BH40" s="331">
        <v>52184</v>
      </c>
      <c r="BI40" s="332">
        <v>0</v>
      </c>
      <c r="BJ40" s="327">
        <v>55464</v>
      </c>
      <c r="BK40" s="327">
        <v>0</v>
      </c>
      <c r="BL40" s="327">
        <v>51576</v>
      </c>
      <c r="BM40" s="327">
        <v>0</v>
      </c>
      <c r="BN40" s="327">
        <v>0</v>
      </c>
      <c r="BO40" s="328">
        <v>107040</v>
      </c>
      <c r="BP40" s="330">
        <v>159224</v>
      </c>
      <c r="BQ40" s="326">
        <v>8184</v>
      </c>
      <c r="BR40" s="327">
        <v>0</v>
      </c>
      <c r="BS40" s="328">
        <v>8184</v>
      </c>
      <c r="BT40" s="326">
        <v>0</v>
      </c>
      <c r="BU40" s="327">
        <v>92288</v>
      </c>
      <c r="BV40" s="327">
        <v>37984</v>
      </c>
      <c r="BW40" s="327">
        <v>38312</v>
      </c>
      <c r="BX40" s="327">
        <v>75152</v>
      </c>
      <c r="BY40" s="327">
        <v>7528</v>
      </c>
      <c r="BZ40" s="328">
        <v>251264</v>
      </c>
      <c r="CA40" s="330">
        <v>259448</v>
      </c>
      <c r="CB40" s="326">
        <v>20560</v>
      </c>
      <c r="CC40" s="327">
        <v>0</v>
      </c>
      <c r="CD40" s="328">
        <v>20560</v>
      </c>
      <c r="CE40" s="326">
        <v>0</v>
      </c>
      <c r="CF40" s="327">
        <v>349731</v>
      </c>
      <c r="CG40" s="327">
        <v>158376</v>
      </c>
      <c r="CH40" s="327">
        <v>279760</v>
      </c>
      <c r="CI40" s="327">
        <v>114824</v>
      </c>
      <c r="CJ40" s="327">
        <v>0</v>
      </c>
      <c r="CK40" s="328">
        <v>902691</v>
      </c>
      <c r="CL40" s="330">
        <v>923251</v>
      </c>
      <c r="CM40" s="326">
        <v>0</v>
      </c>
      <c r="CN40" s="327">
        <v>0</v>
      </c>
      <c r="CO40" s="328">
        <v>0</v>
      </c>
      <c r="CP40" s="332">
        <v>0</v>
      </c>
      <c r="CQ40" s="327">
        <v>169576</v>
      </c>
      <c r="CR40" s="327">
        <v>158376</v>
      </c>
      <c r="CS40" s="327">
        <v>137360</v>
      </c>
      <c r="CT40" s="327">
        <v>0</v>
      </c>
      <c r="CU40" s="327">
        <v>0</v>
      </c>
      <c r="CV40" s="328">
        <v>465312</v>
      </c>
      <c r="CW40" s="330">
        <v>465312</v>
      </c>
      <c r="CX40" s="326">
        <v>20560</v>
      </c>
      <c r="CY40" s="327">
        <v>0</v>
      </c>
      <c r="CZ40" s="328">
        <v>20560</v>
      </c>
      <c r="DA40" s="326">
        <v>0</v>
      </c>
      <c r="DB40" s="327">
        <v>180155</v>
      </c>
      <c r="DC40" s="327">
        <v>0</v>
      </c>
      <c r="DD40" s="327">
        <v>142400</v>
      </c>
      <c r="DE40" s="327">
        <v>114824</v>
      </c>
      <c r="DF40" s="327">
        <v>0</v>
      </c>
      <c r="DG40" s="328">
        <v>437379</v>
      </c>
      <c r="DH40" s="330">
        <v>457939</v>
      </c>
      <c r="DI40" s="326">
        <v>0</v>
      </c>
      <c r="DJ40" s="327">
        <v>0</v>
      </c>
      <c r="DK40" s="331">
        <v>0</v>
      </c>
      <c r="DL40" s="332">
        <v>0</v>
      </c>
      <c r="DM40" s="327">
        <v>0</v>
      </c>
      <c r="DN40" s="327">
        <v>0</v>
      </c>
      <c r="DO40" s="327">
        <v>48760</v>
      </c>
      <c r="DP40" s="327">
        <v>90328</v>
      </c>
      <c r="DQ40" s="327">
        <v>0</v>
      </c>
      <c r="DR40" s="328">
        <v>139088</v>
      </c>
      <c r="DS40" s="330">
        <v>139088</v>
      </c>
      <c r="DT40" s="326">
        <v>0</v>
      </c>
      <c r="DU40" s="327">
        <v>0</v>
      </c>
      <c r="DV40" s="328">
        <v>0</v>
      </c>
      <c r="DW40" s="326">
        <v>0</v>
      </c>
      <c r="DX40" s="327">
        <v>0</v>
      </c>
      <c r="DY40" s="327">
        <v>0</v>
      </c>
      <c r="DZ40" s="327">
        <v>48760</v>
      </c>
      <c r="EA40" s="327">
        <v>90328</v>
      </c>
      <c r="EB40" s="327">
        <v>0</v>
      </c>
      <c r="EC40" s="328">
        <v>139088</v>
      </c>
      <c r="ED40" s="330">
        <v>139088</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1600</v>
      </c>
      <c r="FM40" s="327">
        <v>7920</v>
      </c>
      <c r="FN40" s="328">
        <v>9520</v>
      </c>
      <c r="FO40" s="326">
        <v>0</v>
      </c>
      <c r="FP40" s="327">
        <v>21920</v>
      </c>
      <c r="FQ40" s="327">
        <v>16608</v>
      </c>
      <c r="FR40" s="327">
        <v>124016</v>
      </c>
      <c r="FS40" s="327">
        <v>24400</v>
      </c>
      <c r="FT40" s="327">
        <v>0</v>
      </c>
      <c r="FU40" s="328">
        <v>186944</v>
      </c>
      <c r="FV40" s="330">
        <v>196464</v>
      </c>
      <c r="FW40" s="333">
        <v>1600</v>
      </c>
      <c r="FX40" s="327">
        <v>7920</v>
      </c>
      <c r="FY40" s="331">
        <v>9520</v>
      </c>
      <c r="FZ40" s="332">
        <v>0</v>
      </c>
      <c r="GA40" s="327">
        <v>21920</v>
      </c>
      <c r="GB40" s="327">
        <v>16608</v>
      </c>
      <c r="GC40" s="327">
        <v>124016</v>
      </c>
      <c r="GD40" s="327">
        <v>24400</v>
      </c>
      <c r="GE40" s="327">
        <v>0</v>
      </c>
      <c r="GF40" s="328">
        <v>186944</v>
      </c>
      <c r="GG40" s="334">
        <v>196464</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58024</v>
      </c>
      <c r="HE40" s="327">
        <v>0</v>
      </c>
      <c r="HF40" s="331">
        <v>58024</v>
      </c>
      <c r="HG40" s="332">
        <v>0</v>
      </c>
      <c r="HH40" s="327">
        <v>918184</v>
      </c>
      <c r="HI40" s="327">
        <v>369780</v>
      </c>
      <c r="HJ40" s="327">
        <v>0</v>
      </c>
      <c r="HK40" s="327">
        <v>1263842</v>
      </c>
      <c r="HL40" s="327">
        <v>347090</v>
      </c>
      <c r="HM40" s="328">
        <v>2898896</v>
      </c>
      <c r="HN40" s="329">
        <v>2956920</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651136</v>
      </c>
      <c r="IF40" s="337">
        <v>146760</v>
      </c>
      <c r="IG40" s="336">
        <v>0</v>
      </c>
      <c r="IH40" s="337">
        <v>0</v>
      </c>
      <c r="II40" s="340">
        <v>797896</v>
      </c>
      <c r="IJ40" s="358">
        <v>797896</v>
      </c>
      <c r="IK40" s="342">
        <v>0</v>
      </c>
      <c r="IL40" s="343">
        <v>0</v>
      </c>
      <c r="IM40" s="344">
        <v>0</v>
      </c>
      <c r="IN40" s="404">
        <v>0</v>
      </c>
      <c r="IO40" s="345">
        <v>0</v>
      </c>
      <c r="IP40" s="345">
        <v>0</v>
      </c>
      <c r="IQ40" s="345">
        <v>146760</v>
      </c>
      <c r="IR40" s="345">
        <v>0</v>
      </c>
      <c r="IS40" s="345">
        <v>0</v>
      </c>
      <c r="IT40" s="346">
        <v>146760</v>
      </c>
      <c r="IU40" s="347">
        <v>14676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171640</v>
      </c>
      <c r="KI40" s="345">
        <v>0</v>
      </c>
      <c r="KJ40" s="345">
        <v>0</v>
      </c>
      <c r="KK40" s="345">
        <v>0</v>
      </c>
      <c r="KL40" s="349">
        <v>171640</v>
      </c>
      <c r="KM40" s="354">
        <v>171640</v>
      </c>
      <c r="KN40" s="342">
        <v>0</v>
      </c>
      <c r="KO40" s="343">
        <v>0</v>
      </c>
      <c r="KP40" s="344">
        <v>0</v>
      </c>
      <c r="KQ40" s="404">
        <v>0</v>
      </c>
      <c r="KR40" s="345">
        <v>0</v>
      </c>
      <c r="KS40" s="345">
        <v>479496</v>
      </c>
      <c r="KT40" s="345">
        <v>0</v>
      </c>
      <c r="KU40" s="345">
        <v>0</v>
      </c>
      <c r="KV40" s="345">
        <v>0</v>
      </c>
      <c r="KW40" s="349">
        <v>479496</v>
      </c>
      <c r="KX40" s="347">
        <v>479496</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519600</v>
      </c>
      <c r="ML40" s="345">
        <v>882314</v>
      </c>
      <c r="MM40" s="345">
        <v>271600</v>
      </c>
      <c r="MN40" s="345">
        <v>290872</v>
      </c>
      <c r="MO40" s="349">
        <v>1964386</v>
      </c>
      <c r="MP40" s="354">
        <v>1964386</v>
      </c>
      <c r="MQ40" s="348">
        <v>0</v>
      </c>
      <c r="MR40" s="345">
        <v>0</v>
      </c>
      <c r="MS40" s="349">
        <v>0</v>
      </c>
      <c r="MT40" s="404">
        <v>0</v>
      </c>
      <c r="MU40" s="345">
        <v>0</v>
      </c>
      <c r="MV40" s="345">
        <v>0</v>
      </c>
      <c r="MW40" s="345">
        <v>0</v>
      </c>
      <c r="MX40" s="345">
        <v>271600</v>
      </c>
      <c r="MY40" s="345">
        <v>290872</v>
      </c>
      <c r="MZ40" s="349">
        <v>562472</v>
      </c>
      <c r="NA40" s="354">
        <v>562472</v>
      </c>
      <c r="NB40" s="348">
        <v>0</v>
      </c>
      <c r="NC40" s="345">
        <v>0</v>
      </c>
      <c r="ND40" s="349">
        <v>0</v>
      </c>
      <c r="NE40" s="404">
        <v>0</v>
      </c>
      <c r="NF40" s="345">
        <v>0</v>
      </c>
      <c r="NG40" s="345">
        <v>519600</v>
      </c>
      <c r="NH40" s="345">
        <v>882314</v>
      </c>
      <c r="NI40" s="345">
        <v>0</v>
      </c>
      <c r="NJ40" s="345">
        <v>0</v>
      </c>
      <c r="NK40" s="349">
        <v>1401914</v>
      </c>
      <c r="NL40" s="347">
        <v>1401914</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13008</v>
      </c>
      <c r="OJ40" s="345">
        <v>35464</v>
      </c>
      <c r="OK40" s="346">
        <v>148472</v>
      </c>
      <c r="OL40" s="351">
        <v>0</v>
      </c>
      <c r="OM40" s="345">
        <v>1592507</v>
      </c>
      <c r="ON40" s="345">
        <v>1797332</v>
      </c>
      <c r="OO40" s="345">
        <v>1774654</v>
      </c>
      <c r="OP40" s="345">
        <v>1948978</v>
      </c>
      <c r="OQ40" s="345">
        <v>645490</v>
      </c>
      <c r="OR40" s="349">
        <v>7758961</v>
      </c>
      <c r="OS40" s="354">
        <v>7907433</v>
      </c>
    </row>
    <row r="41" spans="2:409" s="70" customFormat="1" ht="21" customHeight="1" x14ac:dyDescent="0.2">
      <c r="B41" s="410" t="s">
        <v>36</v>
      </c>
      <c r="C41" s="326">
        <v>4000</v>
      </c>
      <c r="D41" s="327">
        <v>72637</v>
      </c>
      <c r="E41" s="328">
        <v>76637</v>
      </c>
      <c r="F41" s="329">
        <v>0</v>
      </c>
      <c r="G41" s="327">
        <v>810977</v>
      </c>
      <c r="H41" s="327">
        <v>457207</v>
      </c>
      <c r="I41" s="327">
        <v>753559</v>
      </c>
      <c r="J41" s="327">
        <v>585337</v>
      </c>
      <c r="K41" s="327">
        <v>482328</v>
      </c>
      <c r="L41" s="367">
        <v>3089408</v>
      </c>
      <c r="M41" s="330">
        <v>3166045</v>
      </c>
      <c r="N41" s="326">
        <v>0</v>
      </c>
      <c r="O41" s="327">
        <v>25741</v>
      </c>
      <c r="P41" s="328">
        <v>25741</v>
      </c>
      <c r="Q41" s="326">
        <v>0</v>
      </c>
      <c r="R41" s="327">
        <v>119235</v>
      </c>
      <c r="S41" s="327">
        <v>58779</v>
      </c>
      <c r="T41" s="327">
        <v>285354</v>
      </c>
      <c r="U41" s="327">
        <v>126489</v>
      </c>
      <c r="V41" s="327">
        <v>449928</v>
      </c>
      <c r="W41" s="328">
        <v>1039785</v>
      </c>
      <c r="X41" s="330">
        <v>1065526</v>
      </c>
      <c r="Y41" s="326">
        <v>0</v>
      </c>
      <c r="Z41" s="327">
        <v>0</v>
      </c>
      <c r="AA41" s="328">
        <v>0</v>
      </c>
      <c r="AB41" s="326">
        <v>0</v>
      </c>
      <c r="AC41" s="327">
        <v>54577</v>
      </c>
      <c r="AD41" s="327">
        <v>0</v>
      </c>
      <c r="AE41" s="327">
        <v>40697</v>
      </c>
      <c r="AF41" s="327">
        <v>0</v>
      </c>
      <c r="AG41" s="327">
        <v>342220</v>
      </c>
      <c r="AH41" s="328">
        <v>437494</v>
      </c>
      <c r="AI41" s="330">
        <v>437494</v>
      </c>
      <c r="AJ41" s="326">
        <v>0</v>
      </c>
      <c r="AK41" s="327">
        <v>0</v>
      </c>
      <c r="AL41" s="328">
        <v>0</v>
      </c>
      <c r="AM41" s="326">
        <v>0</v>
      </c>
      <c r="AN41" s="327">
        <v>0</v>
      </c>
      <c r="AO41" s="327">
        <v>0</v>
      </c>
      <c r="AP41" s="327">
        <v>47859</v>
      </c>
      <c r="AQ41" s="327">
        <v>47859</v>
      </c>
      <c r="AR41" s="327">
        <v>85804</v>
      </c>
      <c r="AS41" s="328">
        <v>181522</v>
      </c>
      <c r="AT41" s="330">
        <v>181522</v>
      </c>
      <c r="AU41" s="326">
        <v>0</v>
      </c>
      <c r="AV41" s="327">
        <v>0</v>
      </c>
      <c r="AW41" s="328">
        <v>0</v>
      </c>
      <c r="AX41" s="326">
        <v>0</v>
      </c>
      <c r="AY41" s="327">
        <v>0</v>
      </c>
      <c r="AZ41" s="327">
        <v>0</v>
      </c>
      <c r="BA41" s="327">
        <v>145387</v>
      </c>
      <c r="BB41" s="327">
        <v>37506</v>
      </c>
      <c r="BC41" s="327">
        <v>0</v>
      </c>
      <c r="BD41" s="328">
        <v>182893</v>
      </c>
      <c r="BE41" s="330">
        <v>182893</v>
      </c>
      <c r="BF41" s="326">
        <v>0</v>
      </c>
      <c r="BG41" s="327">
        <v>25741</v>
      </c>
      <c r="BH41" s="331">
        <v>25741</v>
      </c>
      <c r="BI41" s="332">
        <v>0</v>
      </c>
      <c r="BJ41" s="327">
        <v>19074</v>
      </c>
      <c r="BK41" s="327">
        <v>20931</v>
      </c>
      <c r="BL41" s="327">
        <v>20931</v>
      </c>
      <c r="BM41" s="327">
        <v>26164</v>
      </c>
      <c r="BN41" s="327">
        <v>0</v>
      </c>
      <c r="BO41" s="328">
        <v>87100</v>
      </c>
      <c r="BP41" s="330">
        <v>112841</v>
      </c>
      <c r="BQ41" s="326">
        <v>0</v>
      </c>
      <c r="BR41" s="327">
        <v>0</v>
      </c>
      <c r="BS41" s="328">
        <v>0</v>
      </c>
      <c r="BT41" s="326">
        <v>0</v>
      </c>
      <c r="BU41" s="327">
        <v>45584</v>
      </c>
      <c r="BV41" s="327">
        <v>37848</v>
      </c>
      <c r="BW41" s="327">
        <v>30480</v>
      </c>
      <c r="BX41" s="327">
        <v>14960</v>
      </c>
      <c r="BY41" s="327">
        <v>21904</v>
      </c>
      <c r="BZ41" s="328">
        <v>150776</v>
      </c>
      <c r="CA41" s="330">
        <v>150776</v>
      </c>
      <c r="CB41" s="326">
        <v>0</v>
      </c>
      <c r="CC41" s="327">
        <v>37296</v>
      </c>
      <c r="CD41" s="328">
        <v>37296</v>
      </c>
      <c r="CE41" s="326">
        <v>0</v>
      </c>
      <c r="CF41" s="327">
        <v>140409</v>
      </c>
      <c r="CG41" s="327">
        <v>124461</v>
      </c>
      <c r="CH41" s="327">
        <v>9165</v>
      </c>
      <c r="CI41" s="327">
        <v>118691</v>
      </c>
      <c r="CJ41" s="327">
        <v>0</v>
      </c>
      <c r="CK41" s="328">
        <v>392726</v>
      </c>
      <c r="CL41" s="330">
        <v>430022</v>
      </c>
      <c r="CM41" s="326">
        <v>0</v>
      </c>
      <c r="CN41" s="327">
        <v>0</v>
      </c>
      <c r="CO41" s="328">
        <v>0</v>
      </c>
      <c r="CP41" s="332">
        <v>0</v>
      </c>
      <c r="CQ41" s="327">
        <v>91533</v>
      </c>
      <c r="CR41" s="327">
        <v>124461</v>
      </c>
      <c r="CS41" s="327">
        <v>0</v>
      </c>
      <c r="CT41" s="327">
        <v>0</v>
      </c>
      <c r="CU41" s="327">
        <v>0</v>
      </c>
      <c r="CV41" s="328">
        <v>215994</v>
      </c>
      <c r="CW41" s="330">
        <v>215994</v>
      </c>
      <c r="CX41" s="326">
        <v>0</v>
      </c>
      <c r="CY41" s="327">
        <v>37296</v>
      </c>
      <c r="CZ41" s="328">
        <v>37296</v>
      </c>
      <c r="DA41" s="326">
        <v>0</v>
      </c>
      <c r="DB41" s="327">
        <v>48876</v>
      </c>
      <c r="DC41" s="327">
        <v>0</v>
      </c>
      <c r="DD41" s="327">
        <v>9165</v>
      </c>
      <c r="DE41" s="327">
        <v>118691</v>
      </c>
      <c r="DF41" s="327">
        <v>0</v>
      </c>
      <c r="DG41" s="328">
        <v>176732</v>
      </c>
      <c r="DH41" s="330">
        <v>214028</v>
      </c>
      <c r="DI41" s="326">
        <v>0</v>
      </c>
      <c r="DJ41" s="327">
        <v>0</v>
      </c>
      <c r="DK41" s="331">
        <v>0</v>
      </c>
      <c r="DL41" s="332">
        <v>0</v>
      </c>
      <c r="DM41" s="327">
        <v>0</v>
      </c>
      <c r="DN41" s="327">
        <v>46552</v>
      </c>
      <c r="DO41" s="327">
        <v>0</v>
      </c>
      <c r="DP41" s="327">
        <v>265741</v>
      </c>
      <c r="DQ41" s="327">
        <v>0</v>
      </c>
      <c r="DR41" s="328">
        <v>312293</v>
      </c>
      <c r="DS41" s="330">
        <v>312293</v>
      </c>
      <c r="DT41" s="326">
        <v>0</v>
      </c>
      <c r="DU41" s="327">
        <v>0</v>
      </c>
      <c r="DV41" s="328">
        <v>0</v>
      </c>
      <c r="DW41" s="326">
        <v>0</v>
      </c>
      <c r="DX41" s="327">
        <v>0</v>
      </c>
      <c r="DY41" s="327">
        <v>46552</v>
      </c>
      <c r="DZ41" s="327">
        <v>0</v>
      </c>
      <c r="EA41" s="327">
        <v>265741</v>
      </c>
      <c r="EB41" s="327">
        <v>0</v>
      </c>
      <c r="EC41" s="328">
        <v>312293</v>
      </c>
      <c r="ED41" s="330">
        <v>312293</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9600</v>
      </c>
      <c r="FN41" s="328">
        <v>13600</v>
      </c>
      <c r="FO41" s="326">
        <v>0</v>
      </c>
      <c r="FP41" s="327">
        <v>74800</v>
      </c>
      <c r="FQ41" s="327">
        <v>50640</v>
      </c>
      <c r="FR41" s="327">
        <v>72240</v>
      </c>
      <c r="FS41" s="327">
        <v>74416</v>
      </c>
      <c r="FT41" s="327">
        <v>32400</v>
      </c>
      <c r="FU41" s="328">
        <v>304496</v>
      </c>
      <c r="FV41" s="330">
        <v>318096</v>
      </c>
      <c r="FW41" s="333">
        <v>4000</v>
      </c>
      <c r="FX41" s="327">
        <v>9600</v>
      </c>
      <c r="FY41" s="331">
        <v>13600</v>
      </c>
      <c r="FZ41" s="332">
        <v>0</v>
      </c>
      <c r="GA41" s="327">
        <v>53680</v>
      </c>
      <c r="GB41" s="327">
        <v>50640</v>
      </c>
      <c r="GC41" s="327">
        <v>72240</v>
      </c>
      <c r="GD41" s="327">
        <v>74416</v>
      </c>
      <c r="GE41" s="327">
        <v>32400</v>
      </c>
      <c r="GF41" s="328">
        <v>283376</v>
      </c>
      <c r="GG41" s="334">
        <v>296976</v>
      </c>
      <c r="GH41" s="333">
        <v>0</v>
      </c>
      <c r="GI41" s="327">
        <v>0</v>
      </c>
      <c r="GJ41" s="331">
        <v>0</v>
      </c>
      <c r="GK41" s="332">
        <v>0</v>
      </c>
      <c r="GL41" s="327">
        <v>21120</v>
      </c>
      <c r="GM41" s="327">
        <v>0</v>
      </c>
      <c r="GN41" s="327">
        <v>0</v>
      </c>
      <c r="GO41" s="327">
        <v>0</v>
      </c>
      <c r="GP41" s="327">
        <v>0</v>
      </c>
      <c r="GQ41" s="328">
        <v>21120</v>
      </c>
      <c r="GR41" s="330">
        <v>2112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476533</v>
      </c>
      <c r="HI41" s="327">
        <v>176775</v>
      </c>
      <c r="HJ41" s="327">
        <v>386800</v>
      </c>
      <c r="HK41" s="327">
        <v>0</v>
      </c>
      <c r="HL41" s="327">
        <v>0</v>
      </c>
      <c r="HM41" s="328">
        <v>1040108</v>
      </c>
      <c r="HN41" s="329">
        <v>1040108</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82979</v>
      </c>
      <c r="IE41" s="339">
        <v>219715</v>
      </c>
      <c r="IF41" s="337">
        <v>0</v>
      </c>
      <c r="IG41" s="336">
        <v>348961</v>
      </c>
      <c r="IH41" s="337">
        <v>0</v>
      </c>
      <c r="II41" s="340">
        <v>651655</v>
      </c>
      <c r="IJ41" s="341">
        <v>651655</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82979</v>
      </c>
      <c r="JL41" s="345">
        <v>65365</v>
      </c>
      <c r="JM41" s="345">
        <v>0</v>
      </c>
      <c r="JN41" s="345">
        <v>89593</v>
      </c>
      <c r="JO41" s="345">
        <v>0</v>
      </c>
      <c r="JP41" s="349">
        <v>237937</v>
      </c>
      <c r="JQ41" s="347">
        <v>237937</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154350</v>
      </c>
      <c r="KI41" s="345">
        <v>0</v>
      </c>
      <c r="KJ41" s="345">
        <v>0</v>
      </c>
      <c r="KK41" s="345">
        <v>0</v>
      </c>
      <c r="KL41" s="349">
        <v>154350</v>
      </c>
      <c r="KM41" s="354">
        <v>154350</v>
      </c>
      <c r="KN41" s="342">
        <v>0</v>
      </c>
      <c r="KO41" s="343">
        <v>0</v>
      </c>
      <c r="KP41" s="344">
        <v>0</v>
      </c>
      <c r="KQ41" s="404">
        <v>0</v>
      </c>
      <c r="KR41" s="345">
        <v>0</v>
      </c>
      <c r="KS41" s="345">
        <v>0</v>
      </c>
      <c r="KT41" s="345">
        <v>0</v>
      </c>
      <c r="KU41" s="345">
        <v>259368</v>
      </c>
      <c r="KV41" s="345">
        <v>0</v>
      </c>
      <c r="KW41" s="349">
        <v>259368</v>
      </c>
      <c r="KX41" s="347">
        <v>259368</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0</v>
      </c>
      <c r="MM41" s="345">
        <v>900164</v>
      </c>
      <c r="MN41" s="345">
        <v>648912</v>
      </c>
      <c r="MO41" s="349">
        <v>1549076</v>
      </c>
      <c r="MP41" s="354">
        <v>1549076</v>
      </c>
      <c r="MQ41" s="348">
        <v>0</v>
      </c>
      <c r="MR41" s="345">
        <v>0</v>
      </c>
      <c r="MS41" s="349">
        <v>0</v>
      </c>
      <c r="MT41" s="404">
        <v>0</v>
      </c>
      <c r="MU41" s="345">
        <v>0</v>
      </c>
      <c r="MV41" s="345">
        <v>0</v>
      </c>
      <c r="MW41" s="345">
        <v>0</v>
      </c>
      <c r="MX41" s="345">
        <v>263744</v>
      </c>
      <c r="MY41" s="345">
        <v>0</v>
      </c>
      <c r="MZ41" s="349">
        <v>263744</v>
      </c>
      <c r="NA41" s="354">
        <v>263744</v>
      </c>
      <c r="NB41" s="348">
        <v>0</v>
      </c>
      <c r="NC41" s="345">
        <v>0</v>
      </c>
      <c r="ND41" s="349">
        <v>0</v>
      </c>
      <c r="NE41" s="404">
        <v>0</v>
      </c>
      <c r="NF41" s="345">
        <v>0</v>
      </c>
      <c r="NG41" s="345">
        <v>0</v>
      </c>
      <c r="NH41" s="345">
        <v>0</v>
      </c>
      <c r="NI41" s="345">
        <v>256852</v>
      </c>
      <c r="NJ41" s="345">
        <v>648912</v>
      </c>
      <c r="NK41" s="349">
        <v>905764</v>
      </c>
      <c r="NL41" s="347">
        <v>905764</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379568</v>
      </c>
      <c r="OF41" s="345">
        <v>0</v>
      </c>
      <c r="OG41" s="349">
        <v>379568</v>
      </c>
      <c r="OH41" s="350">
        <v>379568</v>
      </c>
      <c r="OI41" s="348">
        <v>4000</v>
      </c>
      <c r="OJ41" s="345">
        <v>72637</v>
      </c>
      <c r="OK41" s="346">
        <v>76637</v>
      </c>
      <c r="OL41" s="351">
        <v>0</v>
      </c>
      <c r="OM41" s="345">
        <v>893956</v>
      </c>
      <c r="ON41" s="345">
        <v>676922</v>
      </c>
      <c r="OO41" s="345">
        <v>753559</v>
      </c>
      <c r="OP41" s="345">
        <v>1834462</v>
      </c>
      <c r="OQ41" s="345">
        <v>1131240</v>
      </c>
      <c r="OR41" s="349">
        <v>5290139</v>
      </c>
      <c r="OS41" s="354">
        <v>5366776</v>
      </c>
    </row>
    <row r="42" spans="2:409" s="70" customFormat="1" ht="21" customHeight="1" thickBot="1" x14ac:dyDescent="0.25">
      <c r="B42" s="411" t="s">
        <v>37</v>
      </c>
      <c r="C42" s="371">
        <v>0</v>
      </c>
      <c r="D42" s="372">
        <v>0</v>
      </c>
      <c r="E42" s="373">
        <v>0</v>
      </c>
      <c r="F42" s="374">
        <v>0</v>
      </c>
      <c r="G42" s="372">
        <v>22808</v>
      </c>
      <c r="H42" s="372">
        <v>98938</v>
      </c>
      <c r="I42" s="372">
        <v>135232</v>
      </c>
      <c r="J42" s="372">
        <v>0</v>
      </c>
      <c r="K42" s="372">
        <v>0</v>
      </c>
      <c r="L42" s="374">
        <v>256978</v>
      </c>
      <c r="M42" s="375">
        <v>256978</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21608</v>
      </c>
      <c r="CG42" s="372">
        <v>80330</v>
      </c>
      <c r="CH42" s="372">
        <v>101272</v>
      </c>
      <c r="CI42" s="372">
        <v>0</v>
      </c>
      <c r="CJ42" s="372">
        <v>0</v>
      </c>
      <c r="CK42" s="373">
        <v>203210</v>
      </c>
      <c r="CL42" s="375">
        <v>203210</v>
      </c>
      <c r="CM42" s="371">
        <v>0</v>
      </c>
      <c r="CN42" s="372">
        <v>0</v>
      </c>
      <c r="CO42" s="373">
        <v>0</v>
      </c>
      <c r="CP42" s="377">
        <v>0</v>
      </c>
      <c r="CQ42" s="372">
        <v>0</v>
      </c>
      <c r="CR42" s="372">
        <v>80330</v>
      </c>
      <c r="CS42" s="372">
        <v>0</v>
      </c>
      <c r="CT42" s="372">
        <v>0</v>
      </c>
      <c r="CU42" s="372">
        <v>0</v>
      </c>
      <c r="CV42" s="373">
        <v>80330</v>
      </c>
      <c r="CW42" s="375">
        <v>80330</v>
      </c>
      <c r="CX42" s="371">
        <v>0</v>
      </c>
      <c r="CY42" s="372">
        <v>0</v>
      </c>
      <c r="CZ42" s="373">
        <v>0</v>
      </c>
      <c r="DA42" s="371">
        <v>0</v>
      </c>
      <c r="DB42" s="372">
        <v>21608</v>
      </c>
      <c r="DC42" s="372">
        <v>0</v>
      </c>
      <c r="DD42" s="372">
        <v>101272</v>
      </c>
      <c r="DE42" s="372">
        <v>0</v>
      </c>
      <c r="DF42" s="372">
        <v>0</v>
      </c>
      <c r="DG42" s="373">
        <v>122880</v>
      </c>
      <c r="DH42" s="375">
        <v>122880</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18608</v>
      </c>
      <c r="FR42" s="372">
        <v>33960</v>
      </c>
      <c r="FS42" s="372">
        <v>0</v>
      </c>
      <c r="FT42" s="372">
        <v>0</v>
      </c>
      <c r="FU42" s="373">
        <v>53768</v>
      </c>
      <c r="FV42" s="375">
        <v>53768</v>
      </c>
      <c r="FW42" s="378">
        <v>0</v>
      </c>
      <c r="FX42" s="372">
        <v>0</v>
      </c>
      <c r="FY42" s="376">
        <v>0</v>
      </c>
      <c r="FZ42" s="377">
        <v>0</v>
      </c>
      <c r="GA42" s="372">
        <v>1200</v>
      </c>
      <c r="GB42" s="372">
        <v>18608</v>
      </c>
      <c r="GC42" s="372">
        <v>33960</v>
      </c>
      <c r="GD42" s="372">
        <v>0</v>
      </c>
      <c r="GE42" s="372">
        <v>0</v>
      </c>
      <c r="GF42" s="373">
        <v>53768</v>
      </c>
      <c r="GG42" s="379">
        <v>53768</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39504</v>
      </c>
      <c r="MM42" s="392">
        <v>0</v>
      </c>
      <c r="MN42" s="392">
        <v>0</v>
      </c>
      <c r="MO42" s="396">
        <v>239504</v>
      </c>
      <c r="MP42" s="401">
        <v>239504</v>
      </c>
      <c r="MQ42" s="395">
        <v>0</v>
      </c>
      <c r="MR42" s="392">
        <v>0</v>
      </c>
      <c r="MS42" s="396">
        <v>0</v>
      </c>
      <c r="MT42" s="405">
        <v>0</v>
      </c>
      <c r="MU42" s="392">
        <v>0</v>
      </c>
      <c r="MV42" s="392">
        <v>0</v>
      </c>
      <c r="MW42" s="392">
        <v>239504</v>
      </c>
      <c r="MX42" s="392">
        <v>0</v>
      </c>
      <c r="MY42" s="392">
        <v>0</v>
      </c>
      <c r="MZ42" s="396">
        <v>239504</v>
      </c>
      <c r="NA42" s="401">
        <v>239504</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22808</v>
      </c>
      <c r="ON42" s="392">
        <v>98938</v>
      </c>
      <c r="OO42" s="392">
        <v>374736</v>
      </c>
      <c r="OP42" s="392">
        <v>0</v>
      </c>
      <c r="OQ42" s="392">
        <v>0</v>
      </c>
      <c r="OR42" s="396">
        <v>496482</v>
      </c>
      <c r="OS42" s="401">
        <v>496482</v>
      </c>
    </row>
    <row r="43" spans="2:409" x14ac:dyDescent="0.2">
      <c r="B43" s="71"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7</v>
      </c>
      <c r="G1" s="572">
        <f>IF(F1&lt;3,F1-2+12,F1-2)</f>
        <v>5</v>
      </c>
      <c r="H1" s="572"/>
      <c r="IB1" s="42"/>
      <c r="IC1" s="22"/>
      <c r="ID1" s="547"/>
      <c r="IE1" s="547"/>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2: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2: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2: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2: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76"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2:409" s="407" customFormat="1" ht="21" customHeight="1" x14ac:dyDescent="0.2">
      <c r="B9" s="84" t="s">
        <v>4</v>
      </c>
      <c r="C9" s="255">
        <v>26228028</v>
      </c>
      <c r="D9" s="256">
        <v>50621892</v>
      </c>
      <c r="E9" s="257">
        <v>76849920</v>
      </c>
      <c r="F9" s="258">
        <v>0</v>
      </c>
      <c r="G9" s="256">
        <v>283416615</v>
      </c>
      <c r="H9" s="256">
        <v>383956942</v>
      </c>
      <c r="I9" s="256">
        <v>323633276</v>
      </c>
      <c r="J9" s="256">
        <v>312222700</v>
      </c>
      <c r="K9" s="256">
        <v>238986658</v>
      </c>
      <c r="L9" s="259">
        <v>1542216191</v>
      </c>
      <c r="M9" s="260">
        <v>1619066111</v>
      </c>
      <c r="N9" s="255">
        <v>8205798</v>
      </c>
      <c r="O9" s="256">
        <v>18691224</v>
      </c>
      <c r="P9" s="261">
        <v>26897022</v>
      </c>
      <c r="Q9" s="255">
        <v>0</v>
      </c>
      <c r="R9" s="256">
        <v>88131209</v>
      </c>
      <c r="S9" s="256">
        <v>134146508</v>
      </c>
      <c r="T9" s="256">
        <v>106913186</v>
      </c>
      <c r="U9" s="256">
        <v>110829631</v>
      </c>
      <c r="V9" s="256">
        <v>108620396</v>
      </c>
      <c r="W9" s="261">
        <v>548640930</v>
      </c>
      <c r="X9" s="260">
        <v>575537952</v>
      </c>
      <c r="Y9" s="255">
        <v>0</v>
      </c>
      <c r="Z9" s="256">
        <v>0</v>
      </c>
      <c r="AA9" s="261">
        <v>0</v>
      </c>
      <c r="AB9" s="262">
        <v>0</v>
      </c>
      <c r="AC9" s="263">
        <v>35144436</v>
      </c>
      <c r="AD9" s="263">
        <v>54537474</v>
      </c>
      <c r="AE9" s="263">
        <v>50518383</v>
      </c>
      <c r="AF9" s="263">
        <v>56076428</v>
      </c>
      <c r="AG9" s="263">
        <v>59643498</v>
      </c>
      <c r="AH9" s="261">
        <v>255920219</v>
      </c>
      <c r="AI9" s="260">
        <v>255920219</v>
      </c>
      <c r="AJ9" s="264">
        <v>0</v>
      </c>
      <c r="AK9" s="263">
        <v>65002</v>
      </c>
      <c r="AL9" s="261">
        <v>65002</v>
      </c>
      <c r="AM9" s="262">
        <v>0</v>
      </c>
      <c r="AN9" s="263">
        <v>412333</v>
      </c>
      <c r="AO9" s="259">
        <v>1271199</v>
      </c>
      <c r="AP9" s="263">
        <v>2751199</v>
      </c>
      <c r="AQ9" s="263">
        <v>7954241</v>
      </c>
      <c r="AR9" s="263">
        <v>12476811</v>
      </c>
      <c r="AS9" s="261">
        <v>24865783</v>
      </c>
      <c r="AT9" s="260">
        <v>24930785</v>
      </c>
      <c r="AU9" s="264">
        <v>4526124</v>
      </c>
      <c r="AV9" s="263">
        <v>13110476</v>
      </c>
      <c r="AW9" s="261">
        <v>17636600</v>
      </c>
      <c r="AX9" s="262">
        <v>0</v>
      </c>
      <c r="AY9" s="263">
        <v>33284948</v>
      </c>
      <c r="AZ9" s="263">
        <v>52969446</v>
      </c>
      <c r="BA9" s="263">
        <v>33509997</v>
      </c>
      <c r="BB9" s="263">
        <v>26938593</v>
      </c>
      <c r="BC9" s="263">
        <v>21161501</v>
      </c>
      <c r="BD9" s="261">
        <v>167864485</v>
      </c>
      <c r="BE9" s="265">
        <v>185501085</v>
      </c>
      <c r="BF9" s="264">
        <v>508555</v>
      </c>
      <c r="BG9" s="259">
        <v>1868333</v>
      </c>
      <c r="BH9" s="266">
        <v>2376888</v>
      </c>
      <c r="BI9" s="262">
        <v>0</v>
      </c>
      <c r="BJ9" s="263">
        <v>3072788</v>
      </c>
      <c r="BK9" s="263">
        <v>5471834</v>
      </c>
      <c r="BL9" s="263">
        <v>2535621</v>
      </c>
      <c r="BM9" s="263">
        <v>2640425</v>
      </c>
      <c r="BN9" s="263">
        <v>1726120</v>
      </c>
      <c r="BO9" s="261">
        <v>15446788</v>
      </c>
      <c r="BP9" s="260">
        <v>17823676</v>
      </c>
      <c r="BQ9" s="264">
        <v>3171119</v>
      </c>
      <c r="BR9" s="263">
        <v>3647413</v>
      </c>
      <c r="BS9" s="261">
        <v>6818532</v>
      </c>
      <c r="BT9" s="262">
        <v>0</v>
      </c>
      <c r="BU9" s="263">
        <v>16216704</v>
      </c>
      <c r="BV9" s="263">
        <v>19896555</v>
      </c>
      <c r="BW9" s="263">
        <v>17597986</v>
      </c>
      <c r="BX9" s="263">
        <v>17219944</v>
      </c>
      <c r="BY9" s="263">
        <v>13612466</v>
      </c>
      <c r="BZ9" s="261">
        <v>84543655</v>
      </c>
      <c r="CA9" s="260">
        <v>91362187</v>
      </c>
      <c r="CB9" s="264">
        <v>2463499</v>
      </c>
      <c r="CC9" s="263">
        <v>6224391</v>
      </c>
      <c r="CD9" s="261">
        <v>8687890</v>
      </c>
      <c r="CE9" s="262">
        <v>0</v>
      </c>
      <c r="CF9" s="263">
        <v>72800341</v>
      </c>
      <c r="CG9" s="263">
        <v>90411228</v>
      </c>
      <c r="CH9" s="267">
        <v>62359378</v>
      </c>
      <c r="CI9" s="263">
        <v>36856211</v>
      </c>
      <c r="CJ9" s="263">
        <v>17968344</v>
      </c>
      <c r="CK9" s="261">
        <v>280395502</v>
      </c>
      <c r="CL9" s="260">
        <v>289083392</v>
      </c>
      <c r="CM9" s="255">
        <v>12989</v>
      </c>
      <c r="CN9" s="256">
        <v>0</v>
      </c>
      <c r="CO9" s="261">
        <v>12989</v>
      </c>
      <c r="CP9" s="262">
        <v>0</v>
      </c>
      <c r="CQ9" s="263">
        <v>58072148</v>
      </c>
      <c r="CR9" s="263">
        <v>65596997</v>
      </c>
      <c r="CS9" s="263">
        <v>42823261</v>
      </c>
      <c r="CT9" s="263">
        <v>24475772</v>
      </c>
      <c r="CU9" s="263">
        <v>13082115</v>
      </c>
      <c r="CV9" s="268">
        <v>204050293</v>
      </c>
      <c r="CW9" s="260">
        <v>204063282</v>
      </c>
      <c r="CX9" s="264">
        <v>2450510</v>
      </c>
      <c r="CY9" s="263">
        <v>6224391</v>
      </c>
      <c r="CZ9" s="261">
        <v>8674901</v>
      </c>
      <c r="DA9" s="262">
        <v>0</v>
      </c>
      <c r="DB9" s="263">
        <v>14728193</v>
      </c>
      <c r="DC9" s="263">
        <v>24814231</v>
      </c>
      <c r="DD9" s="263">
        <v>19536117</v>
      </c>
      <c r="DE9" s="263">
        <v>12380439</v>
      </c>
      <c r="DF9" s="263">
        <v>4886229</v>
      </c>
      <c r="DG9" s="261">
        <v>76345209</v>
      </c>
      <c r="DH9" s="260">
        <v>85020110</v>
      </c>
      <c r="DI9" s="264">
        <v>22136</v>
      </c>
      <c r="DJ9" s="263">
        <v>547583</v>
      </c>
      <c r="DK9" s="266">
        <v>569719</v>
      </c>
      <c r="DL9" s="262">
        <v>0</v>
      </c>
      <c r="DM9" s="263">
        <v>8541945</v>
      </c>
      <c r="DN9" s="263">
        <v>15935574</v>
      </c>
      <c r="DO9" s="263">
        <v>24650176</v>
      </c>
      <c r="DP9" s="263">
        <v>24214860</v>
      </c>
      <c r="DQ9" s="263">
        <v>8968114</v>
      </c>
      <c r="DR9" s="269">
        <v>82310669</v>
      </c>
      <c r="DS9" s="260">
        <v>82880388</v>
      </c>
      <c r="DT9" s="264">
        <v>0</v>
      </c>
      <c r="DU9" s="263">
        <v>516292</v>
      </c>
      <c r="DV9" s="261">
        <v>516292</v>
      </c>
      <c r="DW9" s="262">
        <v>0</v>
      </c>
      <c r="DX9" s="263">
        <v>7383159</v>
      </c>
      <c r="DY9" s="263">
        <v>13108179</v>
      </c>
      <c r="DZ9" s="263">
        <v>20664792</v>
      </c>
      <c r="EA9" s="263">
        <v>19559045</v>
      </c>
      <c r="EB9" s="263">
        <v>7644731</v>
      </c>
      <c r="EC9" s="261">
        <v>68359906</v>
      </c>
      <c r="ED9" s="260">
        <v>68876198</v>
      </c>
      <c r="EE9" s="264">
        <v>22136</v>
      </c>
      <c r="EF9" s="259">
        <v>31291</v>
      </c>
      <c r="EG9" s="261">
        <v>53427</v>
      </c>
      <c r="EH9" s="265">
        <v>0</v>
      </c>
      <c r="EI9" s="263">
        <v>1158786</v>
      </c>
      <c r="EJ9" s="263">
        <v>2827395</v>
      </c>
      <c r="EK9" s="263">
        <v>3985384</v>
      </c>
      <c r="EL9" s="263">
        <v>4655815</v>
      </c>
      <c r="EM9" s="267">
        <v>1323383</v>
      </c>
      <c r="EN9" s="259">
        <v>13950763</v>
      </c>
      <c r="EO9" s="260">
        <v>14004190</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0</v>
      </c>
      <c r="FF9" s="263">
        <v>0</v>
      </c>
      <c r="FG9" s="263">
        <v>0</v>
      </c>
      <c r="FH9" s="263">
        <v>0</v>
      </c>
      <c r="FI9" s="263">
        <v>0</v>
      </c>
      <c r="FJ9" s="268">
        <v>0</v>
      </c>
      <c r="FK9" s="260">
        <v>0</v>
      </c>
      <c r="FL9" s="264">
        <v>4780449</v>
      </c>
      <c r="FM9" s="263">
        <v>11195748</v>
      </c>
      <c r="FN9" s="261">
        <v>15976197</v>
      </c>
      <c r="FO9" s="262">
        <v>0</v>
      </c>
      <c r="FP9" s="263">
        <v>13199419</v>
      </c>
      <c r="FQ9" s="263">
        <v>32695966</v>
      </c>
      <c r="FR9" s="263">
        <v>24240389</v>
      </c>
      <c r="FS9" s="263">
        <v>20742892</v>
      </c>
      <c r="FT9" s="263">
        <v>14039489</v>
      </c>
      <c r="FU9" s="261">
        <v>104918155</v>
      </c>
      <c r="FV9" s="260">
        <v>120894352</v>
      </c>
      <c r="FW9" s="264">
        <v>2573998</v>
      </c>
      <c r="FX9" s="263">
        <v>7221725</v>
      </c>
      <c r="FY9" s="259">
        <v>9795723</v>
      </c>
      <c r="FZ9" s="265">
        <v>0</v>
      </c>
      <c r="GA9" s="263">
        <v>9760147</v>
      </c>
      <c r="GB9" s="270">
        <v>29535231</v>
      </c>
      <c r="GC9" s="263">
        <v>20875556</v>
      </c>
      <c r="GD9" s="270">
        <v>19103638</v>
      </c>
      <c r="GE9" s="263">
        <v>13257823</v>
      </c>
      <c r="GF9" s="268">
        <v>92532395</v>
      </c>
      <c r="GG9" s="271">
        <v>102328118</v>
      </c>
      <c r="GH9" s="272">
        <v>334324</v>
      </c>
      <c r="GI9" s="263">
        <v>599962</v>
      </c>
      <c r="GJ9" s="270">
        <v>934286</v>
      </c>
      <c r="GK9" s="258">
        <v>0</v>
      </c>
      <c r="GL9" s="263">
        <v>1003855</v>
      </c>
      <c r="GM9" s="259">
        <v>988103</v>
      </c>
      <c r="GN9" s="263">
        <v>803729</v>
      </c>
      <c r="GO9" s="259">
        <v>915594</v>
      </c>
      <c r="GP9" s="263">
        <v>329326</v>
      </c>
      <c r="GQ9" s="269">
        <v>4040607</v>
      </c>
      <c r="GR9" s="260">
        <v>4974893</v>
      </c>
      <c r="GS9" s="259">
        <v>1872127</v>
      </c>
      <c r="GT9" s="263">
        <v>3374061</v>
      </c>
      <c r="GU9" s="261">
        <v>5246188</v>
      </c>
      <c r="GV9" s="259">
        <v>0</v>
      </c>
      <c r="GW9" s="263">
        <v>2435417</v>
      </c>
      <c r="GX9" s="259">
        <v>2172632</v>
      </c>
      <c r="GY9" s="263">
        <v>2561104</v>
      </c>
      <c r="GZ9" s="259">
        <v>723660</v>
      </c>
      <c r="HA9" s="263">
        <v>452340</v>
      </c>
      <c r="HB9" s="259">
        <v>8345153</v>
      </c>
      <c r="HC9" s="260">
        <v>13591341</v>
      </c>
      <c r="HD9" s="259">
        <v>10756146</v>
      </c>
      <c r="HE9" s="263">
        <v>13962946</v>
      </c>
      <c r="HF9" s="259">
        <v>24719092</v>
      </c>
      <c r="HG9" s="265">
        <v>0</v>
      </c>
      <c r="HH9" s="263">
        <v>100743701</v>
      </c>
      <c r="HI9" s="270">
        <v>110767666</v>
      </c>
      <c r="HJ9" s="263">
        <v>105470147</v>
      </c>
      <c r="HK9" s="270">
        <v>119579106</v>
      </c>
      <c r="HL9" s="263">
        <v>89390315</v>
      </c>
      <c r="HM9" s="268">
        <v>525950935</v>
      </c>
      <c r="HN9" s="259">
        <v>550670027</v>
      </c>
      <c r="HO9" s="272">
        <v>0</v>
      </c>
      <c r="HP9" s="263">
        <v>0</v>
      </c>
      <c r="HQ9" s="268">
        <v>0</v>
      </c>
      <c r="HR9" s="270">
        <v>0</v>
      </c>
      <c r="HS9" s="263">
        <v>0</v>
      </c>
      <c r="HT9" s="270">
        <v>0</v>
      </c>
      <c r="HU9" s="263">
        <v>0</v>
      </c>
      <c r="HV9" s="270">
        <v>0</v>
      </c>
      <c r="HW9" s="263">
        <v>0</v>
      </c>
      <c r="HX9" s="270">
        <v>0</v>
      </c>
      <c r="HY9" s="260">
        <v>0</v>
      </c>
      <c r="HZ9" s="273">
        <v>556382</v>
      </c>
      <c r="IA9" s="274">
        <v>1567527</v>
      </c>
      <c r="IB9" s="275">
        <v>2123909</v>
      </c>
      <c r="IC9" s="276">
        <v>0</v>
      </c>
      <c r="ID9" s="274">
        <v>55440696</v>
      </c>
      <c r="IE9" s="277">
        <v>80501558</v>
      </c>
      <c r="IF9" s="278">
        <v>87141411</v>
      </c>
      <c r="IG9" s="274">
        <v>58054710</v>
      </c>
      <c r="IH9" s="278">
        <v>52027960</v>
      </c>
      <c r="II9" s="279">
        <v>333166335</v>
      </c>
      <c r="IJ9" s="280">
        <v>335290244</v>
      </c>
      <c r="IK9" s="281">
        <v>0</v>
      </c>
      <c r="IL9" s="282">
        <v>0</v>
      </c>
      <c r="IM9" s="283">
        <v>0</v>
      </c>
      <c r="IN9" s="402">
        <v>0</v>
      </c>
      <c r="IO9" s="284">
        <v>957653</v>
      </c>
      <c r="IP9" s="284">
        <v>3687927</v>
      </c>
      <c r="IQ9" s="284">
        <v>3872100</v>
      </c>
      <c r="IR9" s="284">
        <v>5557312</v>
      </c>
      <c r="IS9" s="284">
        <v>6603310</v>
      </c>
      <c r="IT9" s="285">
        <v>20678302</v>
      </c>
      <c r="IU9" s="286">
        <v>20678302</v>
      </c>
      <c r="IV9" s="287">
        <v>0</v>
      </c>
      <c r="IW9" s="284">
        <v>0</v>
      </c>
      <c r="IX9" s="288">
        <v>0</v>
      </c>
      <c r="IY9" s="402">
        <v>0</v>
      </c>
      <c r="IZ9" s="284">
        <v>154605</v>
      </c>
      <c r="JA9" s="284">
        <v>499252</v>
      </c>
      <c r="JB9" s="284">
        <v>555473</v>
      </c>
      <c r="JC9" s="284">
        <v>723289</v>
      </c>
      <c r="JD9" s="284">
        <v>977399</v>
      </c>
      <c r="JE9" s="288">
        <v>2910018</v>
      </c>
      <c r="JF9" s="289">
        <v>2910018</v>
      </c>
      <c r="JG9" s="287">
        <v>0</v>
      </c>
      <c r="JH9" s="284">
        <v>0</v>
      </c>
      <c r="JI9" s="285">
        <v>0</v>
      </c>
      <c r="JJ9" s="290">
        <v>0</v>
      </c>
      <c r="JK9" s="284">
        <v>27904845</v>
      </c>
      <c r="JL9" s="284">
        <v>31676579</v>
      </c>
      <c r="JM9" s="284">
        <v>20401791</v>
      </c>
      <c r="JN9" s="284">
        <v>10338666</v>
      </c>
      <c r="JO9" s="284">
        <v>4956852</v>
      </c>
      <c r="JP9" s="288">
        <v>95278733</v>
      </c>
      <c r="JQ9" s="286">
        <v>95278733</v>
      </c>
      <c r="JR9" s="287">
        <v>31491</v>
      </c>
      <c r="JS9" s="284">
        <v>0</v>
      </c>
      <c r="JT9" s="285">
        <v>31491</v>
      </c>
      <c r="JU9" s="290">
        <v>0</v>
      </c>
      <c r="JV9" s="284">
        <v>3213890</v>
      </c>
      <c r="JW9" s="284">
        <v>4835765</v>
      </c>
      <c r="JX9" s="284">
        <v>7987914</v>
      </c>
      <c r="JY9" s="284">
        <v>2210595</v>
      </c>
      <c r="JZ9" s="284">
        <v>3479145</v>
      </c>
      <c r="KA9" s="288">
        <v>21727309</v>
      </c>
      <c r="KB9" s="286">
        <v>21758800</v>
      </c>
      <c r="KC9" s="291">
        <v>524891</v>
      </c>
      <c r="KD9" s="292">
        <v>1567527</v>
      </c>
      <c r="KE9" s="288">
        <v>2092418</v>
      </c>
      <c r="KF9" s="290">
        <v>0</v>
      </c>
      <c r="KG9" s="284">
        <v>7628498</v>
      </c>
      <c r="KH9" s="284">
        <v>8332467</v>
      </c>
      <c r="KI9" s="284">
        <v>15282928</v>
      </c>
      <c r="KJ9" s="284">
        <v>9198821</v>
      </c>
      <c r="KK9" s="284">
        <v>6091507</v>
      </c>
      <c r="KL9" s="288">
        <v>46534221</v>
      </c>
      <c r="KM9" s="293">
        <v>48626639</v>
      </c>
      <c r="KN9" s="281">
        <v>0</v>
      </c>
      <c r="KO9" s="282">
        <v>0</v>
      </c>
      <c r="KP9" s="283">
        <v>0</v>
      </c>
      <c r="KQ9" s="406">
        <v>0</v>
      </c>
      <c r="KR9" s="284">
        <v>15219080</v>
      </c>
      <c r="KS9" s="284">
        <v>27078697</v>
      </c>
      <c r="KT9" s="284">
        <v>32296752</v>
      </c>
      <c r="KU9" s="284">
        <v>19652649</v>
      </c>
      <c r="KV9" s="284">
        <v>17483365</v>
      </c>
      <c r="KW9" s="288">
        <v>111730543</v>
      </c>
      <c r="KX9" s="286">
        <v>111730543</v>
      </c>
      <c r="KY9" s="287">
        <v>0</v>
      </c>
      <c r="KZ9" s="284">
        <v>0</v>
      </c>
      <c r="LA9" s="288">
        <v>0</v>
      </c>
      <c r="LB9" s="406">
        <v>0</v>
      </c>
      <c r="LC9" s="284">
        <v>139636</v>
      </c>
      <c r="LD9" s="284">
        <v>953997</v>
      </c>
      <c r="LE9" s="284">
        <v>1403931</v>
      </c>
      <c r="LF9" s="284">
        <v>973064</v>
      </c>
      <c r="LG9" s="284">
        <v>1341304</v>
      </c>
      <c r="LH9" s="288">
        <v>4811932</v>
      </c>
      <c r="LI9" s="289">
        <v>4811932</v>
      </c>
      <c r="LJ9" s="287">
        <v>0</v>
      </c>
      <c r="LK9" s="284">
        <v>0</v>
      </c>
      <c r="LL9" s="288">
        <v>0</v>
      </c>
      <c r="LM9" s="406">
        <v>0</v>
      </c>
      <c r="LN9" s="284">
        <v>0</v>
      </c>
      <c r="LO9" s="284">
        <v>216617</v>
      </c>
      <c r="LP9" s="284">
        <v>1153694</v>
      </c>
      <c r="LQ9" s="284">
        <v>5138550</v>
      </c>
      <c r="LR9" s="284">
        <v>1953284</v>
      </c>
      <c r="LS9" s="288">
        <v>8462145</v>
      </c>
      <c r="LT9" s="286">
        <v>8462145</v>
      </c>
      <c r="LU9" s="287">
        <v>0</v>
      </c>
      <c r="LV9" s="284">
        <v>0</v>
      </c>
      <c r="LW9" s="288">
        <v>0</v>
      </c>
      <c r="LX9" s="406">
        <v>0</v>
      </c>
      <c r="LY9" s="284">
        <v>222489</v>
      </c>
      <c r="LZ9" s="284">
        <v>3220257</v>
      </c>
      <c r="MA9" s="284">
        <v>4186828</v>
      </c>
      <c r="MB9" s="284">
        <v>4261764</v>
      </c>
      <c r="MC9" s="284">
        <v>9141794</v>
      </c>
      <c r="MD9" s="288">
        <v>21033132</v>
      </c>
      <c r="ME9" s="289">
        <v>21033132</v>
      </c>
      <c r="MF9" s="287">
        <v>0</v>
      </c>
      <c r="MG9" s="284">
        <v>0</v>
      </c>
      <c r="MH9" s="288">
        <v>0</v>
      </c>
      <c r="MI9" s="406">
        <v>0</v>
      </c>
      <c r="MJ9" s="284">
        <v>17404065</v>
      </c>
      <c r="MK9" s="284">
        <v>41910594</v>
      </c>
      <c r="ML9" s="284">
        <v>119807563</v>
      </c>
      <c r="MM9" s="284">
        <v>175317366</v>
      </c>
      <c r="MN9" s="284">
        <v>108243468</v>
      </c>
      <c r="MO9" s="288">
        <v>462683056</v>
      </c>
      <c r="MP9" s="293">
        <v>462683056</v>
      </c>
      <c r="MQ9" s="287">
        <v>0</v>
      </c>
      <c r="MR9" s="284">
        <v>0</v>
      </c>
      <c r="MS9" s="288">
        <v>0</v>
      </c>
      <c r="MT9" s="406">
        <v>0</v>
      </c>
      <c r="MU9" s="284">
        <v>2513933</v>
      </c>
      <c r="MV9" s="284">
        <v>8984055</v>
      </c>
      <c r="MW9" s="284">
        <v>65769729</v>
      </c>
      <c r="MX9" s="284">
        <v>98564822</v>
      </c>
      <c r="MY9" s="284">
        <v>69824320</v>
      </c>
      <c r="MZ9" s="288">
        <v>245656859</v>
      </c>
      <c r="NA9" s="293">
        <v>245656859</v>
      </c>
      <c r="NB9" s="287">
        <v>0</v>
      </c>
      <c r="NC9" s="284">
        <v>0</v>
      </c>
      <c r="ND9" s="288">
        <v>0</v>
      </c>
      <c r="NE9" s="406">
        <v>0</v>
      </c>
      <c r="NF9" s="284">
        <v>14646441</v>
      </c>
      <c r="NG9" s="284">
        <v>32617696</v>
      </c>
      <c r="NH9" s="284">
        <v>53423804</v>
      </c>
      <c r="NI9" s="284">
        <v>71085058</v>
      </c>
      <c r="NJ9" s="284">
        <v>31972247</v>
      </c>
      <c r="NK9" s="288">
        <v>203745246</v>
      </c>
      <c r="NL9" s="286">
        <v>203745246</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243691</v>
      </c>
      <c r="OC9" s="284">
        <v>308843</v>
      </c>
      <c r="OD9" s="284">
        <v>614030</v>
      </c>
      <c r="OE9" s="284">
        <v>5667486</v>
      </c>
      <c r="OF9" s="284">
        <v>6446901</v>
      </c>
      <c r="OG9" s="288">
        <v>13280951</v>
      </c>
      <c r="OH9" s="289">
        <v>13280951</v>
      </c>
      <c r="OI9" s="287">
        <v>26784410</v>
      </c>
      <c r="OJ9" s="284">
        <v>52189419</v>
      </c>
      <c r="OK9" s="285">
        <v>78973829</v>
      </c>
      <c r="OL9" s="290">
        <v>0</v>
      </c>
      <c r="OM9" s="284">
        <v>356261376</v>
      </c>
      <c r="ON9" s="284">
        <v>506369094</v>
      </c>
      <c r="OO9" s="284">
        <v>530582250</v>
      </c>
      <c r="OP9" s="284">
        <v>545594776</v>
      </c>
      <c r="OQ9" s="284">
        <v>399258086</v>
      </c>
      <c r="OR9" s="288">
        <v>2338065582</v>
      </c>
      <c r="OS9" s="293">
        <v>2417039411</v>
      </c>
    </row>
    <row r="10" spans="2:409" s="407" customFormat="1" ht="21" customHeight="1" x14ac:dyDescent="0.2">
      <c r="B10" s="95" t="s">
        <v>5</v>
      </c>
      <c r="C10" s="295">
        <v>11792966</v>
      </c>
      <c r="D10" s="296">
        <v>26308052</v>
      </c>
      <c r="E10" s="297">
        <v>38101018</v>
      </c>
      <c r="F10" s="298">
        <v>0</v>
      </c>
      <c r="G10" s="296">
        <v>106013973</v>
      </c>
      <c r="H10" s="296">
        <v>182063009</v>
      </c>
      <c r="I10" s="296">
        <v>142653559</v>
      </c>
      <c r="J10" s="296">
        <v>137994245</v>
      </c>
      <c r="K10" s="296">
        <v>106188936</v>
      </c>
      <c r="L10" s="298">
        <v>674913722</v>
      </c>
      <c r="M10" s="299">
        <v>713014740</v>
      </c>
      <c r="N10" s="295">
        <v>3630761</v>
      </c>
      <c r="O10" s="296">
        <v>10260737</v>
      </c>
      <c r="P10" s="297">
        <v>13891498</v>
      </c>
      <c r="Q10" s="295">
        <v>0</v>
      </c>
      <c r="R10" s="296">
        <v>33269081</v>
      </c>
      <c r="S10" s="296">
        <v>65963539</v>
      </c>
      <c r="T10" s="296">
        <v>45862463</v>
      </c>
      <c r="U10" s="296">
        <v>47207859</v>
      </c>
      <c r="V10" s="296">
        <v>52022193</v>
      </c>
      <c r="W10" s="297">
        <v>244325135</v>
      </c>
      <c r="X10" s="299">
        <v>258216633</v>
      </c>
      <c r="Y10" s="295">
        <v>0</v>
      </c>
      <c r="Z10" s="296">
        <v>0</v>
      </c>
      <c r="AA10" s="297">
        <v>0</v>
      </c>
      <c r="AB10" s="295">
        <v>0</v>
      </c>
      <c r="AC10" s="296">
        <v>13180588</v>
      </c>
      <c r="AD10" s="296">
        <v>24222196</v>
      </c>
      <c r="AE10" s="296">
        <v>19058763</v>
      </c>
      <c r="AF10" s="296">
        <v>23054960</v>
      </c>
      <c r="AG10" s="296">
        <v>28122055</v>
      </c>
      <c r="AH10" s="297">
        <v>107638562</v>
      </c>
      <c r="AI10" s="299">
        <v>107638562</v>
      </c>
      <c r="AJ10" s="295">
        <v>0</v>
      </c>
      <c r="AK10" s="296">
        <v>65002</v>
      </c>
      <c r="AL10" s="297">
        <v>65002</v>
      </c>
      <c r="AM10" s="295">
        <v>0</v>
      </c>
      <c r="AN10" s="296">
        <v>143019</v>
      </c>
      <c r="AO10" s="296">
        <v>422287</v>
      </c>
      <c r="AP10" s="296">
        <v>1046859</v>
      </c>
      <c r="AQ10" s="296">
        <v>2685684</v>
      </c>
      <c r="AR10" s="296">
        <v>6904733</v>
      </c>
      <c r="AS10" s="297">
        <v>11202582</v>
      </c>
      <c r="AT10" s="299">
        <v>11267584</v>
      </c>
      <c r="AU10" s="295">
        <v>1902702</v>
      </c>
      <c r="AV10" s="296">
        <v>7098850</v>
      </c>
      <c r="AW10" s="297">
        <v>9001552</v>
      </c>
      <c r="AX10" s="295">
        <v>0</v>
      </c>
      <c r="AY10" s="296">
        <v>12204483</v>
      </c>
      <c r="AZ10" s="296">
        <v>29372226</v>
      </c>
      <c r="BA10" s="296">
        <v>17006073</v>
      </c>
      <c r="BB10" s="296">
        <v>12654489</v>
      </c>
      <c r="BC10" s="296">
        <v>10682181</v>
      </c>
      <c r="BD10" s="297">
        <v>81919452</v>
      </c>
      <c r="BE10" s="299">
        <v>90921004</v>
      </c>
      <c r="BF10" s="295">
        <v>208415</v>
      </c>
      <c r="BG10" s="296">
        <v>1110173</v>
      </c>
      <c r="BH10" s="300">
        <v>1318588</v>
      </c>
      <c r="BI10" s="301">
        <v>0</v>
      </c>
      <c r="BJ10" s="296">
        <v>1102618</v>
      </c>
      <c r="BK10" s="296">
        <v>2818914</v>
      </c>
      <c r="BL10" s="296">
        <v>1116134</v>
      </c>
      <c r="BM10" s="296">
        <v>1073505</v>
      </c>
      <c r="BN10" s="296">
        <v>649447</v>
      </c>
      <c r="BO10" s="297">
        <v>6760618</v>
      </c>
      <c r="BP10" s="299">
        <v>8079206</v>
      </c>
      <c r="BQ10" s="295">
        <v>1519644</v>
      </c>
      <c r="BR10" s="296">
        <v>1986712</v>
      </c>
      <c r="BS10" s="297">
        <v>3506356</v>
      </c>
      <c r="BT10" s="295">
        <v>0</v>
      </c>
      <c r="BU10" s="296">
        <v>6638373</v>
      </c>
      <c r="BV10" s="296">
        <v>9127916</v>
      </c>
      <c r="BW10" s="296">
        <v>7634634</v>
      </c>
      <c r="BX10" s="296">
        <v>7739221</v>
      </c>
      <c r="BY10" s="296">
        <v>5663777</v>
      </c>
      <c r="BZ10" s="297">
        <v>36803921</v>
      </c>
      <c r="CA10" s="299">
        <v>40310277</v>
      </c>
      <c r="CB10" s="295">
        <v>1182178</v>
      </c>
      <c r="CC10" s="296">
        <v>3184958</v>
      </c>
      <c r="CD10" s="297">
        <v>4367136</v>
      </c>
      <c r="CE10" s="295">
        <v>0</v>
      </c>
      <c r="CF10" s="296">
        <v>24462230</v>
      </c>
      <c r="CG10" s="296">
        <v>40374682</v>
      </c>
      <c r="CH10" s="296">
        <v>24655053</v>
      </c>
      <c r="CI10" s="296">
        <v>14471961</v>
      </c>
      <c r="CJ10" s="296">
        <v>6975819</v>
      </c>
      <c r="CK10" s="297">
        <v>110939745</v>
      </c>
      <c r="CL10" s="299">
        <v>115306881</v>
      </c>
      <c r="CM10" s="295">
        <v>12989</v>
      </c>
      <c r="CN10" s="296">
        <v>0</v>
      </c>
      <c r="CO10" s="297">
        <v>12989</v>
      </c>
      <c r="CP10" s="301">
        <v>0</v>
      </c>
      <c r="CQ10" s="296">
        <v>19650177</v>
      </c>
      <c r="CR10" s="296">
        <v>28258825</v>
      </c>
      <c r="CS10" s="296">
        <v>16331909</v>
      </c>
      <c r="CT10" s="296">
        <v>9661481</v>
      </c>
      <c r="CU10" s="296">
        <v>4608684</v>
      </c>
      <c r="CV10" s="297">
        <v>78511076</v>
      </c>
      <c r="CW10" s="299">
        <v>78524065</v>
      </c>
      <c r="CX10" s="295">
        <v>1169189</v>
      </c>
      <c r="CY10" s="296">
        <v>3184958</v>
      </c>
      <c r="CZ10" s="297">
        <v>4354147</v>
      </c>
      <c r="DA10" s="295">
        <v>0</v>
      </c>
      <c r="DB10" s="296">
        <v>4812053</v>
      </c>
      <c r="DC10" s="296">
        <v>12115857</v>
      </c>
      <c r="DD10" s="296">
        <v>8323144</v>
      </c>
      <c r="DE10" s="296">
        <v>4810480</v>
      </c>
      <c r="DF10" s="296">
        <v>2367135</v>
      </c>
      <c r="DG10" s="297">
        <v>32428669</v>
      </c>
      <c r="DH10" s="299">
        <v>36782816</v>
      </c>
      <c r="DI10" s="295">
        <v>22136</v>
      </c>
      <c r="DJ10" s="296">
        <v>263033</v>
      </c>
      <c r="DK10" s="300">
        <v>285169</v>
      </c>
      <c r="DL10" s="301">
        <v>0</v>
      </c>
      <c r="DM10" s="296">
        <v>3494664</v>
      </c>
      <c r="DN10" s="296">
        <v>6599643</v>
      </c>
      <c r="DO10" s="296">
        <v>11748471</v>
      </c>
      <c r="DP10" s="296">
        <v>13781487</v>
      </c>
      <c r="DQ10" s="296">
        <v>2882723</v>
      </c>
      <c r="DR10" s="297">
        <v>38506988</v>
      </c>
      <c r="DS10" s="299">
        <v>38792157</v>
      </c>
      <c r="DT10" s="295">
        <v>0</v>
      </c>
      <c r="DU10" s="296">
        <v>231742</v>
      </c>
      <c r="DV10" s="297">
        <v>231742</v>
      </c>
      <c r="DW10" s="295">
        <v>0</v>
      </c>
      <c r="DX10" s="296">
        <v>2992449</v>
      </c>
      <c r="DY10" s="296">
        <v>4822892</v>
      </c>
      <c r="DZ10" s="296">
        <v>9201851</v>
      </c>
      <c r="EA10" s="296">
        <v>10784601</v>
      </c>
      <c r="EB10" s="296">
        <v>2199965</v>
      </c>
      <c r="EC10" s="297">
        <v>30001758</v>
      </c>
      <c r="ED10" s="299">
        <v>30233500</v>
      </c>
      <c r="EE10" s="295">
        <v>22136</v>
      </c>
      <c r="EF10" s="300">
        <v>31291</v>
      </c>
      <c r="EG10" s="297">
        <v>53427</v>
      </c>
      <c r="EH10" s="295">
        <v>0</v>
      </c>
      <c r="EI10" s="296">
        <v>502215</v>
      </c>
      <c r="EJ10" s="296">
        <v>1776751</v>
      </c>
      <c r="EK10" s="296">
        <v>2546620</v>
      </c>
      <c r="EL10" s="296">
        <v>2996886</v>
      </c>
      <c r="EM10" s="296">
        <v>682758</v>
      </c>
      <c r="EN10" s="300">
        <v>8505230</v>
      </c>
      <c r="EO10" s="299">
        <v>8558657</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155231</v>
      </c>
      <c r="FM10" s="296">
        <v>5463028</v>
      </c>
      <c r="FN10" s="297">
        <v>7618259</v>
      </c>
      <c r="FO10" s="295">
        <v>0</v>
      </c>
      <c r="FP10" s="296">
        <v>4313179</v>
      </c>
      <c r="FQ10" s="296">
        <v>15336172</v>
      </c>
      <c r="FR10" s="296">
        <v>10325198</v>
      </c>
      <c r="FS10" s="296">
        <v>8412343</v>
      </c>
      <c r="FT10" s="296">
        <v>5927514</v>
      </c>
      <c r="FU10" s="297">
        <v>44314406</v>
      </c>
      <c r="FV10" s="299">
        <v>51932665</v>
      </c>
      <c r="FW10" s="302">
        <v>899598</v>
      </c>
      <c r="FX10" s="296">
        <v>3336452</v>
      </c>
      <c r="FY10" s="300">
        <v>4236050</v>
      </c>
      <c r="FZ10" s="301">
        <v>0</v>
      </c>
      <c r="GA10" s="296">
        <v>2800224</v>
      </c>
      <c r="GB10" s="296">
        <v>13583760</v>
      </c>
      <c r="GC10" s="296">
        <v>8891115</v>
      </c>
      <c r="GD10" s="296">
        <v>7660350</v>
      </c>
      <c r="GE10" s="296">
        <v>5704949</v>
      </c>
      <c r="GF10" s="297">
        <v>38640398</v>
      </c>
      <c r="GG10" s="303">
        <v>42876448</v>
      </c>
      <c r="GH10" s="302">
        <v>215995</v>
      </c>
      <c r="GI10" s="296">
        <v>395475</v>
      </c>
      <c r="GJ10" s="300">
        <v>611470</v>
      </c>
      <c r="GK10" s="301">
        <v>0</v>
      </c>
      <c r="GL10" s="296">
        <v>353195</v>
      </c>
      <c r="GM10" s="296">
        <v>601423</v>
      </c>
      <c r="GN10" s="296">
        <v>361823</v>
      </c>
      <c r="GO10" s="296">
        <v>390583</v>
      </c>
      <c r="GP10" s="296">
        <v>145565</v>
      </c>
      <c r="GQ10" s="297">
        <v>1852589</v>
      </c>
      <c r="GR10" s="299">
        <v>2464059</v>
      </c>
      <c r="GS10" s="295">
        <v>1039638</v>
      </c>
      <c r="GT10" s="296">
        <v>1731101</v>
      </c>
      <c r="GU10" s="297">
        <v>2770739</v>
      </c>
      <c r="GV10" s="295">
        <v>0</v>
      </c>
      <c r="GW10" s="296">
        <v>1159760</v>
      </c>
      <c r="GX10" s="296">
        <v>1150989</v>
      </c>
      <c r="GY10" s="296">
        <v>1072260</v>
      </c>
      <c r="GZ10" s="296">
        <v>361410</v>
      </c>
      <c r="HA10" s="296">
        <v>77000</v>
      </c>
      <c r="HB10" s="300">
        <v>3821419</v>
      </c>
      <c r="HC10" s="299">
        <v>6592158</v>
      </c>
      <c r="HD10" s="295">
        <v>4802660</v>
      </c>
      <c r="HE10" s="296">
        <v>7136296</v>
      </c>
      <c r="HF10" s="300">
        <v>11938956</v>
      </c>
      <c r="HG10" s="301">
        <v>0</v>
      </c>
      <c r="HH10" s="296">
        <v>40474819</v>
      </c>
      <c r="HI10" s="296">
        <v>53788973</v>
      </c>
      <c r="HJ10" s="296">
        <v>50062374</v>
      </c>
      <c r="HK10" s="296">
        <v>54120595</v>
      </c>
      <c r="HL10" s="296">
        <v>38380687</v>
      </c>
      <c r="HM10" s="297">
        <v>236827448</v>
      </c>
      <c r="HN10" s="298">
        <v>248766404</v>
      </c>
      <c r="HO10" s="302">
        <v>0</v>
      </c>
      <c r="HP10" s="296">
        <v>0</v>
      </c>
      <c r="HQ10" s="297">
        <v>0</v>
      </c>
      <c r="HR10" s="295">
        <v>0</v>
      </c>
      <c r="HS10" s="296">
        <v>0</v>
      </c>
      <c r="HT10" s="296">
        <v>0</v>
      </c>
      <c r="HU10" s="296">
        <v>0</v>
      </c>
      <c r="HV10" s="296">
        <v>0</v>
      </c>
      <c r="HW10" s="296">
        <v>0</v>
      </c>
      <c r="HX10" s="300">
        <v>0</v>
      </c>
      <c r="HY10" s="299">
        <v>0</v>
      </c>
      <c r="HZ10" s="304">
        <v>263979</v>
      </c>
      <c r="IA10" s="305">
        <v>829976</v>
      </c>
      <c r="IB10" s="306">
        <v>1093955</v>
      </c>
      <c r="IC10" s="307">
        <v>0</v>
      </c>
      <c r="ID10" s="308">
        <v>21192069</v>
      </c>
      <c r="IE10" s="309">
        <v>35502817</v>
      </c>
      <c r="IF10" s="310">
        <v>38243197</v>
      </c>
      <c r="IG10" s="308">
        <v>26414441</v>
      </c>
      <c r="IH10" s="310">
        <v>20966404</v>
      </c>
      <c r="II10" s="311">
        <v>142318928</v>
      </c>
      <c r="IJ10" s="312">
        <v>143412883</v>
      </c>
      <c r="IK10" s="313">
        <v>0</v>
      </c>
      <c r="IL10" s="314">
        <v>0</v>
      </c>
      <c r="IM10" s="315">
        <v>0</v>
      </c>
      <c r="IN10" s="403">
        <v>0</v>
      </c>
      <c r="IO10" s="316">
        <v>455289</v>
      </c>
      <c r="IP10" s="316">
        <v>1639650</v>
      </c>
      <c r="IQ10" s="316">
        <v>2283410</v>
      </c>
      <c r="IR10" s="316">
        <v>2202122</v>
      </c>
      <c r="IS10" s="316">
        <v>3275896</v>
      </c>
      <c r="IT10" s="317">
        <v>9856367</v>
      </c>
      <c r="IU10" s="318">
        <v>9856367</v>
      </c>
      <c r="IV10" s="319">
        <v>0</v>
      </c>
      <c r="IW10" s="316">
        <v>0</v>
      </c>
      <c r="IX10" s="320">
        <v>0</v>
      </c>
      <c r="IY10" s="403">
        <v>0</v>
      </c>
      <c r="IZ10" s="316">
        <v>84615</v>
      </c>
      <c r="JA10" s="316">
        <v>370971</v>
      </c>
      <c r="JB10" s="316">
        <v>438004</v>
      </c>
      <c r="JC10" s="316">
        <v>556749</v>
      </c>
      <c r="JD10" s="316">
        <v>788190</v>
      </c>
      <c r="JE10" s="320">
        <v>2238529</v>
      </c>
      <c r="JF10" s="321">
        <v>2238529</v>
      </c>
      <c r="JG10" s="319">
        <v>0</v>
      </c>
      <c r="JH10" s="316">
        <v>0</v>
      </c>
      <c r="JI10" s="317">
        <v>0</v>
      </c>
      <c r="JJ10" s="322">
        <v>0</v>
      </c>
      <c r="JK10" s="316">
        <v>10002880</v>
      </c>
      <c r="JL10" s="316">
        <v>16324052</v>
      </c>
      <c r="JM10" s="316">
        <v>10372415</v>
      </c>
      <c r="JN10" s="316">
        <v>4732781</v>
      </c>
      <c r="JO10" s="316">
        <v>1491476</v>
      </c>
      <c r="JP10" s="320">
        <v>42923604</v>
      </c>
      <c r="JQ10" s="318">
        <v>42923604</v>
      </c>
      <c r="JR10" s="319">
        <v>31491</v>
      </c>
      <c r="JS10" s="316">
        <v>0</v>
      </c>
      <c r="JT10" s="317">
        <v>31491</v>
      </c>
      <c r="JU10" s="322">
        <v>0</v>
      </c>
      <c r="JV10" s="316">
        <v>1862989</v>
      </c>
      <c r="JW10" s="316">
        <v>2474209</v>
      </c>
      <c r="JX10" s="316">
        <v>4369282</v>
      </c>
      <c r="JY10" s="316">
        <v>1182164</v>
      </c>
      <c r="JZ10" s="316">
        <v>2501083</v>
      </c>
      <c r="KA10" s="320">
        <v>12389727</v>
      </c>
      <c r="KB10" s="318">
        <v>12421218</v>
      </c>
      <c r="KC10" s="323">
        <v>232488</v>
      </c>
      <c r="KD10" s="324">
        <v>829976</v>
      </c>
      <c r="KE10" s="320">
        <v>1062464</v>
      </c>
      <c r="KF10" s="322">
        <v>0</v>
      </c>
      <c r="KG10" s="316">
        <v>3378830</v>
      </c>
      <c r="KH10" s="316">
        <v>4170957</v>
      </c>
      <c r="KI10" s="316">
        <v>7041332</v>
      </c>
      <c r="KJ10" s="316">
        <v>5674208</v>
      </c>
      <c r="KK10" s="316">
        <v>2818559</v>
      </c>
      <c r="KL10" s="320">
        <v>23083886</v>
      </c>
      <c r="KM10" s="325">
        <v>24146350</v>
      </c>
      <c r="KN10" s="313">
        <v>0</v>
      </c>
      <c r="KO10" s="314">
        <v>0</v>
      </c>
      <c r="KP10" s="315">
        <v>0</v>
      </c>
      <c r="KQ10" s="403">
        <v>0</v>
      </c>
      <c r="KR10" s="316">
        <v>6711802</v>
      </c>
      <c r="KS10" s="316">
        <v>9524708</v>
      </c>
      <c r="KT10" s="316">
        <v>12671156</v>
      </c>
      <c r="KU10" s="316">
        <v>9651646</v>
      </c>
      <c r="KV10" s="316">
        <v>7124512</v>
      </c>
      <c r="KW10" s="320">
        <v>45683824</v>
      </c>
      <c r="KX10" s="318">
        <v>45683824</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275314</v>
      </c>
      <c r="LR10" s="316">
        <v>293586</v>
      </c>
      <c r="LS10" s="320">
        <v>568900</v>
      </c>
      <c r="LT10" s="318">
        <v>568900</v>
      </c>
      <c r="LU10" s="319">
        <v>0</v>
      </c>
      <c r="LV10" s="316">
        <v>0</v>
      </c>
      <c r="LW10" s="320">
        <v>0</v>
      </c>
      <c r="LX10" s="403">
        <v>0</v>
      </c>
      <c r="LY10" s="316">
        <v>-1304336</v>
      </c>
      <c r="LZ10" s="316">
        <v>998270</v>
      </c>
      <c r="MA10" s="316">
        <v>1067598</v>
      </c>
      <c r="MB10" s="316">
        <v>2139457</v>
      </c>
      <c r="MC10" s="316">
        <v>2673102</v>
      </c>
      <c r="MD10" s="320">
        <v>5574091</v>
      </c>
      <c r="ME10" s="321">
        <v>5574091</v>
      </c>
      <c r="MF10" s="319">
        <v>0</v>
      </c>
      <c r="MG10" s="316">
        <v>0</v>
      </c>
      <c r="MH10" s="320">
        <v>0</v>
      </c>
      <c r="MI10" s="403">
        <v>0</v>
      </c>
      <c r="MJ10" s="316">
        <v>8508304</v>
      </c>
      <c r="MK10" s="316">
        <v>23549936</v>
      </c>
      <c r="ML10" s="316">
        <v>61226753</v>
      </c>
      <c r="MM10" s="316">
        <v>82131369</v>
      </c>
      <c r="MN10" s="316">
        <v>47755524</v>
      </c>
      <c r="MO10" s="320">
        <v>223171886</v>
      </c>
      <c r="MP10" s="325">
        <v>223171886</v>
      </c>
      <c r="MQ10" s="319">
        <v>0</v>
      </c>
      <c r="MR10" s="316">
        <v>0</v>
      </c>
      <c r="MS10" s="320">
        <v>0</v>
      </c>
      <c r="MT10" s="403">
        <v>0</v>
      </c>
      <c r="MU10" s="316">
        <v>1792673</v>
      </c>
      <c r="MV10" s="316">
        <v>5641969</v>
      </c>
      <c r="MW10" s="316">
        <v>34004033</v>
      </c>
      <c r="MX10" s="316">
        <v>44106163</v>
      </c>
      <c r="MY10" s="316">
        <v>26645335</v>
      </c>
      <c r="MZ10" s="320">
        <v>112190173</v>
      </c>
      <c r="NA10" s="325">
        <v>112190173</v>
      </c>
      <c r="NB10" s="319">
        <v>0</v>
      </c>
      <c r="NC10" s="316">
        <v>0</v>
      </c>
      <c r="ND10" s="320">
        <v>0</v>
      </c>
      <c r="NE10" s="403">
        <v>0</v>
      </c>
      <c r="NF10" s="316">
        <v>6715631</v>
      </c>
      <c r="NG10" s="316">
        <v>17860279</v>
      </c>
      <c r="NH10" s="316">
        <v>27222720</v>
      </c>
      <c r="NI10" s="316">
        <v>36081776</v>
      </c>
      <c r="NJ10" s="316">
        <v>18715447</v>
      </c>
      <c r="NK10" s="320">
        <v>106595853</v>
      </c>
      <c r="NL10" s="318">
        <v>106595853</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47688</v>
      </c>
      <c r="OD10" s="316">
        <v>0</v>
      </c>
      <c r="OE10" s="316">
        <v>1943430</v>
      </c>
      <c r="OF10" s="316">
        <v>2394742</v>
      </c>
      <c r="OG10" s="320">
        <v>4385860</v>
      </c>
      <c r="OH10" s="321">
        <v>4385860</v>
      </c>
      <c r="OI10" s="319">
        <v>12056945</v>
      </c>
      <c r="OJ10" s="316">
        <v>27138028</v>
      </c>
      <c r="OK10" s="317">
        <v>39194973</v>
      </c>
      <c r="OL10" s="322">
        <v>0</v>
      </c>
      <c r="OM10" s="316">
        <v>135714346</v>
      </c>
      <c r="ON10" s="316">
        <v>241115762</v>
      </c>
      <c r="OO10" s="316">
        <v>242123509</v>
      </c>
      <c r="OP10" s="316">
        <v>246540055</v>
      </c>
      <c r="OQ10" s="316">
        <v>174910864</v>
      </c>
      <c r="OR10" s="320">
        <v>1040404536</v>
      </c>
      <c r="OS10" s="325">
        <v>1079599509</v>
      </c>
    </row>
    <row r="11" spans="2:409" s="70" customFormat="1" ht="21" customHeight="1" x14ac:dyDescent="0.2">
      <c r="B11" s="106" t="s">
        <v>6</v>
      </c>
      <c r="C11" s="326">
        <v>3971456</v>
      </c>
      <c r="D11" s="327">
        <v>6318496</v>
      </c>
      <c r="E11" s="328">
        <v>10289952</v>
      </c>
      <c r="F11" s="329">
        <v>0</v>
      </c>
      <c r="G11" s="327">
        <v>59232511</v>
      </c>
      <c r="H11" s="327">
        <v>59679846</v>
      </c>
      <c r="I11" s="327">
        <v>49682310</v>
      </c>
      <c r="J11" s="327">
        <v>51775733</v>
      </c>
      <c r="K11" s="327">
        <v>42093847</v>
      </c>
      <c r="L11" s="329">
        <v>262464247</v>
      </c>
      <c r="M11" s="330">
        <v>272754199</v>
      </c>
      <c r="N11" s="326">
        <v>1466685</v>
      </c>
      <c r="O11" s="327">
        <v>2813247</v>
      </c>
      <c r="P11" s="328">
        <v>4279932</v>
      </c>
      <c r="Q11" s="326">
        <v>0</v>
      </c>
      <c r="R11" s="327">
        <v>19248451</v>
      </c>
      <c r="S11" s="327">
        <v>19975460</v>
      </c>
      <c r="T11" s="327">
        <v>16966226</v>
      </c>
      <c r="U11" s="327">
        <v>19629307</v>
      </c>
      <c r="V11" s="327">
        <v>19493594</v>
      </c>
      <c r="W11" s="328">
        <v>95313038</v>
      </c>
      <c r="X11" s="330">
        <v>99592970</v>
      </c>
      <c r="Y11" s="326">
        <v>0</v>
      </c>
      <c r="Z11" s="327">
        <v>0</v>
      </c>
      <c r="AA11" s="328">
        <v>0</v>
      </c>
      <c r="AB11" s="326">
        <v>0</v>
      </c>
      <c r="AC11" s="327">
        <v>6612503</v>
      </c>
      <c r="AD11" s="327">
        <v>8091206</v>
      </c>
      <c r="AE11" s="327">
        <v>7071918</v>
      </c>
      <c r="AF11" s="327">
        <v>9732089</v>
      </c>
      <c r="AG11" s="327">
        <v>12048243</v>
      </c>
      <c r="AH11" s="328">
        <v>43555959</v>
      </c>
      <c r="AI11" s="330">
        <v>43555959</v>
      </c>
      <c r="AJ11" s="326">
        <v>0</v>
      </c>
      <c r="AK11" s="327">
        <v>0</v>
      </c>
      <c r="AL11" s="328">
        <v>0</v>
      </c>
      <c r="AM11" s="326">
        <v>0</v>
      </c>
      <c r="AN11" s="327">
        <v>193966</v>
      </c>
      <c r="AO11" s="327">
        <v>332207</v>
      </c>
      <c r="AP11" s="327">
        <v>581692</v>
      </c>
      <c r="AQ11" s="327">
        <v>1816270</v>
      </c>
      <c r="AR11" s="327">
        <v>1483958</v>
      </c>
      <c r="AS11" s="328">
        <v>4408093</v>
      </c>
      <c r="AT11" s="330">
        <v>4408093</v>
      </c>
      <c r="AU11" s="326">
        <v>892918</v>
      </c>
      <c r="AV11" s="327">
        <v>2143472</v>
      </c>
      <c r="AW11" s="328">
        <v>3036390</v>
      </c>
      <c r="AX11" s="326">
        <v>0</v>
      </c>
      <c r="AY11" s="327">
        <v>8291398</v>
      </c>
      <c r="AZ11" s="327">
        <v>7625738</v>
      </c>
      <c r="BA11" s="327">
        <v>5919299</v>
      </c>
      <c r="BB11" s="327">
        <v>4587088</v>
      </c>
      <c r="BC11" s="327">
        <v>2997790</v>
      </c>
      <c r="BD11" s="328">
        <v>29421313</v>
      </c>
      <c r="BE11" s="330">
        <v>32457703</v>
      </c>
      <c r="BF11" s="326">
        <v>91313</v>
      </c>
      <c r="BG11" s="327">
        <v>108837</v>
      </c>
      <c r="BH11" s="331">
        <v>200150</v>
      </c>
      <c r="BI11" s="332">
        <v>0</v>
      </c>
      <c r="BJ11" s="327">
        <v>685920</v>
      </c>
      <c r="BK11" s="327">
        <v>471011</v>
      </c>
      <c r="BL11" s="327">
        <v>272850</v>
      </c>
      <c r="BM11" s="327">
        <v>637426</v>
      </c>
      <c r="BN11" s="327">
        <v>235101</v>
      </c>
      <c r="BO11" s="328">
        <v>2302308</v>
      </c>
      <c r="BP11" s="330">
        <v>2502458</v>
      </c>
      <c r="BQ11" s="326">
        <v>482454</v>
      </c>
      <c r="BR11" s="327">
        <v>560938</v>
      </c>
      <c r="BS11" s="328">
        <v>1043392</v>
      </c>
      <c r="BT11" s="326">
        <v>0</v>
      </c>
      <c r="BU11" s="327">
        <v>3464664</v>
      </c>
      <c r="BV11" s="327">
        <v>3455298</v>
      </c>
      <c r="BW11" s="327">
        <v>3120467</v>
      </c>
      <c r="BX11" s="327">
        <v>2856434</v>
      </c>
      <c r="BY11" s="327">
        <v>2728502</v>
      </c>
      <c r="BZ11" s="328">
        <v>15625365</v>
      </c>
      <c r="CA11" s="330">
        <v>16668757</v>
      </c>
      <c r="CB11" s="326">
        <v>149229</v>
      </c>
      <c r="CC11" s="327">
        <v>625853</v>
      </c>
      <c r="CD11" s="328">
        <v>775082</v>
      </c>
      <c r="CE11" s="326">
        <v>0</v>
      </c>
      <c r="CF11" s="327">
        <v>14507669</v>
      </c>
      <c r="CG11" s="327">
        <v>12937155</v>
      </c>
      <c r="CH11" s="327">
        <v>9140144</v>
      </c>
      <c r="CI11" s="327">
        <v>5300960</v>
      </c>
      <c r="CJ11" s="327">
        <v>2590553</v>
      </c>
      <c r="CK11" s="328">
        <v>44476481</v>
      </c>
      <c r="CL11" s="330">
        <v>45251563</v>
      </c>
      <c r="CM11" s="326">
        <v>0</v>
      </c>
      <c r="CN11" s="327">
        <v>0</v>
      </c>
      <c r="CO11" s="328">
        <v>0</v>
      </c>
      <c r="CP11" s="332">
        <v>0</v>
      </c>
      <c r="CQ11" s="327">
        <v>11750604</v>
      </c>
      <c r="CR11" s="327">
        <v>9528813</v>
      </c>
      <c r="CS11" s="327">
        <v>6344525</v>
      </c>
      <c r="CT11" s="327">
        <v>3505349</v>
      </c>
      <c r="CU11" s="327">
        <v>2073300</v>
      </c>
      <c r="CV11" s="328">
        <v>33202591</v>
      </c>
      <c r="CW11" s="330">
        <v>33202591</v>
      </c>
      <c r="CX11" s="326">
        <v>149229</v>
      </c>
      <c r="CY11" s="327">
        <v>625853</v>
      </c>
      <c r="CZ11" s="328">
        <v>775082</v>
      </c>
      <c r="DA11" s="326">
        <v>0</v>
      </c>
      <c r="DB11" s="327">
        <v>2757065</v>
      </c>
      <c r="DC11" s="327">
        <v>3408342</v>
      </c>
      <c r="DD11" s="327">
        <v>2795619</v>
      </c>
      <c r="DE11" s="327">
        <v>1795611</v>
      </c>
      <c r="DF11" s="327">
        <v>517253</v>
      </c>
      <c r="DG11" s="328">
        <v>11273890</v>
      </c>
      <c r="DH11" s="330">
        <v>12048972</v>
      </c>
      <c r="DI11" s="326">
        <v>0</v>
      </c>
      <c r="DJ11" s="327">
        <v>64994</v>
      </c>
      <c r="DK11" s="331">
        <v>64994</v>
      </c>
      <c r="DL11" s="332">
        <v>0</v>
      </c>
      <c r="DM11" s="327">
        <v>1176354</v>
      </c>
      <c r="DN11" s="327">
        <v>2744060</v>
      </c>
      <c r="DO11" s="327">
        <v>3390278</v>
      </c>
      <c r="DP11" s="327">
        <v>2585483</v>
      </c>
      <c r="DQ11" s="327">
        <v>1460979</v>
      </c>
      <c r="DR11" s="328">
        <v>11357154</v>
      </c>
      <c r="DS11" s="330">
        <v>11422148</v>
      </c>
      <c r="DT11" s="326">
        <v>0</v>
      </c>
      <c r="DU11" s="327">
        <v>64994</v>
      </c>
      <c r="DV11" s="328">
        <v>64994</v>
      </c>
      <c r="DW11" s="326">
        <v>0</v>
      </c>
      <c r="DX11" s="327">
        <v>914192</v>
      </c>
      <c r="DY11" s="327">
        <v>2142248</v>
      </c>
      <c r="DZ11" s="327">
        <v>2574435</v>
      </c>
      <c r="EA11" s="327">
        <v>1750947</v>
      </c>
      <c r="EB11" s="327">
        <v>1195205</v>
      </c>
      <c r="EC11" s="328">
        <v>8577027</v>
      </c>
      <c r="ED11" s="330">
        <v>8642021</v>
      </c>
      <c r="EE11" s="326">
        <v>0</v>
      </c>
      <c r="EF11" s="331">
        <v>0</v>
      </c>
      <c r="EG11" s="328">
        <v>0</v>
      </c>
      <c r="EH11" s="326">
        <v>0</v>
      </c>
      <c r="EI11" s="327">
        <v>262162</v>
      </c>
      <c r="EJ11" s="327">
        <v>601812</v>
      </c>
      <c r="EK11" s="327">
        <v>815843</v>
      </c>
      <c r="EL11" s="327">
        <v>834536</v>
      </c>
      <c r="EM11" s="327">
        <v>265774</v>
      </c>
      <c r="EN11" s="331">
        <v>2780127</v>
      </c>
      <c r="EO11" s="330">
        <v>2780127</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624275</v>
      </c>
      <c r="FM11" s="327">
        <v>1216894</v>
      </c>
      <c r="FN11" s="328">
        <v>1841169</v>
      </c>
      <c r="FO11" s="326">
        <v>0</v>
      </c>
      <c r="FP11" s="327">
        <v>2792727</v>
      </c>
      <c r="FQ11" s="327">
        <v>5066250</v>
      </c>
      <c r="FR11" s="327">
        <v>3335979</v>
      </c>
      <c r="FS11" s="327">
        <v>3357417</v>
      </c>
      <c r="FT11" s="327">
        <v>2487299</v>
      </c>
      <c r="FU11" s="328">
        <v>17039672</v>
      </c>
      <c r="FV11" s="330">
        <v>18880841</v>
      </c>
      <c r="FW11" s="333">
        <v>432677</v>
      </c>
      <c r="FX11" s="327">
        <v>1017058</v>
      </c>
      <c r="FY11" s="331">
        <v>1449735</v>
      </c>
      <c r="FZ11" s="332">
        <v>0</v>
      </c>
      <c r="GA11" s="327">
        <v>2212266</v>
      </c>
      <c r="GB11" s="327">
        <v>4536105</v>
      </c>
      <c r="GC11" s="327">
        <v>3114468</v>
      </c>
      <c r="GD11" s="327">
        <v>3033541</v>
      </c>
      <c r="GE11" s="327">
        <v>2251690</v>
      </c>
      <c r="GF11" s="328">
        <v>15148070</v>
      </c>
      <c r="GG11" s="334">
        <v>16597805</v>
      </c>
      <c r="GH11" s="333">
        <v>53383</v>
      </c>
      <c r="GI11" s="327">
        <v>114856</v>
      </c>
      <c r="GJ11" s="331">
        <v>168239</v>
      </c>
      <c r="GK11" s="332">
        <v>0</v>
      </c>
      <c r="GL11" s="327">
        <v>268961</v>
      </c>
      <c r="GM11" s="327">
        <v>110110</v>
      </c>
      <c r="GN11" s="327">
        <v>88511</v>
      </c>
      <c r="GO11" s="327">
        <v>176876</v>
      </c>
      <c r="GP11" s="327">
        <v>69709</v>
      </c>
      <c r="GQ11" s="328">
        <v>714167</v>
      </c>
      <c r="GR11" s="330">
        <v>882406</v>
      </c>
      <c r="GS11" s="326">
        <v>138215</v>
      </c>
      <c r="GT11" s="327">
        <v>84980</v>
      </c>
      <c r="GU11" s="328">
        <v>223195</v>
      </c>
      <c r="GV11" s="326">
        <v>0</v>
      </c>
      <c r="GW11" s="327">
        <v>311500</v>
      </c>
      <c r="GX11" s="327">
        <v>420035</v>
      </c>
      <c r="GY11" s="327">
        <v>133000</v>
      </c>
      <c r="GZ11" s="327">
        <v>147000</v>
      </c>
      <c r="HA11" s="327">
        <v>165900</v>
      </c>
      <c r="HB11" s="331">
        <v>1177435</v>
      </c>
      <c r="HC11" s="330">
        <v>1400630</v>
      </c>
      <c r="HD11" s="326">
        <v>1731267</v>
      </c>
      <c r="HE11" s="327">
        <v>1597508</v>
      </c>
      <c r="HF11" s="331">
        <v>3328775</v>
      </c>
      <c r="HG11" s="332">
        <v>0</v>
      </c>
      <c r="HH11" s="327">
        <v>21507310</v>
      </c>
      <c r="HI11" s="327">
        <v>18956921</v>
      </c>
      <c r="HJ11" s="327">
        <v>16849683</v>
      </c>
      <c r="HK11" s="327">
        <v>20902566</v>
      </c>
      <c r="HL11" s="327">
        <v>16061422</v>
      </c>
      <c r="HM11" s="328">
        <v>94277902</v>
      </c>
      <c r="HN11" s="329">
        <v>97606677</v>
      </c>
      <c r="HO11" s="333">
        <v>0</v>
      </c>
      <c r="HP11" s="327">
        <v>0</v>
      </c>
      <c r="HQ11" s="328">
        <v>0</v>
      </c>
      <c r="HR11" s="326">
        <v>0</v>
      </c>
      <c r="HS11" s="327">
        <v>0</v>
      </c>
      <c r="HT11" s="327">
        <v>0</v>
      </c>
      <c r="HU11" s="327">
        <v>0</v>
      </c>
      <c r="HV11" s="327">
        <v>0</v>
      </c>
      <c r="HW11" s="327">
        <v>0</v>
      </c>
      <c r="HX11" s="331">
        <v>0</v>
      </c>
      <c r="HY11" s="330">
        <v>0</v>
      </c>
      <c r="HZ11" s="335">
        <v>99448</v>
      </c>
      <c r="IA11" s="336">
        <v>342395</v>
      </c>
      <c r="IB11" s="337">
        <v>441843</v>
      </c>
      <c r="IC11" s="338">
        <v>0</v>
      </c>
      <c r="ID11" s="336">
        <v>11268072</v>
      </c>
      <c r="IE11" s="339">
        <v>14841222</v>
      </c>
      <c r="IF11" s="337">
        <v>16860126</v>
      </c>
      <c r="IG11" s="336">
        <v>8799485</v>
      </c>
      <c r="IH11" s="337">
        <v>11319978</v>
      </c>
      <c r="II11" s="340">
        <v>63088883</v>
      </c>
      <c r="IJ11" s="341">
        <v>63530726</v>
      </c>
      <c r="IK11" s="342">
        <v>0</v>
      </c>
      <c r="IL11" s="343">
        <v>0</v>
      </c>
      <c r="IM11" s="344">
        <v>0</v>
      </c>
      <c r="IN11" s="404">
        <v>0</v>
      </c>
      <c r="IO11" s="345">
        <v>240802</v>
      </c>
      <c r="IP11" s="345">
        <v>646426</v>
      </c>
      <c r="IQ11" s="345">
        <v>1147186</v>
      </c>
      <c r="IR11" s="345">
        <v>1391987</v>
      </c>
      <c r="IS11" s="345">
        <v>1260168</v>
      </c>
      <c r="IT11" s="346">
        <v>4686569</v>
      </c>
      <c r="IU11" s="347">
        <v>4686569</v>
      </c>
      <c r="IV11" s="348">
        <v>0</v>
      </c>
      <c r="IW11" s="345">
        <v>0</v>
      </c>
      <c r="IX11" s="349">
        <v>0</v>
      </c>
      <c r="IY11" s="404">
        <v>0</v>
      </c>
      <c r="IZ11" s="345">
        <v>60928</v>
      </c>
      <c r="JA11" s="345">
        <v>128281</v>
      </c>
      <c r="JB11" s="345">
        <v>117469</v>
      </c>
      <c r="JC11" s="345">
        <v>115557</v>
      </c>
      <c r="JD11" s="345">
        <v>189209</v>
      </c>
      <c r="JE11" s="349">
        <v>611444</v>
      </c>
      <c r="JF11" s="350">
        <v>611444</v>
      </c>
      <c r="JG11" s="348">
        <v>0</v>
      </c>
      <c r="JH11" s="345">
        <v>0</v>
      </c>
      <c r="JI11" s="346">
        <v>0</v>
      </c>
      <c r="JJ11" s="351">
        <v>0</v>
      </c>
      <c r="JK11" s="345">
        <v>4802575</v>
      </c>
      <c r="JL11" s="345">
        <v>4026455</v>
      </c>
      <c r="JM11" s="345">
        <v>2235590</v>
      </c>
      <c r="JN11" s="345">
        <v>1266553</v>
      </c>
      <c r="JO11" s="345">
        <v>1068666</v>
      </c>
      <c r="JP11" s="349">
        <v>13399839</v>
      </c>
      <c r="JQ11" s="347">
        <v>13399839</v>
      </c>
      <c r="JR11" s="348">
        <v>0</v>
      </c>
      <c r="JS11" s="345">
        <v>0</v>
      </c>
      <c r="JT11" s="346">
        <v>0</v>
      </c>
      <c r="JU11" s="351">
        <v>0</v>
      </c>
      <c r="JV11" s="345">
        <v>775309</v>
      </c>
      <c r="JW11" s="345">
        <v>1423959</v>
      </c>
      <c r="JX11" s="345">
        <v>2291964</v>
      </c>
      <c r="JY11" s="345">
        <v>73212</v>
      </c>
      <c r="JZ11" s="345">
        <v>792301</v>
      </c>
      <c r="KA11" s="349">
        <v>5356745</v>
      </c>
      <c r="KB11" s="347">
        <v>5356745</v>
      </c>
      <c r="KC11" s="352">
        <v>99448</v>
      </c>
      <c r="KD11" s="353">
        <v>342395</v>
      </c>
      <c r="KE11" s="349">
        <v>441843</v>
      </c>
      <c r="KF11" s="351">
        <v>0</v>
      </c>
      <c r="KG11" s="345">
        <v>926075</v>
      </c>
      <c r="KH11" s="345">
        <v>870817</v>
      </c>
      <c r="KI11" s="345">
        <v>2379939</v>
      </c>
      <c r="KJ11" s="345">
        <v>854367</v>
      </c>
      <c r="KK11" s="345">
        <v>1292438</v>
      </c>
      <c r="KL11" s="349">
        <v>6323636</v>
      </c>
      <c r="KM11" s="354">
        <v>6765479</v>
      </c>
      <c r="KN11" s="342">
        <v>0</v>
      </c>
      <c r="KO11" s="343">
        <v>0</v>
      </c>
      <c r="KP11" s="344">
        <v>0</v>
      </c>
      <c r="KQ11" s="404">
        <v>0</v>
      </c>
      <c r="KR11" s="345">
        <v>3732371</v>
      </c>
      <c r="KS11" s="345">
        <v>6589907</v>
      </c>
      <c r="KT11" s="345">
        <v>6187800</v>
      </c>
      <c r="KU11" s="345">
        <v>2879208</v>
      </c>
      <c r="KV11" s="345">
        <v>3635813</v>
      </c>
      <c r="KW11" s="349">
        <v>23025099</v>
      </c>
      <c r="KX11" s="347">
        <v>23025099</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16617</v>
      </c>
      <c r="LP11" s="345">
        <v>928203</v>
      </c>
      <c r="LQ11" s="345">
        <v>1654363</v>
      </c>
      <c r="LR11" s="345">
        <v>855965</v>
      </c>
      <c r="LS11" s="349">
        <v>3655148</v>
      </c>
      <c r="LT11" s="347">
        <v>3655148</v>
      </c>
      <c r="LU11" s="348">
        <v>0</v>
      </c>
      <c r="LV11" s="345">
        <v>0</v>
      </c>
      <c r="LW11" s="349">
        <v>0</v>
      </c>
      <c r="LX11" s="404">
        <v>0</v>
      </c>
      <c r="LY11" s="345">
        <v>730012</v>
      </c>
      <c r="LZ11" s="345">
        <v>938760</v>
      </c>
      <c r="MA11" s="345">
        <v>1571975</v>
      </c>
      <c r="MB11" s="345">
        <v>564238</v>
      </c>
      <c r="MC11" s="345">
        <v>2225418</v>
      </c>
      <c r="MD11" s="349">
        <v>6030403</v>
      </c>
      <c r="ME11" s="350">
        <v>6030403</v>
      </c>
      <c r="MF11" s="348">
        <v>0</v>
      </c>
      <c r="MG11" s="345">
        <v>0</v>
      </c>
      <c r="MH11" s="349">
        <v>0</v>
      </c>
      <c r="MI11" s="404">
        <v>0</v>
      </c>
      <c r="MJ11" s="345">
        <v>2564857</v>
      </c>
      <c r="MK11" s="345">
        <v>4749193</v>
      </c>
      <c r="ML11" s="345">
        <v>12168188</v>
      </c>
      <c r="MM11" s="345">
        <v>24679424</v>
      </c>
      <c r="MN11" s="345">
        <v>14166966</v>
      </c>
      <c r="MO11" s="349">
        <v>58328628</v>
      </c>
      <c r="MP11" s="354">
        <v>58328628</v>
      </c>
      <c r="MQ11" s="348">
        <v>0</v>
      </c>
      <c r="MR11" s="345">
        <v>0</v>
      </c>
      <c r="MS11" s="349">
        <v>0</v>
      </c>
      <c r="MT11" s="404">
        <v>0</v>
      </c>
      <c r="MU11" s="345">
        <v>519192</v>
      </c>
      <c r="MV11" s="345">
        <v>1230023</v>
      </c>
      <c r="MW11" s="345">
        <v>7800762</v>
      </c>
      <c r="MX11" s="345">
        <v>11639561</v>
      </c>
      <c r="MY11" s="345">
        <v>9447350</v>
      </c>
      <c r="MZ11" s="349">
        <v>30636888</v>
      </c>
      <c r="NA11" s="354">
        <v>30636888</v>
      </c>
      <c r="NB11" s="348">
        <v>0</v>
      </c>
      <c r="NC11" s="345">
        <v>0</v>
      </c>
      <c r="ND11" s="349">
        <v>0</v>
      </c>
      <c r="NE11" s="404">
        <v>0</v>
      </c>
      <c r="NF11" s="345">
        <v>2045665</v>
      </c>
      <c r="NG11" s="345">
        <v>3258015</v>
      </c>
      <c r="NH11" s="345">
        <v>4367426</v>
      </c>
      <c r="NI11" s="345">
        <v>13039863</v>
      </c>
      <c r="NJ11" s="345">
        <v>4271405</v>
      </c>
      <c r="NK11" s="349">
        <v>26982374</v>
      </c>
      <c r="NL11" s="347">
        <v>26982374</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261155</v>
      </c>
      <c r="OD11" s="345">
        <v>0</v>
      </c>
      <c r="OE11" s="345">
        <v>0</v>
      </c>
      <c r="OF11" s="345">
        <v>448211</v>
      </c>
      <c r="OG11" s="349">
        <v>709366</v>
      </c>
      <c r="OH11" s="350">
        <v>709366</v>
      </c>
      <c r="OI11" s="348">
        <v>4070904</v>
      </c>
      <c r="OJ11" s="345">
        <v>6660891</v>
      </c>
      <c r="OK11" s="346">
        <v>10731795</v>
      </c>
      <c r="OL11" s="351">
        <v>0</v>
      </c>
      <c r="OM11" s="345">
        <v>73065440</v>
      </c>
      <c r="ON11" s="345">
        <v>79270261</v>
      </c>
      <c r="OO11" s="345">
        <v>78710624</v>
      </c>
      <c r="OP11" s="345">
        <v>85254642</v>
      </c>
      <c r="OQ11" s="345">
        <v>67580791</v>
      </c>
      <c r="OR11" s="349">
        <v>383881758</v>
      </c>
      <c r="OS11" s="354">
        <v>394613553</v>
      </c>
    </row>
    <row r="12" spans="2:409" s="70" customFormat="1" ht="21" customHeight="1" x14ac:dyDescent="0.2">
      <c r="B12" s="106" t="s">
        <v>14</v>
      </c>
      <c r="C12" s="326">
        <v>808647</v>
      </c>
      <c r="D12" s="327">
        <v>2425147</v>
      </c>
      <c r="E12" s="328">
        <v>3233794</v>
      </c>
      <c r="F12" s="329">
        <v>0</v>
      </c>
      <c r="G12" s="327">
        <v>13889362</v>
      </c>
      <c r="H12" s="327">
        <v>24944827</v>
      </c>
      <c r="I12" s="327">
        <v>20325696</v>
      </c>
      <c r="J12" s="327">
        <v>15762055</v>
      </c>
      <c r="K12" s="327">
        <v>11623986</v>
      </c>
      <c r="L12" s="331">
        <v>86545926</v>
      </c>
      <c r="M12" s="330">
        <v>89779720</v>
      </c>
      <c r="N12" s="326">
        <v>242488</v>
      </c>
      <c r="O12" s="327">
        <v>668443</v>
      </c>
      <c r="P12" s="328">
        <v>910931</v>
      </c>
      <c r="Q12" s="326">
        <v>0</v>
      </c>
      <c r="R12" s="327">
        <v>3971003</v>
      </c>
      <c r="S12" s="327">
        <v>8586504</v>
      </c>
      <c r="T12" s="327">
        <v>6677446</v>
      </c>
      <c r="U12" s="327">
        <v>5501393</v>
      </c>
      <c r="V12" s="327">
        <v>5853410</v>
      </c>
      <c r="W12" s="328">
        <v>30589756</v>
      </c>
      <c r="X12" s="330">
        <v>31500687</v>
      </c>
      <c r="Y12" s="326">
        <v>0</v>
      </c>
      <c r="Z12" s="327">
        <v>0</v>
      </c>
      <c r="AA12" s="328">
        <v>0</v>
      </c>
      <c r="AB12" s="326">
        <v>0</v>
      </c>
      <c r="AC12" s="327">
        <v>1775034</v>
      </c>
      <c r="AD12" s="327">
        <v>4199738</v>
      </c>
      <c r="AE12" s="327">
        <v>3510113</v>
      </c>
      <c r="AF12" s="327">
        <v>2276147</v>
      </c>
      <c r="AG12" s="327">
        <v>3200699</v>
      </c>
      <c r="AH12" s="328">
        <v>14961731</v>
      </c>
      <c r="AI12" s="330">
        <v>14961731</v>
      </c>
      <c r="AJ12" s="326">
        <v>0</v>
      </c>
      <c r="AK12" s="327">
        <v>0</v>
      </c>
      <c r="AL12" s="328">
        <v>0</v>
      </c>
      <c r="AM12" s="326">
        <v>0</v>
      </c>
      <c r="AN12" s="327">
        <v>0</v>
      </c>
      <c r="AO12" s="327">
        <v>93725</v>
      </c>
      <c r="AP12" s="327">
        <v>212023</v>
      </c>
      <c r="AQ12" s="327">
        <v>688984</v>
      </c>
      <c r="AR12" s="327">
        <v>618171</v>
      </c>
      <c r="AS12" s="328">
        <v>1612903</v>
      </c>
      <c r="AT12" s="330">
        <v>1612903</v>
      </c>
      <c r="AU12" s="326">
        <v>160868</v>
      </c>
      <c r="AV12" s="327">
        <v>372053</v>
      </c>
      <c r="AW12" s="328">
        <v>532921</v>
      </c>
      <c r="AX12" s="326">
        <v>0</v>
      </c>
      <c r="AY12" s="327">
        <v>1244490</v>
      </c>
      <c r="AZ12" s="327">
        <v>2762245</v>
      </c>
      <c r="BA12" s="327">
        <v>1707612</v>
      </c>
      <c r="BB12" s="327">
        <v>1443996</v>
      </c>
      <c r="BC12" s="327">
        <v>1244709</v>
      </c>
      <c r="BD12" s="328">
        <v>8403052</v>
      </c>
      <c r="BE12" s="330">
        <v>8935973</v>
      </c>
      <c r="BF12" s="326">
        <v>0</v>
      </c>
      <c r="BG12" s="327">
        <v>61918</v>
      </c>
      <c r="BH12" s="331">
        <v>61918</v>
      </c>
      <c r="BI12" s="332">
        <v>0</v>
      </c>
      <c r="BJ12" s="327">
        <v>46785</v>
      </c>
      <c r="BK12" s="327">
        <v>267198</v>
      </c>
      <c r="BL12" s="327">
        <v>51076</v>
      </c>
      <c r="BM12" s="327">
        <v>0</v>
      </c>
      <c r="BN12" s="327">
        <v>18200</v>
      </c>
      <c r="BO12" s="328">
        <v>383259</v>
      </c>
      <c r="BP12" s="330">
        <v>445177</v>
      </c>
      <c r="BQ12" s="326">
        <v>81620</v>
      </c>
      <c r="BR12" s="327">
        <v>234472</v>
      </c>
      <c r="BS12" s="328">
        <v>316092</v>
      </c>
      <c r="BT12" s="326">
        <v>0</v>
      </c>
      <c r="BU12" s="327">
        <v>904694</v>
      </c>
      <c r="BV12" s="327">
        <v>1263598</v>
      </c>
      <c r="BW12" s="327">
        <v>1196622</v>
      </c>
      <c r="BX12" s="327">
        <v>1092266</v>
      </c>
      <c r="BY12" s="327">
        <v>771631</v>
      </c>
      <c r="BZ12" s="328">
        <v>5228811</v>
      </c>
      <c r="CA12" s="330">
        <v>5544903</v>
      </c>
      <c r="CB12" s="326">
        <v>93120</v>
      </c>
      <c r="CC12" s="327">
        <v>300281</v>
      </c>
      <c r="CD12" s="328">
        <v>393401</v>
      </c>
      <c r="CE12" s="326">
        <v>0</v>
      </c>
      <c r="CF12" s="327">
        <v>4092932</v>
      </c>
      <c r="CG12" s="327">
        <v>7744792</v>
      </c>
      <c r="CH12" s="327">
        <v>5306145</v>
      </c>
      <c r="CI12" s="327">
        <v>2147166</v>
      </c>
      <c r="CJ12" s="327">
        <v>1560140</v>
      </c>
      <c r="CK12" s="328">
        <v>20851175</v>
      </c>
      <c r="CL12" s="330">
        <v>21244576</v>
      </c>
      <c r="CM12" s="326">
        <v>0</v>
      </c>
      <c r="CN12" s="327">
        <v>0</v>
      </c>
      <c r="CO12" s="328">
        <v>0</v>
      </c>
      <c r="CP12" s="332">
        <v>0</v>
      </c>
      <c r="CQ12" s="327">
        <v>3799111</v>
      </c>
      <c r="CR12" s="327">
        <v>6676407</v>
      </c>
      <c r="CS12" s="327">
        <v>4479632</v>
      </c>
      <c r="CT12" s="327">
        <v>1628541</v>
      </c>
      <c r="CU12" s="327">
        <v>1443168</v>
      </c>
      <c r="CV12" s="328">
        <v>18026859</v>
      </c>
      <c r="CW12" s="330">
        <v>18026859</v>
      </c>
      <c r="CX12" s="326">
        <v>93120</v>
      </c>
      <c r="CY12" s="327">
        <v>300281</v>
      </c>
      <c r="CZ12" s="328">
        <v>393401</v>
      </c>
      <c r="DA12" s="326">
        <v>0</v>
      </c>
      <c r="DB12" s="327">
        <v>293821</v>
      </c>
      <c r="DC12" s="327">
        <v>1068385</v>
      </c>
      <c r="DD12" s="327">
        <v>826513</v>
      </c>
      <c r="DE12" s="327">
        <v>518625</v>
      </c>
      <c r="DF12" s="327">
        <v>116972</v>
      </c>
      <c r="DG12" s="328">
        <v>2824316</v>
      </c>
      <c r="DH12" s="330">
        <v>3217717</v>
      </c>
      <c r="DI12" s="326">
        <v>0</v>
      </c>
      <c r="DJ12" s="327">
        <v>0</v>
      </c>
      <c r="DK12" s="331">
        <v>0</v>
      </c>
      <c r="DL12" s="332">
        <v>0</v>
      </c>
      <c r="DM12" s="327">
        <v>485163</v>
      </c>
      <c r="DN12" s="327">
        <v>617315</v>
      </c>
      <c r="DO12" s="327">
        <v>1508486</v>
      </c>
      <c r="DP12" s="327">
        <v>1169810</v>
      </c>
      <c r="DQ12" s="327">
        <v>604425</v>
      </c>
      <c r="DR12" s="328">
        <v>4385199</v>
      </c>
      <c r="DS12" s="330">
        <v>4385199</v>
      </c>
      <c r="DT12" s="326">
        <v>0</v>
      </c>
      <c r="DU12" s="327">
        <v>0</v>
      </c>
      <c r="DV12" s="328">
        <v>0</v>
      </c>
      <c r="DW12" s="326">
        <v>0</v>
      </c>
      <c r="DX12" s="327">
        <v>404257</v>
      </c>
      <c r="DY12" s="327">
        <v>617315</v>
      </c>
      <c r="DZ12" s="327">
        <v>1508486</v>
      </c>
      <c r="EA12" s="327">
        <v>1169810</v>
      </c>
      <c r="EB12" s="327">
        <v>604425</v>
      </c>
      <c r="EC12" s="328">
        <v>4304293</v>
      </c>
      <c r="ED12" s="330">
        <v>4304293</v>
      </c>
      <c r="EE12" s="326">
        <v>0</v>
      </c>
      <c r="EF12" s="331">
        <v>0</v>
      </c>
      <c r="EG12" s="328">
        <v>0</v>
      </c>
      <c r="EH12" s="326">
        <v>0</v>
      </c>
      <c r="EI12" s="327">
        <v>80906</v>
      </c>
      <c r="EJ12" s="327">
        <v>0</v>
      </c>
      <c r="EK12" s="327">
        <v>0</v>
      </c>
      <c r="EL12" s="327">
        <v>0</v>
      </c>
      <c r="EM12" s="327">
        <v>0</v>
      </c>
      <c r="EN12" s="331">
        <v>80906</v>
      </c>
      <c r="EO12" s="330">
        <v>80906</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167237</v>
      </c>
      <c r="FM12" s="327">
        <v>781760</v>
      </c>
      <c r="FN12" s="328">
        <v>948997</v>
      </c>
      <c r="FO12" s="326">
        <v>0</v>
      </c>
      <c r="FP12" s="327">
        <v>742717</v>
      </c>
      <c r="FQ12" s="327">
        <v>2409131</v>
      </c>
      <c r="FR12" s="327">
        <v>1560923</v>
      </c>
      <c r="FS12" s="327">
        <v>1384131</v>
      </c>
      <c r="FT12" s="327">
        <v>991186</v>
      </c>
      <c r="FU12" s="328">
        <v>7088088</v>
      </c>
      <c r="FV12" s="330">
        <v>8037085</v>
      </c>
      <c r="FW12" s="333">
        <v>167237</v>
      </c>
      <c r="FX12" s="327">
        <v>534870</v>
      </c>
      <c r="FY12" s="331">
        <v>702107</v>
      </c>
      <c r="FZ12" s="332">
        <v>0</v>
      </c>
      <c r="GA12" s="327">
        <v>523481</v>
      </c>
      <c r="GB12" s="327">
        <v>2320427</v>
      </c>
      <c r="GC12" s="327">
        <v>1560923</v>
      </c>
      <c r="GD12" s="327">
        <v>1240141</v>
      </c>
      <c r="GE12" s="327">
        <v>950236</v>
      </c>
      <c r="GF12" s="328">
        <v>6595208</v>
      </c>
      <c r="GG12" s="334">
        <v>7297315</v>
      </c>
      <c r="GH12" s="333">
        <v>0</v>
      </c>
      <c r="GI12" s="327">
        <v>0</v>
      </c>
      <c r="GJ12" s="331">
        <v>0</v>
      </c>
      <c r="GK12" s="332">
        <v>0</v>
      </c>
      <c r="GL12" s="327">
        <v>38692</v>
      </c>
      <c r="GM12" s="327">
        <v>27580</v>
      </c>
      <c r="GN12" s="327">
        <v>0</v>
      </c>
      <c r="GO12" s="327">
        <v>143990</v>
      </c>
      <c r="GP12" s="327">
        <v>0</v>
      </c>
      <c r="GQ12" s="328">
        <v>210262</v>
      </c>
      <c r="GR12" s="330">
        <v>210262</v>
      </c>
      <c r="GS12" s="326">
        <v>0</v>
      </c>
      <c r="GT12" s="327">
        <v>246890</v>
      </c>
      <c r="GU12" s="328">
        <v>246890</v>
      </c>
      <c r="GV12" s="326">
        <v>0</v>
      </c>
      <c r="GW12" s="327">
        <v>180544</v>
      </c>
      <c r="GX12" s="327">
        <v>61124</v>
      </c>
      <c r="GY12" s="327">
        <v>0</v>
      </c>
      <c r="GZ12" s="327">
        <v>0</v>
      </c>
      <c r="HA12" s="327">
        <v>40950</v>
      </c>
      <c r="HB12" s="331">
        <v>282618</v>
      </c>
      <c r="HC12" s="330">
        <v>529508</v>
      </c>
      <c r="HD12" s="326">
        <v>305802</v>
      </c>
      <c r="HE12" s="327">
        <v>674663</v>
      </c>
      <c r="HF12" s="331">
        <v>980465</v>
      </c>
      <c r="HG12" s="332">
        <v>0</v>
      </c>
      <c r="HH12" s="327">
        <v>4597547</v>
      </c>
      <c r="HI12" s="327">
        <v>5587085</v>
      </c>
      <c r="HJ12" s="327">
        <v>5272696</v>
      </c>
      <c r="HK12" s="327">
        <v>5559555</v>
      </c>
      <c r="HL12" s="327">
        <v>2614825</v>
      </c>
      <c r="HM12" s="328">
        <v>23631708</v>
      </c>
      <c r="HN12" s="329">
        <v>24612173</v>
      </c>
      <c r="HO12" s="333">
        <v>0</v>
      </c>
      <c r="HP12" s="327">
        <v>0</v>
      </c>
      <c r="HQ12" s="328">
        <v>0</v>
      </c>
      <c r="HR12" s="326">
        <v>0</v>
      </c>
      <c r="HS12" s="327">
        <v>0</v>
      </c>
      <c r="HT12" s="327">
        <v>0</v>
      </c>
      <c r="HU12" s="327">
        <v>0</v>
      </c>
      <c r="HV12" s="327">
        <v>0</v>
      </c>
      <c r="HW12" s="327">
        <v>0</v>
      </c>
      <c r="HX12" s="331">
        <v>0</v>
      </c>
      <c r="HY12" s="330">
        <v>0</v>
      </c>
      <c r="HZ12" s="335">
        <v>68694</v>
      </c>
      <c r="IA12" s="336">
        <v>0</v>
      </c>
      <c r="IB12" s="337">
        <v>68694</v>
      </c>
      <c r="IC12" s="355">
        <v>0</v>
      </c>
      <c r="ID12" s="356">
        <v>3192071</v>
      </c>
      <c r="IE12" s="357">
        <v>5897039</v>
      </c>
      <c r="IF12" s="358">
        <v>6756422</v>
      </c>
      <c r="IG12" s="356">
        <v>4586560</v>
      </c>
      <c r="IH12" s="358">
        <v>2965412</v>
      </c>
      <c r="II12" s="359">
        <v>23397504</v>
      </c>
      <c r="IJ12" s="341">
        <v>23466198</v>
      </c>
      <c r="IK12" s="342">
        <v>0</v>
      </c>
      <c r="IL12" s="343">
        <v>0</v>
      </c>
      <c r="IM12" s="344">
        <v>0</v>
      </c>
      <c r="IN12" s="404">
        <v>0</v>
      </c>
      <c r="IO12" s="345">
        <v>54635</v>
      </c>
      <c r="IP12" s="345">
        <v>400913</v>
      </c>
      <c r="IQ12" s="345">
        <v>0</v>
      </c>
      <c r="IR12" s="345">
        <v>191846</v>
      </c>
      <c r="IS12" s="345">
        <v>468793</v>
      </c>
      <c r="IT12" s="346">
        <v>1116187</v>
      </c>
      <c r="IU12" s="347">
        <v>1116187</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728045</v>
      </c>
      <c r="JL12" s="345">
        <v>2602066</v>
      </c>
      <c r="JM12" s="345">
        <v>1340205</v>
      </c>
      <c r="JN12" s="345">
        <v>699479</v>
      </c>
      <c r="JO12" s="345">
        <v>328938</v>
      </c>
      <c r="JP12" s="349">
        <v>6698733</v>
      </c>
      <c r="JQ12" s="347">
        <v>6698733</v>
      </c>
      <c r="JR12" s="348">
        <v>0</v>
      </c>
      <c r="JS12" s="345">
        <v>0</v>
      </c>
      <c r="JT12" s="346">
        <v>0</v>
      </c>
      <c r="JU12" s="351">
        <v>0</v>
      </c>
      <c r="JV12" s="345">
        <v>0</v>
      </c>
      <c r="JW12" s="345">
        <v>113347</v>
      </c>
      <c r="JX12" s="345">
        <v>117518</v>
      </c>
      <c r="JY12" s="345">
        <v>12647</v>
      </c>
      <c r="JZ12" s="345">
        <v>0</v>
      </c>
      <c r="KA12" s="349">
        <v>243512</v>
      </c>
      <c r="KB12" s="347">
        <v>243512</v>
      </c>
      <c r="KC12" s="352">
        <v>68694</v>
      </c>
      <c r="KD12" s="353">
        <v>0</v>
      </c>
      <c r="KE12" s="349">
        <v>68694</v>
      </c>
      <c r="KF12" s="351">
        <v>0</v>
      </c>
      <c r="KG12" s="345">
        <v>580137</v>
      </c>
      <c r="KH12" s="345">
        <v>883950</v>
      </c>
      <c r="KI12" s="345">
        <v>1278130</v>
      </c>
      <c r="KJ12" s="345">
        <v>397888</v>
      </c>
      <c r="KK12" s="345">
        <v>508459</v>
      </c>
      <c r="KL12" s="349">
        <v>3648564</v>
      </c>
      <c r="KM12" s="354">
        <v>3717258</v>
      </c>
      <c r="KN12" s="342">
        <v>0</v>
      </c>
      <c r="KO12" s="343">
        <v>0</v>
      </c>
      <c r="KP12" s="344">
        <v>0</v>
      </c>
      <c r="KQ12" s="404">
        <v>0</v>
      </c>
      <c r="KR12" s="345">
        <v>829254</v>
      </c>
      <c r="KS12" s="345">
        <v>1322788</v>
      </c>
      <c r="KT12" s="345">
        <v>3554061</v>
      </c>
      <c r="KU12" s="345">
        <v>2023233</v>
      </c>
      <c r="KV12" s="345">
        <v>1397381</v>
      </c>
      <c r="KW12" s="349">
        <v>9126717</v>
      </c>
      <c r="KX12" s="347">
        <v>9126717</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715959</v>
      </c>
      <c r="LR12" s="345">
        <v>0</v>
      </c>
      <c r="LS12" s="349">
        <v>715959</v>
      </c>
      <c r="LT12" s="347">
        <v>715959</v>
      </c>
      <c r="LU12" s="348">
        <v>0</v>
      </c>
      <c r="LV12" s="345">
        <v>0</v>
      </c>
      <c r="LW12" s="349">
        <v>0</v>
      </c>
      <c r="LX12" s="404">
        <v>0</v>
      </c>
      <c r="LY12" s="345">
        <v>0</v>
      </c>
      <c r="LZ12" s="345">
        <v>573975</v>
      </c>
      <c r="MA12" s="345">
        <v>466508</v>
      </c>
      <c r="MB12" s="345">
        <v>545508</v>
      </c>
      <c r="MC12" s="345">
        <v>261841</v>
      </c>
      <c r="MD12" s="349">
        <v>1847832</v>
      </c>
      <c r="ME12" s="350">
        <v>1847832</v>
      </c>
      <c r="MF12" s="348">
        <v>0</v>
      </c>
      <c r="MG12" s="345">
        <v>0</v>
      </c>
      <c r="MH12" s="349">
        <v>0</v>
      </c>
      <c r="MI12" s="404">
        <v>0</v>
      </c>
      <c r="MJ12" s="345">
        <v>111015</v>
      </c>
      <c r="MK12" s="345">
        <v>1753396</v>
      </c>
      <c r="ML12" s="345">
        <v>8649385</v>
      </c>
      <c r="MM12" s="345">
        <v>13704829</v>
      </c>
      <c r="MN12" s="345">
        <v>7791399</v>
      </c>
      <c r="MO12" s="349">
        <v>32010024</v>
      </c>
      <c r="MP12" s="354">
        <v>32010024</v>
      </c>
      <c r="MQ12" s="348">
        <v>0</v>
      </c>
      <c r="MR12" s="345">
        <v>0</v>
      </c>
      <c r="MS12" s="349">
        <v>0</v>
      </c>
      <c r="MT12" s="404">
        <v>0</v>
      </c>
      <c r="MU12" s="345">
        <v>0</v>
      </c>
      <c r="MV12" s="345">
        <v>0</v>
      </c>
      <c r="MW12" s="345">
        <v>5485554</v>
      </c>
      <c r="MX12" s="345">
        <v>9464463</v>
      </c>
      <c r="MY12" s="345">
        <v>5472970</v>
      </c>
      <c r="MZ12" s="349">
        <v>20422987</v>
      </c>
      <c r="NA12" s="354">
        <v>20422987</v>
      </c>
      <c r="NB12" s="348">
        <v>0</v>
      </c>
      <c r="NC12" s="345">
        <v>0</v>
      </c>
      <c r="ND12" s="349">
        <v>0</v>
      </c>
      <c r="NE12" s="404">
        <v>0</v>
      </c>
      <c r="NF12" s="345">
        <v>111015</v>
      </c>
      <c r="NG12" s="345">
        <v>1753396</v>
      </c>
      <c r="NH12" s="345">
        <v>2877986</v>
      </c>
      <c r="NI12" s="345">
        <v>3935803</v>
      </c>
      <c r="NJ12" s="345">
        <v>1309826</v>
      </c>
      <c r="NK12" s="349">
        <v>9988026</v>
      </c>
      <c r="NL12" s="347">
        <v>9988026</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285845</v>
      </c>
      <c r="OE12" s="345">
        <v>304563</v>
      </c>
      <c r="OF12" s="345">
        <v>1008603</v>
      </c>
      <c r="OG12" s="349">
        <v>1599011</v>
      </c>
      <c r="OH12" s="350">
        <v>1599011</v>
      </c>
      <c r="OI12" s="348">
        <v>877341</v>
      </c>
      <c r="OJ12" s="345">
        <v>2425147</v>
      </c>
      <c r="OK12" s="346">
        <v>3302488</v>
      </c>
      <c r="OL12" s="351">
        <v>0</v>
      </c>
      <c r="OM12" s="345">
        <v>17192448</v>
      </c>
      <c r="ON12" s="345">
        <v>32595262</v>
      </c>
      <c r="OO12" s="345">
        <v>35731503</v>
      </c>
      <c r="OP12" s="345">
        <v>34053444</v>
      </c>
      <c r="OQ12" s="345">
        <v>22380797</v>
      </c>
      <c r="OR12" s="349">
        <v>141953454</v>
      </c>
      <c r="OS12" s="354">
        <v>145255942</v>
      </c>
    </row>
    <row r="13" spans="2:409" s="70" customFormat="1" ht="21" customHeight="1" x14ac:dyDescent="0.2">
      <c r="B13" s="106" t="s">
        <v>7</v>
      </c>
      <c r="C13" s="326">
        <v>1118719</v>
      </c>
      <c r="D13" s="327">
        <v>993044</v>
      </c>
      <c r="E13" s="328">
        <v>2111763</v>
      </c>
      <c r="F13" s="329">
        <v>0</v>
      </c>
      <c r="G13" s="327">
        <v>13416128</v>
      </c>
      <c r="H13" s="327">
        <v>11194647</v>
      </c>
      <c r="I13" s="327">
        <v>7831767</v>
      </c>
      <c r="J13" s="327">
        <v>11785718</v>
      </c>
      <c r="K13" s="327">
        <v>5715146</v>
      </c>
      <c r="L13" s="329">
        <v>49943406</v>
      </c>
      <c r="M13" s="330">
        <v>52055169</v>
      </c>
      <c r="N13" s="326">
        <v>209388</v>
      </c>
      <c r="O13" s="327">
        <v>195799</v>
      </c>
      <c r="P13" s="328">
        <v>405187</v>
      </c>
      <c r="Q13" s="326">
        <v>0</v>
      </c>
      <c r="R13" s="327">
        <v>3572732</v>
      </c>
      <c r="S13" s="327">
        <v>3021681</v>
      </c>
      <c r="T13" s="327">
        <v>2891799</v>
      </c>
      <c r="U13" s="327">
        <v>4650691</v>
      </c>
      <c r="V13" s="327">
        <v>2402775</v>
      </c>
      <c r="W13" s="328">
        <v>16539678</v>
      </c>
      <c r="X13" s="330">
        <v>16944865</v>
      </c>
      <c r="Y13" s="326">
        <v>0</v>
      </c>
      <c r="Z13" s="327">
        <v>0</v>
      </c>
      <c r="AA13" s="328">
        <v>0</v>
      </c>
      <c r="AB13" s="326">
        <v>0</v>
      </c>
      <c r="AC13" s="327">
        <v>1619444</v>
      </c>
      <c r="AD13" s="327">
        <v>1404938</v>
      </c>
      <c r="AE13" s="327">
        <v>1775236</v>
      </c>
      <c r="AF13" s="327">
        <v>2450526</v>
      </c>
      <c r="AG13" s="327">
        <v>440405</v>
      </c>
      <c r="AH13" s="328">
        <v>7690549</v>
      </c>
      <c r="AI13" s="330">
        <v>7690549</v>
      </c>
      <c r="AJ13" s="326">
        <v>0</v>
      </c>
      <c r="AK13" s="327">
        <v>0</v>
      </c>
      <c r="AL13" s="328">
        <v>0</v>
      </c>
      <c r="AM13" s="326">
        <v>0</v>
      </c>
      <c r="AN13" s="327">
        <v>20828</v>
      </c>
      <c r="AO13" s="327">
        <v>0</v>
      </c>
      <c r="AP13" s="327">
        <v>0</v>
      </c>
      <c r="AQ13" s="327">
        <v>499765</v>
      </c>
      <c r="AR13" s="327">
        <v>648098</v>
      </c>
      <c r="AS13" s="328">
        <v>1168691</v>
      </c>
      <c r="AT13" s="330">
        <v>1168691</v>
      </c>
      <c r="AU13" s="326">
        <v>0</v>
      </c>
      <c r="AV13" s="327">
        <v>116951</v>
      </c>
      <c r="AW13" s="328">
        <v>116951</v>
      </c>
      <c r="AX13" s="326">
        <v>0</v>
      </c>
      <c r="AY13" s="327">
        <v>1106141</v>
      </c>
      <c r="AZ13" s="327">
        <v>883675</v>
      </c>
      <c r="BA13" s="327">
        <v>648255</v>
      </c>
      <c r="BB13" s="327">
        <v>882030</v>
      </c>
      <c r="BC13" s="327">
        <v>836249</v>
      </c>
      <c r="BD13" s="328">
        <v>4356350</v>
      </c>
      <c r="BE13" s="330">
        <v>4473301</v>
      </c>
      <c r="BF13" s="326">
        <v>18386</v>
      </c>
      <c r="BG13" s="327">
        <v>0</v>
      </c>
      <c r="BH13" s="331">
        <v>18386</v>
      </c>
      <c r="BI13" s="332">
        <v>0</v>
      </c>
      <c r="BJ13" s="327">
        <v>82513</v>
      </c>
      <c r="BK13" s="327">
        <v>137649</v>
      </c>
      <c r="BL13" s="327">
        <v>89125</v>
      </c>
      <c r="BM13" s="327">
        <v>213479</v>
      </c>
      <c r="BN13" s="327">
        <v>52794</v>
      </c>
      <c r="BO13" s="328">
        <v>575560</v>
      </c>
      <c r="BP13" s="330">
        <v>593946</v>
      </c>
      <c r="BQ13" s="326">
        <v>191002</v>
      </c>
      <c r="BR13" s="327">
        <v>78848</v>
      </c>
      <c r="BS13" s="328">
        <v>269850</v>
      </c>
      <c r="BT13" s="326">
        <v>0</v>
      </c>
      <c r="BU13" s="327">
        <v>743806</v>
      </c>
      <c r="BV13" s="327">
        <v>595419</v>
      </c>
      <c r="BW13" s="327">
        <v>379183</v>
      </c>
      <c r="BX13" s="327">
        <v>604891</v>
      </c>
      <c r="BY13" s="327">
        <v>425229</v>
      </c>
      <c r="BZ13" s="328">
        <v>2748528</v>
      </c>
      <c r="CA13" s="330">
        <v>3018378</v>
      </c>
      <c r="CB13" s="326">
        <v>36756</v>
      </c>
      <c r="CC13" s="327">
        <v>67022</v>
      </c>
      <c r="CD13" s="328">
        <v>103778</v>
      </c>
      <c r="CE13" s="326">
        <v>0</v>
      </c>
      <c r="CF13" s="327">
        <v>3959008</v>
      </c>
      <c r="CG13" s="327">
        <v>2705187</v>
      </c>
      <c r="CH13" s="327">
        <v>1462466</v>
      </c>
      <c r="CI13" s="327">
        <v>1507754</v>
      </c>
      <c r="CJ13" s="327">
        <v>170643</v>
      </c>
      <c r="CK13" s="328">
        <v>9805058</v>
      </c>
      <c r="CL13" s="330">
        <v>9908836</v>
      </c>
      <c r="CM13" s="326">
        <v>0</v>
      </c>
      <c r="CN13" s="327">
        <v>0</v>
      </c>
      <c r="CO13" s="328">
        <v>0</v>
      </c>
      <c r="CP13" s="332">
        <v>0</v>
      </c>
      <c r="CQ13" s="327">
        <v>3042260</v>
      </c>
      <c r="CR13" s="327">
        <v>1876417</v>
      </c>
      <c r="CS13" s="327">
        <v>1023289</v>
      </c>
      <c r="CT13" s="327">
        <v>1019310</v>
      </c>
      <c r="CU13" s="327">
        <v>162227</v>
      </c>
      <c r="CV13" s="328">
        <v>7123503</v>
      </c>
      <c r="CW13" s="330">
        <v>7123503</v>
      </c>
      <c r="CX13" s="326">
        <v>36756</v>
      </c>
      <c r="CY13" s="327">
        <v>67022</v>
      </c>
      <c r="CZ13" s="328">
        <v>103778</v>
      </c>
      <c r="DA13" s="326">
        <v>0</v>
      </c>
      <c r="DB13" s="327">
        <v>916748</v>
      </c>
      <c r="DC13" s="327">
        <v>828770</v>
      </c>
      <c r="DD13" s="327">
        <v>439177</v>
      </c>
      <c r="DE13" s="327">
        <v>488444</v>
      </c>
      <c r="DF13" s="327">
        <v>8416</v>
      </c>
      <c r="DG13" s="328">
        <v>2681555</v>
      </c>
      <c r="DH13" s="330">
        <v>2785333</v>
      </c>
      <c r="DI13" s="326">
        <v>0</v>
      </c>
      <c r="DJ13" s="327">
        <v>0</v>
      </c>
      <c r="DK13" s="331">
        <v>0</v>
      </c>
      <c r="DL13" s="332">
        <v>0</v>
      </c>
      <c r="DM13" s="327">
        <v>456319</v>
      </c>
      <c r="DN13" s="327">
        <v>309954</v>
      </c>
      <c r="DO13" s="327">
        <v>425037</v>
      </c>
      <c r="DP13" s="327">
        <v>839018</v>
      </c>
      <c r="DQ13" s="327">
        <v>202015</v>
      </c>
      <c r="DR13" s="328">
        <v>2232343</v>
      </c>
      <c r="DS13" s="330">
        <v>2232343</v>
      </c>
      <c r="DT13" s="326">
        <v>0</v>
      </c>
      <c r="DU13" s="327">
        <v>0</v>
      </c>
      <c r="DV13" s="328">
        <v>0</v>
      </c>
      <c r="DW13" s="326">
        <v>0</v>
      </c>
      <c r="DX13" s="327">
        <v>456319</v>
      </c>
      <c r="DY13" s="327">
        <v>309954</v>
      </c>
      <c r="DZ13" s="327">
        <v>425037</v>
      </c>
      <c r="EA13" s="327">
        <v>839018</v>
      </c>
      <c r="EB13" s="327">
        <v>202015</v>
      </c>
      <c r="EC13" s="328">
        <v>2232343</v>
      </c>
      <c r="ED13" s="330">
        <v>2232343</v>
      </c>
      <c r="EE13" s="326">
        <v>0</v>
      </c>
      <c r="EF13" s="331">
        <v>0</v>
      </c>
      <c r="EG13" s="328">
        <v>0</v>
      </c>
      <c r="EH13" s="326">
        <v>0</v>
      </c>
      <c r="EI13" s="327">
        <v>0</v>
      </c>
      <c r="EJ13" s="327">
        <v>0</v>
      </c>
      <c r="EK13" s="327">
        <v>0</v>
      </c>
      <c r="EL13" s="327">
        <v>0</v>
      </c>
      <c r="EM13" s="327">
        <v>0</v>
      </c>
      <c r="EN13" s="331">
        <v>0</v>
      </c>
      <c r="EO13" s="330">
        <v>0</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205233</v>
      </c>
      <c r="FM13" s="327">
        <v>308822</v>
      </c>
      <c r="FN13" s="328">
        <v>514055</v>
      </c>
      <c r="FO13" s="326">
        <v>0</v>
      </c>
      <c r="FP13" s="327">
        <v>609595</v>
      </c>
      <c r="FQ13" s="327">
        <v>903035</v>
      </c>
      <c r="FR13" s="327">
        <v>820694</v>
      </c>
      <c r="FS13" s="327">
        <v>865431</v>
      </c>
      <c r="FT13" s="327">
        <v>291599</v>
      </c>
      <c r="FU13" s="328">
        <v>3490354</v>
      </c>
      <c r="FV13" s="330">
        <v>4004409</v>
      </c>
      <c r="FW13" s="333">
        <v>70406</v>
      </c>
      <c r="FX13" s="327">
        <v>65002</v>
      </c>
      <c r="FY13" s="331">
        <v>135408</v>
      </c>
      <c r="FZ13" s="332">
        <v>0</v>
      </c>
      <c r="GA13" s="327">
        <v>545965</v>
      </c>
      <c r="GB13" s="327">
        <v>873775</v>
      </c>
      <c r="GC13" s="327">
        <v>610834</v>
      </c>
      <c r="GD13" s="327">
        <v>844431</v>
      </c>
      <c r="GE13" s="327">
        <v>291599</v>
      </c>
      <c r="GF13" s="328">
        <v>3166604</v>
      </c>
      <c r="GG13" s="334">
        <v>3302012</v>
      </c>
      <c r="GH13" s="333">
        <v>0</v>
      </c>
      <c r="GI13" s="327">
        <v>0</v>
      </c>
      <c r="GJ13" s="331">
        <v>0</v>
      </c>
      <c r="GK13" s="332">
        <v>0</v>
      </c>
      <c r="GL13" s="327">
        <v>0</v>
      </c>
      <c r="GM13" s="327">
        <v>29260</v>
      </c>
      <c r="GN13" s="327">
        <v>21560</v>
      </c>
      <c r="GO13" s="327">
        <v>0</v>
      </c>
      <c r="GP13" s="327">
        <v>0</v>
      </c>
      <c r="GQ13" s="328">
        <v>50820</v>
      </c>
      <c r="GR13" s="330">
        <v>50820</v>
      </c>
      <c r="GS13" s="326">
        <v>134827</v>
      </c>
      <c r="GT13" s="327">
        <v>243820</v>
      </c>
      <c r="GU13" s="328">
        <v>378647</v>
      </c>
      <c r="GV13" s="326">
        <v>0</v>
      </c>
      <c r="GW13" s="327">
        <v>63630</v>
      </c>
      <c r="GX13" s="327">
        <v>0</v>
      </c>
      <c r="GY13" s="327">
        <v>188300</v>
      </c>
      <c r="GZ13" s="327">
        <v>21000</v>
      </c>
      <c r="HA13" s="327">
        <v>0</v>
      </c>
      <c r="HB13" s="331">
        <v>272930</v>
      </c>
      <c r="HC13" s="330">
        <v>651577</v>
      </c>
      <c r="HD13" s="326">
        <v>667342</v>
      </c>
      <c r="HE13" s="327">
        <v>421401</v>
      </c>
      <c r="HF13" s="331">
        <v>1088743</v>
      </c>
      <c r="HG13" s="332">
        <v>0</v>
      </c>
      <c r="HH13" s="327">
        <v>4818474</v>
      </c>
      <c r="HI13" s="327">
        <v>4254790</v>
      </c>
      <c r="HJ13" s="327">
        <v>2231771</v>
      </c>
      <c r="HK13" s="327">
        <v>3922824</v>
      </c>
      <c r="HL13" s="327">
        <v>2648114</v>
      </c>
      <c r="HM13" s="328">
        <v>17875973</v>
      </c>
      <c r="HN13" s="329">
        <v>18964716</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046430</v>
      </c>
      <c r="IE13" s="339">
        <v>2679746</v>
      </c>
      <c r="IF13" s="337">
        <v>2144087</v>
      </c>
      <c r="IG13" s="336">
        <v>1740602</v>
      </c>
      <c r="IH13" s="337">
        <v>1443273</v>
      </c>
      <c r="II13" s="340">
        <v>10054138</v>
      </c>
      <c r="IJ13" s="341">
        <v>10054138</v>
      </c>
      <c r="IK13" s="342">
        <v>0</v>
      </c>
      <c r="IL13" s="343">
        <v>0</v>
      </c>
      <c r="IM13" s="344">
        <v>0</v>
      </c>
      <c r="IN13" s="404">
        <v>0</v>
      </c>
      <c r="IO13" s="345">
        <v>0</v>
      </c>
      <c r="IP13" s="345">
        <v>242420</v>
      </c>
      <c r="IQ13" s="345">
        <v>0</v>
      </c>
      <c r="IR13" s="345">
        <v>0</v>
      </c>
      <c r="IS13" s="345">
        <v>568347</v>
      </c>
      <c r="IT13" s="346">
        <v>810767</v>
      </c>
      <c r="IU13" s="347">
        <v>810767</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129083</v>
      </c>
      <c r="JL13" s="345">
        <v>1297168</v>
      </c>
      <c r="JM13" s="345">
        <v>583710</v>
      </c>
      <c r="JN13" s="345">
        <v>251697</v>
      </c>
      <c r="JO13" s="345">
        <v>136677</v>
      </c>
      <c r="JP13" s="349">
        <v>3398335</v>
      </c>
      <c r="JQ13" s="347">
        <v>3398335</v>
      </c>
      <c r="JR13" s="348">
        <v>0</v>
      </c>
      <c r="JS13" s="345">
        <v>0</v>
      </c>
      <c r="JT13" s="346">
        <v>0</v>
      </c>
      <c r="JU13" s="351">
        <v>0</v>
      </c>
      <c r="JV13" s="345">
        <v>60463</v>
      </c>
      <c r="JW13" s="345">
        <v>349741</v>
      </c>
      <c r="JX13" s="345">
        <v>456321</v>
      </c>
      <c r="JY13" s="345">
        <v>343691</v>
      </c>
      <c r="JZ13" s="345">
        <v>0</v>
      </c>
      <c r="KA13" s="349">
        <v>1210216</v>
      </c>
      <c r="KB13" s="347">
        <v>1210216</v>
      </c>
      <c r="KC13" s="352">
        <v>0</v>
      </c>
      <c r="KD13" s="353">
        <v>0</v>
      </c>
      <c r="KE13" s="349">
        <v>0</v>
      </c>
      <c r="KF13" s="351">
        <v>0</v>
      </c>
      <c r="KG13" s="345">
        <v>202965</v>
      </c>
      <c r="KH13" s="345">
        <v>0</v>
      </c>
      <c r="KI13" s="345">
        <v>186699</v>
      </c>
      <c r="KJ13" s="345">
        <v>232082</v>
      </c>
      <c r="KK13" s="345">
        <v>0</v>
      </c>
      <c r="KL13" s="349">
        <v>621746</v>
      </c>
      <c r="KM13" s="354">
        <v>621746</v>
      </c>
      <c r="KN13" s="342">
        <v>0</v>
      </c>
      <c r="KO13" s="343">
        <v>0</v>
      </c>
      <c r="KP13" s="344">
        <v>0</v>
      </c>
      <c r="KQ13" s="404">
        <v>0</v>
      </c>
      <c r="KR13" s="345">
        <v>422897</v>
      </c>
      <c r="KS13" s="345">
        <v>790417</v>
      </c>
      <c r="KT13" s="345">
        <v>917357</v>
      </c>
      <c r="KU13" s="345">
        <v>1156637</v>
      </c>
      <c r="KV13" s="345">
        <v>465402</v>
      </c>
      <c r="KW13" s="349">
        <v>3752710</v>
      </c>
      <c r="KX13" s="347">
        <v>3752710</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231022</v>
      </c>
      <c r="LZ13" s="345">
        <v>0</v>
      </c>
      <c r="MA13" s="345">
        <v>0</v>
      </c>
      <c r="MB13" s="345">
        <v>-243505</v>
      </c>
      <c r="MC13" s="345">
        <v>272847</v>
      </c>
      <c r="MD13" s="349">
        <v>260364</v>
      </c>
      <c r="ME13" s="350">
        <v>260364</v>
      </c>
      <c r="MF13" s="348">
        <v>0</v>
      </c>
      <c r="MG13" s="345">
        <v>0</v>
      </c>
      <c r="MH13" s="349">
        <v>0</v>
      </c>
      <c r="MI13" s="404">
        <v>0</v>
      </c>
      <c r="MJ13" s="345">
        <v>562135</v>
      </c>
      <c r="MK13" s="345">
        <v>982406</v>
      </c>
      <c r="ML13" s="345">
        <v>3284000</v>
      </c>
      <c r="MM13" s="345">
        <v>5302289</v>
      </c>
      <c r="MN13" s="345">
        <v>2599758</v>
      </c>
      <c r="MO13" s="349">
        <v>12730588</v>
      </c>
      <c r="MP13" s="354">
        <v>12730588</v>
      </c>
      <c r="MQ13" s="348">
        <v>0</v>
      </c>
      <c r="MR13" s="345">
        <v>0</v>
      </c>
      <c r="MS13" s="349">
        <v>0</v>
      </c>
      <c r="MT13" s="404">
        <v>0</v>
      </c>
      <c r="MU13" s="345">
        <v>0</v>
      </c>
      <c r="MV13" s="345">
        <v>0</v>
      </c>
      <c r="MW13" s="345">
        <v>1646499</v>
      </c>
      <c r="MX13" s="345">
        <v>4073858</v>
      </c>
      <c r="MY13" s="345">
        <v>2296958</v>
      </c>
      <c r="MZ13" s="349">
        <v>8017315</v>
      </c>
      <c r="NA13" s="354">
        <v>8017315</v>
      </c>
      <c r="NB13" s="348">
        <v>0</v>
      </c>
      <c r="NC13" s="345">
        <v>0</v>
      </c>
      <c r="ND13" s="349">
        <v>0</v>
      </c>
      <c r="NE13" s="404">
        <v>0</v>
      </c>
      <c r="NF13" s="345">
        <v>562135</v>
      </c>
      <c r="NG13" s="345">
        <v>982406</v>
      </c>
      <c r="NH13" s="345">
        <v>1637501</v>
      </c>
      <c r="NI13" s="345">
        <v>1228431</v>
      </c>
      <c r="NJ13" s="345">
        <v>302800</v>
      </c>
      <c r="NK13" s="349">
        <v>4713273</v>
      </c>
      <c r="NL13" s="347">
        <v>4713273</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118719</v>
      </c>
      <c r="OJ13" s="345">
        <v>993044</v>
      </c>
      <c r="OK13" s="346">
        <v>2111763</v>
      </c>
      <c r="OL13" s="351">
        <v>0</v>
      </c>
      <c r="OM13" s="345">
        <v>16024693</v>
      </c>
      <c r="ON13" s="345">
        <v>14856799</v>
      </c>
      <c r="OO13" s="345">
        <v>13259854</v>
      </c>
      <c r="OP13" s="345">
        <v>18828609</v>
      </c>
      <c r="OQ13" s="345">
        <v>9758177</v>
      </c>
      <c r="OR13" s="349">
        <v>72728132</v>
      </c>
      <c r="OS13" s="354">
        <v>74839895</v>
      </c>
    </row>
    <row r="14" spans="2:409" s="70" customFormat="1" ht="21" customHeight="1" x14ac:dyDescent="0.2">
      <c r="B14" s="106" t="s">
        <v>8</v>
      </c>
      <c r="C14" s="326">
        <v>651522</v>
      </c>
      <c r="D14" s="327">
        <v>676107</v>
      </c>
      <c r="E14" s="328">
        <v>1327629</v>
      </c>
      <c r="F14" s="329">
        <v>0</v>
      </c>
      <c r="G14" s="327">
        <v>6709811</v>
      </c>
      <c r="H14" s="327">
        <v>7723492</v>
      </c>
      <c r="I14" s="327">
        <v>6771116</v>
      </c>
      <c r="J14" s="327">
        <v>6966355</v>
      </c>
      <c r="K14" s="327">
        <v>4852278</v>
      </c>
      <c r="L14" s="329">
        <v>33023052</v>
      </c>
      <c r="M14" s="330">
        <v>34350681</v>
      </c>
      <c r="N14" s="326">
        <v>133447</v>
      </c>
      <c r="O14" s="327">
        <v>231105</v>
      </c>
      <c r="P14" s="328">
        <v>364552</v>
      </c>
      <c r="Q14" s="326">
        <v>0</v>
      </c>
      <c r="R14" s="327">
        <v>1966704</v>
      </c>
      <c r="S14" s="327">
        <v>2050874</v>
      </c>
      <c r="T14" s="327">
        <v>2277848</v>
      </c>
      <c r="U14" s="327">
        <v>2394775</v>
      </c>
      <c r="V14" s="327">
        <v>3018866</v>
      </c>
      <c r="W14" s="328">
        <v>11709067</v>
      </c>
      <c r="X14" s="330">
        <v>12073619</v>
      </c>
      <c r="Y14" s="326">
        <v>0</v>
      </c>
      <c r="Z14" s="327">
        <v>0</v>
      </c>
      <c r="AA14" s="328">
        <v>0</v>
      </c>
      <c r="AB14" s="326">
        <v>0</v>
      </c>
      <c r="AC14" s="327">
        <v>751439</v>
      </c>
      <c r="AD14" s="327">
        <v>941508</v>
      </c>
      <c r="AE14" s="327">
        <v>1248188</v>
      </c>
      <c r="AF14" s="327">
        <v>1207804</v>
      </c>
      <c r="AG14" s="327">
        <v>1840510</v>
      </c>
      <c r="AH14" s="328">
        <v>5989449</v>
      </c>
      <c r="AI14" s="330">
        <v>5989449</v>
      </c>
      <c r="AJ14" s="326">
        <v>0</v>
      </c>
      <c r="AK14" s="327">
        <v>0</v>
      </c>
      <c r="AL14" s="328">
        <v>0</v>
      </c>
      <c r="AM14" s="326">
        <v>0</v>
      </c>
      <c r="AN14" s="327">
        <v>0</v>
      </c>
      <c r="AO14" s="327">
        <v>0</v>
      </c>
      <c r="AP14" s="327">
        <v>65813</v>
      </c>
      <c r="AQ14" s="327">
        <v>105554</v>
      </c>
      <c r="AR14" s="327">
        <v>220241</v>
      </c>
      <c r="AS14" s="328">
        <v>391608</v>
      </c>
      <c r="AT14" s="330">
        <v>391608</v>
      </c>
      <c r="AU14" s="326">
        <v>76761</v>
      </c>
      <c r="AV14" s="327">
        <v>145466</v>
      </c>
      <c r="AW14" s="328">
        <v>222227</v>
      </c>
      <c r="AX14" s="326">
        <v>0</v>
      </c>
      <c r="AY14" s="327">
        <v>707781</v>
      </c>
      <c r="AZ14" s="327">
        <v>642099</v>
      </c>
      <c r="BA14" s="327">
        <v>711480</v>
      </c>
      <c r="BB14" s="327">
        <v>693727</v>
      </c>
      <c r="BC14" s="327">
        <v>582909</v>
      </c>
      <c r="BD14" s="328">
        <v>3337996</v>
      </c>
      <c r="BE14" s="330">
        <v>3560223</v>
      </c>
      <c r="BF14" s="326">
        <v>0</v>
      </c>
      <c r="BG14" s="327">
        <v>63701</v>
      </c>
      <c r="BH14" s="331">
        <v>63701</v>
      </c>
      <c r="BI14" s="332">
        <v>0</v>
      </c>
      <c r="BJ14" s="327">
        <v>166514</v>
      </c>
      <c r="BK14" s="327">
        <v>151650</v>
      </c>
      <c r="BL14" s="327">
        <v>25315</v>
      </c>
      <c r="BM14" s="327">
        <v>90428</v>
      </c>
      <c r="BN14" s="327">
        <v>167971</v>
      </c>
      <c r="BO14" s="328">
        <v>601878</v>
      </c>
      <c r="BP14" s="330">
        <v>665579</v>
      </c>
      <c r="BQ14" s="326">
        <v>56686</v>
      </c>
      <c r="BR14" s="327">
        <v>21938</v>
      </c>
      <c r="BS14" s="328">
        <v>78624</v>
      </c>
      <c r="BT14" s="326">
        <v>0</v>
      </c>
      <c r="BU14" s="327">
        <v>340970</v>
      </c>
      <c r="BV14" s="327">
        <v>315617</v>
      </c>
      <c r="BW14" s="327">
        <v>227052</v>
      </c>
      <c r="BX14" s="327">
        <v>297262</v>
      </c>
      <c r="BY14" s="327">
        <v>207235</v>
      </c>
      <c r="BZ14" s="328">
        <v>1388136</v>
      </c>
      <c r="CA14" s="330">
        <v>1466760</v>
      </c>
      <c r="CB14" s="326">
        <v>90139</v>
      </c>
      <c r="CC14" s="327">
        <v>137623</v>
      </c>
      <c r="CD14" s="328">
        <v>227762</v>
      </c>
      <c r="CE14" s="326">
        <v>0</v>
      </c>
      <c r="CF14" s="327">
        <v>1902555</v>
      </c>
      <c r="CG14" s="327">
        <v>2147883</v>
      </c>
      <c r="CH14" s="327">
        <v>1968173</v>
      </c>
      <c r="CI14" s="327">
        <v>1379737</v>
      </c>
      <c r="CJ14" s="327">
        <v>580360</v>
      </c>
      <c r="CK14" s="328">
        <v>7978708</v>
      </c>
      <c r="CL14" s="330">
        <v>8206470</v>
      </c>
      <c r="CM14" s="326">
        <v>0</v>
      </c>
      <c r="CN14" s="327">
        <v>0</v>
      </c>
      <c r="CO14" s="328">
        <v>0</v>
      </c>
      <c r="CP14" s="332">
        <v>0</v>
      </c>
      <c r="CQ14" s="327">
        <v>1236792</v>
      </c>
      <c r="CR14" s="327">
        <v>1793019</v>
      </c>
      <c r="CS14" s="327">
        <v>1335512</v>
      </c>
      <c r="CT14" s="327">
        <v>859477</v>
      </c>
      <c r="CU14" s="327">
        <v>400633</v>
      </c>
      <c r="CV14" s="328">
        <v>5625433</v>
      </c>
      <c r="CW14" s="330">
        <v>5625433</v>
      </c>
      <c r="CX14" s="326">
        <v>90139</v>
      </c>
      <c r="CY14" s="327">
        <v>137623</v>
      </c>
      <c r="CZ14" s="328">
        <v>227762</v>
      </c>
      <c r="DA14" s="326">
        <v>0</v>
      </c>
      <c r="DB14" s="327">
        <v>665763</v>
      </c>
      <c r="DC14" s="327">
        <v>354864</v>
      </c>
      <c r="DD14" s="327">
        <v>632661</v>
      </c>
      <c r="DE14" s="327">
        <v>520260</v>
      </c>
      <c r="DF14" s="327">
        <v>179727</v>
      </c>
      <c r="DG14" s="328">
        <v>2353275</v>
      </c>
      <c r="DH14" s="330">
        <v>2581037</v>
      </c>
      <c r="DI14" s="326">
        <v>0</v>
      </c>
      <c r="DJ14" s="327">
        <v>0</v>
      </c>
      <c r="DK14" s="331">
        <v>0</v>
      </c>
      <c r="DL14" s="332">
        <v>0</v>
      </c>
      <c r="DM14" s="327">
        <v>415531</v>
      </c>
      <c r="DN14" s="327">
        <v>618359</v>
      </c>
      <c r="DO14" s="327">
        <v>1219170</v>
      </c>
      <c r="DP14" s="327">
        <v>92427</v>
      </c>
      <c r="DQ14" s="327">
        <v>335747</v>
      </c>
      <c r="DR14" s="328">
        <v>2681234</v>
      </c>
      <c r="DS14" s="330">
        <v>2681234</v>
      </c>
      <c r="DT14" s="326">
        <v>0</v>
      </c>
      <c r="DU14" s="327">
        <v>0</v>
      </c>
      <c r="DV14" s="328">
        <v>0</v>
      </c>
      <c r="DW14" s="326">
        <v>0</v>
      </c>
      <c r="DX14" s="327">
        <v>334408</v>
      </c>
      <c r="DY14" s="327">
        <v>618359</v>
      </c>
      <c r="DZ14" s="327">
        <v>1198495</v>
      </c>
      <c r="EA14" s="327">
        <v>58991</v>
      </c>
      <c r="EB14" s="327">
        <v>266811</v>
      </c>
      <c r="EC14" s="328">
        <v>2477064</v>
      </c>
      <c r="ED14" s="330">
        <v>2477064</v>
      </c>
      <c r="EE14" s="326">
        <v>0</v>
      </c>
      <c r="EF14" s="331">
        <v>0</v>
      </c>
      <c r="EG14" s="328">
        <v>0</v>
      </c>
      <c r="EH14" s="326">
        <v>0</v>
      </c>
      <c r="EI14" s="327">
        <v>81123</v>
      </c>
      <c r="EJ14" s="327">
        <v>0</v>
      </c>
      <c r="EK14" s="327">
        <v>20675</v>
      </c>
      <c r="EL14" s="327">
        <v>33436</v>
      </c>
      <c r="EM14" s="327">
        <v>68936</v>
      </c>
      <c r="EN14" s="331">
        <v>204170</v>
      </c>
      <c r="EO14" s="330">
        <v>204170</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35779</v>
      </c>
      <c r="FM14" s="327">
        <v>135968</v>
      </c>
      <c r="FN14" s="328">
        <v>271747</v>
      </c>
      <c r="FO14" s="326">
        <v>0</v>
      </c>
      <c r="FP14" s="327">
        <v>434294</v>
      </c>
      <c r="FQ14" s="327">
        <v>514640</v>
      </c>
      <c r="FR14" s="327">
        <v>484337</v>
      </c>
      <c r="FS14" s="327">
        <v>473200</v>
      </c>
      <c r="FT14" s="327">
        <v>280735</v>
      </c>
      <c r="FU14" s="328">
        <v>2187206</v>
      </c>
      <c r="FV14" s="330">
        <v>2458953</v>
      </c>
      <c r="FW14" s="333">
        <v>135779</v>
      </c>
      <c r="FX14" s="327">
        <v>81368</v>
      </c>
      <c r="FY14" s="331">
        <v>217147</v>
      </c>
      <c r="FZ14" s="332">
        <v>0</v>
      </c>
      <c r="GA14" s="327">
        <v>275198</v>
      </c>
      <c r="GB14" s="327">
        <v>514640</v>
      </c>
      <c r="GC14" s="327">
        <v>470337</v>
      </c>
      <c r="GD14" s="327">
        <v>473200</v>
      </c>
      <c r="GE14" s="327">
        <v>280735</v>
      </c>
      <c r="GF14" s="328">
        <v>2014110</v>
      </c>
      <c r="GG14" s="334">
        <v>2231257</v>
      </c>
      <c r="GH14" s="333">
        <v>0</v>
      </c>
      <c r="GI14" s="327">
        <v>0</v>
      </c>
      <c r="GJ14" s="331">
        <v>0</v>
      </c>
      <c r="GK14" s="332">
        <v>0</v>
      </c>
      <c r="GL14" s="327">
        <v>19096</v>
      </c>
      <c r="GM14" s="327">
        <v>0</v>
      </c>
      <c r="GN14" s="327">
        <v>14000</v>
      </c>
      <c r="GO14" s="327">
        <v>0</v>
      </c>
      <c r="GP14" s="327">
        <v>0</v>
      </c>
      <c r="GQ14" s="328">
        <v>33096</v>
      </c>
      <c r="GR14" s="330">
        <v>33096</v>
      </c>
      <c r="GS14" s="326">
        <v>0</v>
      </c>
      <c r="GT14" s="327">
        <v>54600</v>
      </c>
      <c r="GU14" s="328">
        <v>54600</v>
      </c>
      <c r="GV14" s="326">
        <v>0</v>
      </c>
      <c r="GW14" s="327">
        <v>140000</v>
      </c>
      <c r="GX14" s="327">
        <v>0</v>
      </c>
      <c r="GY14" s="327">
        <v>0</v>
      </c>
      <c r="GZ14" s="327">
        <v>0</v>
      </c>
      <c r="HA14" s="327">
        <v>0</v>
      </c>
      <c r="HB14" s="331">
        <v>140000</v>
      </c>
      <c r="HC14" s="330">
        <v>194600</v>
      </c>
      <c r="HD14" s="326">
        <v>292157</v>
      </c>
      <c r="HE14" s="327">
        <v>171411</v>
      </c>
      <c r="HF14" s="331">
        <v>463568</v>
      </c>
      <c r="HG14" s="332">
        <v>0</v>
      </c>
      <c r="HH14" s="327">
        <v>1990727</v>
      </c>
      <c r="HI14" s="327">
        <v>2391736</v>
      </c>
      <c r="HJ14" s="327">
        <v>821588</v>
      </c>
      <c r="HK14" s="327">
        <v>2626216</v>
      </c>
      <c r="HL14" s="327">
        <v>636570</v>
      </c>
      <c r="HM14" s="328">
        <v>8466837</v>
      </c>
      <c r="HN14" s="329">
        <v>8930405</v>
      </c>
      <c r="HO14" s="333">
        <v>0</v>
      </c>
      <c r="HP14" s="327">
        <v>0</v>
      </c>
      <c r="HQ14" s="328">
        <v>0</v>
      </c>
      <c r="HR14" s="326">
        <v>0</v>
      </c>
      <c r="HS14" s="327">
        <v>0</v>
      </c>
      <c r="HT14" s="327">
        <v>0</v>
      </c>
      <c r="HU14" s="327">
        <v>0</v>
      </c>
      <c r="HV14" s="327">
        <v>0</v>
      </c>
      <c r="HW14" s="327">
        <v>0</v>
      </c>
      <c r="HX14" s="331">
        <v>0</v>
      </c>
      <c r="HY14" s="330">
        <v>0</v>
      </c>
      <c r="HZ14" s="335">
        <v>0</v>
      </c>
      <c r="IA14" s="336">
        <v>0</v>
      </c>
      <c r="IB14" s="337">
        <v>0</v>
      </c>
      <c r="IC14" s="355">
        <v>0</v>
      </c>
      <c r="ID14" s="356">
        <v>1570528</v>
      </c>
      <c r="IE14" s="357">
        <v>2053435</v>
      </c>
      <c r="IF14" s="358">
        <v>1629514</v>
      </c>
      <c r="IG14" s="356">
        <v>1867863</v>
      </c>
      <c r="IH14" s="358">
        <v>113205</v>
      </c>
      <c r="II14" s="359">
        <v>7234545</v>
      </c>
      <c r="IJ14" s="341">
        <v>7234545</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304566</v>
      </c>
      <c r="JL14" s="345">
        <v>1038689</v>
      </c>
      <c r="JM14" s="345">
        <v>329329</v>
      </c>
      <c r="JN14" s="345">
        <v>265115</v>
      </c>
      <c r="JO14" s="345">
        <v>26077</v>
      </c>
      <c r="JP14" s="349">
        <v>2963776</v>
      </c>
      <c r="JQ14" s="347">
        <v>2963776</v>
      </c>
      <c r="JR14" s="348">
        <v>0</v>
      </c>
      <c r="JS14" s="345">
        <v>0</v>
      </c>
      <c r="JT14" s="346">
        <v>0</v>
      </c>
      <c r="JU14" s="351">
        <v>0</v>
      </c>
      <c r="JV14" s="345">
        <v>0</v>
      </c>
      <c r="JW14" s="345">
        <v>0</v>
      </c>
      <c r="JX14" s="345">
        <v>0</v>
      </c>
      <c r="JY14" s="345">
        <v>0</v>
      </c>
      <c r="JZ14" s="345">
        <v>0</v>
      </c>
      <c r="KA14" s="349">
        <v>0</v>
      </c>
      <c r="KB14" s="347">
        <v>0</v>
      </c>
      <c r="KC14" s="352">
        <v>0</v>
      </c>
      <c r="KD14" s="353">
        <v>0</v>
      </c>
      <c r="KE14" s="349">
        <v>0</v>
      </c>
      <c r="KF14" s="351">
        <v>0</v>
      </c>
      <c r="KG14" s="345">
        <v>0</v>
      </c>
      <c r="KH14" s="345">
        <v>0</v>
      </c>
      <c r="KI14" s="345">
        <v>625817</v>
      </c>
      <c r="KJ14" s="345">
        <v>237227</v>
      </c>
      <c r="KK14" s="345">
        <v>0</v>
      </c>
      <c r="KL14" s="349">
        <v>863044</v>
      </c>
      <c r="KM14" s="354">
        <v>863044</v>
      </c>
      <c r="KN14" s="342">
        <v>0</v>
      </c>
      <c r="KO14" s="343">
        <v>0</v>
      </c>
      <c r="KP14" s="344">
        <v>0</v>
      </c>
      <c r="KQ14" s="404">
        <v>0</v>
      </c>
      <c r="KR14" s="345">
        <v>207606</v>
      </c>
      <c r="KS14" s="345">
        <v>872084</v>
      </c>
      <c r="KT14" s="345">
        <v>674368</v>
      </c>
      <c r="KU14" s="345">
        <v>459095</v>
      </c>
      <c r="KV14" s="345">
        <v>0</v>
      </c>
      <c r="KW14" s="349">
        <v>2213153</v>
      </c>
      <c r="KX14" s="347">
        <v>2213153</v>
      </c>
      <c r="KY14" s="348">
        <v>0</v>
      </c>
      <c r="KZ14" s="345">
        <v>0</v>
      </c>
      <c r="LA14" s="349">
        <v>0</v>
      </c>
      <c r="LB14" s="404">
        <v>0</v>
      </c>
      <c r="LC14" s="345">
        <v>0</v>
      </c>
      <c r="LD14" s="345">
        <v>0</v>
      </c>
      <c r="LE14" s="345">
        <v>0</v>
      </c>
      <c r="LF14" s="345">
        <v>390648</v>
      </c>
      <c r="LG14" s="345">
        <v>87128</v>
      </c>
      <c r="LH14" s="349">
        <v>477776</v>
      </c>
      <c r="LI14" s="350">
        <v>477776</v>
      </c>
      <c r="LJ14" s="348">
        <v>0</v>
      </c>
      <c r="LK14" s="345">
        <v>0</v>
      </c>
      <c r="LL14" s="349">
        <v>0</v>
      </c>
      <c r="LM14" s="404">
        <v>0</v>
      </c>
      <c r="LN14" s="345">
        <v>0</v>
      </c>
      <c r="LO14" s="345">
        <v>0</v>
      </c>
      <c r="LP14" s="345">
        <v>0</v>
      </c>
      <c r="LQ14" s="345">
        <v>515778</v>
      </c>
      <c r="LR14" s="345">
        <v>0</v>
      </c>
      <c r="LS14" s="349">
        <v>515778</v>
      </c>
      <c r="LT14" s="347">
        <v>515778</v>
      </c>
      <c r="LU14" s="348">
        <v>0</v>
      </c>
      <c r="LV14" s="345">
        <v>0</v>
      </c>
      <c r="LW14" s="349">
        <v>0</v>
      </c>
      <c r="LX14" s="404">
        <v>0</v>
      </c>
      <c r="LY14" s="345">
        <v>58356</v>
      </c>
      <c r="LZ14" s="345">
        <v>142662</v>
      </c>
      <c r="MA14" s="345">
        <v>0</v>
      </c>
      <c r="MB14" s="345">
        <v>0</v>
      </c>
      <c r="MC14" s="345">
        <v>0</v>
      </c>
      <c r="MD14" s="349">
        <v>201018</v>
      </c>
      <c r="ME14" s="350">
        <v>201018</v>
      </c>
      <c r="MF14" s="348">
        <v>0</v>
      </c>
      <c r="MG14" s="345">
        <v>0</v>
      </c>
      <c r="MH14" s="349">
        <v>0</v>
      </c>
      <c r="MI14" s="404">
        <v>0</v>
      </c>
      <c r="MJ14" s="345">
        <v>350496</v>
      </c>
      <c r="MK14" s="345">
        <v>674272</v>
      </c>
      <c r="ML14" s="345">
        <v>3188517</v>
      </c>
      <c r="MM14" s="345">
        <v>3445801</v>
      </c>
      <c r="MN14" s="345">
        <v>2215902</v>
      </c>
      <c r="MO14" s="349">
        <v>9874988</v>
      </c>
      <c r="MP14" s="354">
        <v>9874988</v>
      </c>
      <c r="MQ14" s="348">
        <v>0</v>
      </c>
      <c r="MR14" s="345">
        <v>0</v>
      </c>
      <c r="MS14" s="349">
        <v>0</v>
      </c>
      <c r="MT14" s="404">
        <v>0</v>
      </c>
      <c r="MU14" s="345">
        <v>0</v>
      </c>
      <c r="MV14" s="345">
        <v>213626</v>
      </c>
      <c r="MW14" s="345">
        <v>1290363</v>
      </c>
      <c r="MX14" s="345">
        <v>2093152</v>
      </c>
      <c r="MY14" s="345">
        <v>1673402</v>
      </c>
      <c r="MZ14" s="349">
        <v>5270543</v>
      </c>
      <c r="NA14" s="354">
        <v>5270543</v>
      </c>
      <c r="NB14" s="348">
        <v>0</v>
      </c>
      <c r="NC14" s="345">
        <v>0</v>
      </c>
      <c r="ND14" s="349">
        <v>0</v>
      </c>
      <c r="NE14" s="404">
        <v>0</v>
      </c>
      <c r="NF14" s="345">
        <v>350496</v>
      </c>
      <c r="NG14" s="345">
        <v>460646</v>
      </c>
      <c r="NH14" s="345">
        <v>1898154</v>
      </c>
      <c r="NI14" s="345">
        <v>1352649</v>
      </c>
      <c r="NJ14" s="345">
        <v>542500</v>
      </c>
      <c r="NK14" s="349">
        <v>4604445</v>
      </c>
      <c r="NL14" s="347">
        <v>4604445</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651522</v>
      </c>
      <c r="OJ14" s="345">
        <v>676107</v>
      </c>
      <c r="OK14" s="346">
        <v>1327629</v>
      </c>
      <c r="OL14" s="351">
        <v>0</v>
      </c>
      <c r="OM14" s="345">
        <v>8630835</v>
      </c>
      <c r="ON14" s="345">
        <v>10451199</v>
      </c>
      <c r="OO14" s="345">
        <v>11589147</v>
      </c>
      <c r="OP14" s="345">
        <v>12280019</v>
      </c>
      <c r="OQ14" s="345">
        <v>7181385</v>
      </c>
      <c r="OR14" s="349">
        <v>50132585</v>
      </c>
      <c r="OS14" s="354">
        <v>51460214</v>
      </c>
    </row>
    <row r="15" spans="2:409" s="70" customFormat="1" ht="21" customHeight="1" x14ac:dyDescent="0.2">
      <c r="B15" s="106" t="s">
        <v>9</v>
      </c>
      <c r="C15" s="326">
        <v>1707177</v>
      </c>
      <c r="D15" s="327">
        <v>1683999</v>
      </c>
      <c r="E15" s="328">
        <v>3391176</v>
      </c>
      <c r="F15" s="332">
        <v>0</v>
      </c>
      <c r="G15" s="327">
        <v>14310161</v>
      </c>
      <c r="H15" s="327">
        <v>14413892</v>
      </c>
      <c r="I15" s="327">
        <v>15466959</v>
      </c>
      <c r="J15" s="327">
        <v>13870534</v>
      </c>
      <c r="K15" s="327">
        <v>9259659</v>
      </c>
      <c r="L15" s="329">
        <v>67321205</v>
      </c>
      <c r="M15" s="330">
        <v>70712381</v>
      </c>
      <c r="N15" s="326">
        <v>582791</v>
      </c>
      <c r="O15" s="327">
        <v>504431</v>
      </c>
      <c r="P15" s="328">
        <v>1087222</v>
      </c>
      <c r="Q15" s="326">
        <v>0</v>
      </c>
      <c r="R15" s="327">
        <v>4827756</v>
      </c>
      <c r="S15" s="327">
        <v>4849520</v>
      </c>
      <c r="T15" s="327">
        <v>5260674</v>
      </c>
      <c r="U15" s="327">
        <v>6402426</v>
      </c>
      <c r="V15" s="327">
        <v>5082176</v>
      </c>
      <c r="W15" s="328">
        <v>26422552</v>
      </c>
      <c r="X15" s="330">
        <v>27509774</v>
      </c>
      <c r="Y15" s="326">
        <v>0</v>
      </c>
      <c r="Z15" s="327">
        <v>0</v>
      </c>
      <c r="AA15" s="328">
        <v>0</v>
      </c>
      <c r="AB15" s="326">
        <v>0</v>
      </c>
      <c r="AC15" s="327">
        <v>2205134</v>
      </c>
      <c r="AD15" s="327">
        <v>1772220</v>
      </c>
      <c r="AE15" s="327">
        <v>3111210</v>
      </c>
      <c r="AF15" s="327">
        <v>3732966</v>
      </c>
      <c r="AG15" s="327">
        <v>3164445</v>
      </c>
      <c r="AH15" s="328">
        <v>13985975</v>
      </c>
      <c r="AI15" s="330">
        <v>13985975</v>
      </c>
      <c r="AJ15" s="326">
        <v>0</v>
      </c>
      <c r="AK15" s="327">
        <v>0</v>
      </c>
      <c r="AL15" s="328">
        <v>0</v>
      </c>
      <c r="AM15" s="326">
        <v>0</v>
      </c>
      <c r="AN15" s="327">
        <v>42464</v>
      </c>
      <c r="AO15" s="327">
        <v>34756</v>
      </c>
      <c r="AP15" s="327">
        <v>53077</v>
      </c>
      <c r="AQ15" s="327">
        <v>529081</v>
      </c>
      <c r="AR15" s="327">
        <v>506645</v>
      </c>
      <c r="AS15" s="328">
        <v>1166023</v>
      </c>
      <c r="AT15" s="330">
        <v>1166023</v>
      </c>
      <c r="AU15" s="326">
        <v>340266</v>
      </c>
      <c r="AV15" s="327">
        <v>384600</v>
      </c>
      <c r="AW15" s="328">
        <v>724866</v>
      </c>
      <c r="AX15" s="326">
        <v>0</v>
      </c>
      <c r="AY15" s="327">
        <v>1858639</v>
      </c>
      <c r="AZ15" s="327">
        <v>1758663</v>
      </c>
      <c r="BA15" s="327">
        <v>1057792</v>
      </c>
      <c r="BB15" s="327">
        <v>1165484</v>
      </c>
      <c r="BC15" s="327">
        <v>728066</v>
      </c>
      <c r="BD15" s="328">
        <v>6568644</v>
      </c>
      <c r="BE15" s="330">
        <v>7293510</v>
      </c>
      <c r="BF15" s="326">
        <v>37964</v>
      </c>
      <c r="BG15" s="327">
        <v>44133</v>
      </c>
      <c r="BH15" s="331">
        <v>82097</v>
      </c>
      <c r="BI15" s="332">
        <v>0</v>
      </c>
      <c r="BJ15" s="327">
        <v>95250</v>
      </c>
      <c r="BK15" s="327">
        <v>294970</v>
      </c>
      <c r="BL15" s="327">
        <v>214023</v>
      </c>
      <c r="BM15" s="327">
        <v>169678</v>
      </c>
      <c r="BN15" s="327">
        <v>236910</v>
      </c>
      <c r="BO15" s="328">
        <v>1010831</v>
      </c>
      <c r="BP15" s="330">
        <v>1092928</v>
      </c>
      <c r="BQ15" s="326">
        <v>204561</v>
      </c>
      <c r="BR15" s="327">
        <v>75698</v>
      </c>
      <c r="BS15" s="328">
        <v>280259</v>
      </c>
      <c r="BT15" s="326">
        <v>0</v>
      </c>
      <c r="BU15" s="327">
        <v>626269</v>
      </c>
      <c r="BV15" s="327">
        <v>988911</v>
      </c>
      <c r="BW15" s="327">
        <v>824572</v>
      </c>
      <c r="BX15" s="327">
        <v>805217</v>
      </c>
      <c r="BY15" s="327">
        <v>446110</v>
      </c>
      <c r="BZ15" s="328">
        <v>3691079</v>
      </c>
      <c r="CA15" s="330">
        <v>3971338</v>
      </c>
      <c r="CB15" s="326">
        <v>196630</v>
      </c>
      <c r="CC15" s="327">
        <v>442743</v>
      </c>
      <c r="CD15" s="328">
        <v>639373</v>
      </c>
      <c r="CE15" s="326">
        <v>0</v>
      </c>
      <c r="CF15" s="327">
        <v>3513666</v>
      </c>
      <c r="CG15" s="327">
        <v>2515993</v>
      </c>
      <c r="CH15" s="327">
        <v>2558593</v>
      </c>
      <c r="CI15" s="327">
        <v>1195570</v>
      </c>
      <c r="CJ15" s="327">
        <v>485649</v>
      </c>
      <c r="CK15" s="328">
        <v>10269471</v>
      </c>
      <c r="CL15" s="330">
        <v>10908844</v>
      </c>
      <c r="CM15" s="326">
        <v>0</v>
      </c>
      <c r="CN15" s="327">
        <v>0</v>
      </c>
      <c r="CO15" s="328">
        <v>0</v>
      </c>
      <c r="CP15" s="332">
        <v>0</v>
      </c>
      <c r="CQ15" s="327">
        <v>2577863</v>
      </c>
      <c r="CR15" s="327">
        <v>1706058</v>
      </c>
      <c r="CS15" s="327">
        <v>1585159</v>
      </c>
      <c r="CT15" s="327">
        <v>707878</v>
      </c>
      <c r="CU15" s="327">
        <v>290808</v>
      </c>
      <c r="CV15" s="328">
        <v>6867766</v>
      </c>
      <c r="CW15" s="330">
        <v>6867766</v>
      </c>
      <c r="CX15" s="326">
        <v>196630</v>
      </c>
      <c r="CY15" s="327">
        <v>442743</v>
      </c>
      <c r="CZ15" s="328">
        <v>639373</v>
      </c>
      <c r="DA15" s="326">
        <v>0</v>
      </c>
      <c r="DB15" s="327">
        <v>935803</v>
      </c>
      <c r="DC15" s="327">
        <v>809935</v>
      </c>
      <c r="DD15" s="327">
        <v>973434</v>
      </c>
      <c r="DE15" s="327">
        <v>487692</v>
      </c>
      <c r="DF15" s="327">
        <v>194841</v>
      </c>
      <c r="DG15" s="328">
        <v>3401705</v>
      </c>
      <c r="DH15" s="330">
        <v>4041078</v>
      </c>
      <c r="DI15" s="326">
        <v>0</v>
      </c>
      <c r="DJ15" s="327">
        <v>0</v>
      </c>
      <c r="DK15" s="331">
        <v>0</v>
      </c>
      <c r="DL15" s="332">
        <v>0</v>
      </c>
      <c r="DM15" s="327">
        <v>375895</v>
      </c>
      <c r="DN15" s="327">
        <v>941080</v>
      </c>
      <c r="DO15" s="327">
        <v>1796321</v>
      </c>
      <c r="DP15" s="327">
        <v>873034</v>
      </c>
      <c r="DQ15" s="327">
        <v>676908</v>
      </c>
      <c r="DR15" s="328">
        <v>4663238</v>
      </c>
      <c r="DS15" s="330">
        <v>4663238</v>
      </c>
      <c r="DT15" s="326">
        <v>0</v>
      </c>
      <c r="DU15" s="327">
        <v>0</v>
      </c>
      <c r="DV15" s="328">
        <v>0</v>
      </c>
      <c r="DW15" s="326">
        <v>0</v>
      </c>
      <c r="DX15" s="327">
        <v>343794</v>
      </c>
      <c r="DY15" s="327">
        <v>920036</v>
      </c>
      <c r="DZ15" s="327">
        <v>1594090</v>
      </c>
      <c r="EA15" s="327">
        <v>442242</v>
      </c>
      <c r="EB15" s="327">
        <v>676908</v>
      </c>
      <c r="EC15" s="328">
        <v>3977070</v>
      </c>
      <c r="ED15" s="330">
        <v>3977070</v>
      </c>
      <c r="EE15" s="326">
        <v>0</v>
      </c>
      <c r="EF15" s="331">
        <v>0</v>
      </c>
      <c r="EG15" s="328">
        <v>0</v>
      </c>
      <c r="EH15" s="326">
        <v>0</v>
      </c>
      <c r="EI15" s="327">
        <v>32101</v>
      </c>
      <c r="EJ15" s="327">
        <v>21044</v>
      </c>
      <c r="EK15" s="327">
        <v>202231</v>
      </c>
      <c r="EL15" s="327">
        <v>430792</v>
      </c>
      <c r="EM15" s="327">
        <v>0</v>
      </c>
      <c r="EN15" s="331">
        <v>686168</v>
      </c>
      <c r="EO15" s="330">
        <v>686168</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127568</v>
      </c>
      <c r="FM15" s="327">
        <v>220192</v>
      </c>
      <c r="FN15" s="328">
        <v>347760</v>
      </c>
      <c r="FO15" s="326">
        <v>0</v>
      </c>
      <c r="FP15" s="327">
        <v>998319</v>
      </c>
      <c r="FQ15" s="327">
        <v>1152165</v>
      </c>
      <c r="FR15" s="327">
        <v>1125817</v>
      </c>
      <c r="FS15" s="327">
        <v>1126037</v>
      </c>
      <c r="FT15" s="327">
        <v>583716</v>
      </c>
      <c r="FU15" s="328">
        <v>4986054</v>
      </c>
      <c r="FV15" s="330">
        <v>5333814</v>
      </c>
      <c r="FW15" s="333">
        <v>113288</v>
      </c>
      <c r="FX15" s="327">
        <v>172452</v>
      </c>
      <c r="FY15" s="331">
        <v>285740</v>
      </c>
      <c r="FZ15" s="332">
        <v>0</v>
      </c>
      <c r="GA15" s="327">
        <v>721945</v>
      </c>
      <c r="GB15" s="327">
        <v>1136765</v>
      </c>
      <c r="GC15" s="327">
        <v>869925</v>
      </c>
      <c r="GD15" s="327">
        <v>972415</v>
      </c>
      <c r="GE15" s="327">
        <v>571011</v>
      </c>
      <c r="GF15" s="328">
        <v>4272061</v>
      </c>
      <c r="GG15" s="334">
        <v>4557801</v>
      </c>
      <c r="GH15" s="333">
        <v>14280</v>
      </c>
      <c r="GI15" s="327">
        <v>0</v>
      </c>
      <c r="GJ15" s="331">
        <v>14280</v>
      </c>
      <c r="GK15" s="332">
        <v>0</v>
      </c>
      <c r="GL15" s="327">
        <v>80374</v>
      </c>
      <c r="GM15" s="327">
        <v>15400</v>
      </c>
      <c r="GN15" s="327">
        <v>38808</v>
      </c>
      <c r="GO15" s="327">
        <v>55622</v>
      </c>
      <c r="GP15" s="327">
        <v>12705</v>
      </c>
      <c r="GQ15" s="328">
        <v>202909</v>
      </c>
      <c r="GR15" s="330">
        <v>217189</v>
      </c>
      <c r="GS15" s="326">
        <v>0</v>
      </c>
      <c r="GT15" s="327">
        <v>47740</v>
      </c>
      <c r="GU15" s="328">
        <v>47740</v>
      </c>
      <c r="GV15" s="326">
        <v>0</v>
      </c>
      <c r="GW15" s="327">
        <v>196000</v>
      </c>
      <c r="GX15" s="327">
        <v>0</v>
      </c>
      <c r="GY15" s="327">
        <v>217084</v>
      </c>
      <c r="GZ15" s="327">
        <v>98000</v>
      </c>
      <c r="HA15" s="327">
        <v>0</v>
      </c>
      <c r="HB15" s="331">
        <v>511084</v>
      </c>
      <c r="HC15" s="330">
        <v>558824</v>
      </c>
      <c r="HD15" s="326">
        <v>800188</v>
      </c>
      <c r="HE15" s="327">
        <v>516633</v>
      </c>
      <c r="HF15" s="331">
        <v>1316821</v>
      </c>
      <c r="HG15" s="332">
        <v>0</v>
      </c>
      <c r="HH15" s="327">
        <v>4594525</v>
      </c>
      <c r="HI15" s="327">
        <v>4955134</v>
      </c>
      <c r="HJ15" s="327">
        <v>4725554</v>
      </c>
      <c r="HK15" s="327">
        <v>4273467</v>
      </c>
      <c r="HL15" s="327">
        <v>2431210</v>
      </c>
      <c r="HM15" s="328">
        <v>20979890</v>
      </c>
      <c r="HN15" s="329">
        <v>22296711</v>
      </c>
      <c r="HO15" s="333">
        <v>0</v>
      </c>
      <c r="HP15" s="327">
        <v>0</v>
      </c>
      <c r="HQ15" s="328">
        <v>0</v>
      </c>
      <c r="HR15" s="326">
        <v>0</v>
      </c>
      <c r="HS15" s="327">
        <v>0</v>
      </c>
      <c r="HT15" s="327">
        <v>0</v>
      </c>
      <c r="HU15" s="327">
        <v>0</v>
      </c>
      <c r="HV15" s="327">
        <v>0</v>
      </c>
      <c r="HW15" s="327">
        <v>0</v>
      </c>
      <c r="HX15" s="331">
        <v>0</v>
      </c>
      <c r="HY15" s="330">
        <v>0</v>
      </c>
      <c r="HZ15" s="360">
        <v>39867</v>
      </c>
      <c r="IA15" s="361">
        <v>66636</v>
      </c>
      <c r="IB15" s="362">
        <v>106503</v>
      </c>
      <c r="IC15" s="338">
        <v>0</v>
      </c>
      <c r="ID15" s="336">
        <v>1900700</v>
      </c>
      <c r="IE15" s="339">
        <v>2319147</v>
      </c>
      <c r="IF15" s="337">
        <v>4067181</v>
      </c>
      <c r="IG15" s="336">
        <v>2014471</v>
      </c>
      <c r="IH15" s="337">
        <v>2442494</v>
      </c>
      <c r="II15" s="340">
        <v>12743993</v>
      </c>
      <c r="IJ15" s="363">
        <v>12850496</v>
      </c>
      <c r="IK15" s="342">
        <v>0</v>
      </c>
      <c r="IL15" s="343">
        <v>0</v>
      </c>
      <c r="IM15" s="344">
        <v>0</v>
      </c>
      <c r="IN15" s="404">
        <v>0</v>
      </c>
      <c r="IO15" s="345">
        <v>0</v>
      </c>
      <c r="IP15" s="345">
        <v>109442</v>
      </c>
      <c r="IQ15" s="345">
        <v>0</v>
      </c>
      <c r="IR15" s="345">
        <v>193073</v>
      </c>
      <c r="IS15" s="345">
        <v>251201</v>
      </c>
      <c r="IT15" s="346">
        <v>553716</v>
      </c>
      <c r="IU15" s="347">
        <v>553716</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215310</v>
      </c>
      <c r="JL15" s="345">
        <v>1044114</v>
      </c>
      <c r="JM15" s="345">
        <v>1577237</v>
      </c>
      <c r="JN15" s="345">
        <v>724908</v>
      </c>
      <c r="JO15" s="345">
        <v>387260</v>
      </c>
      <c r="JP15" s="349">
        <v>4948829</v>
      </c>
      <c r="JQ15" s="347">
        <v>4948829</v>
      </c>
      <c r="JR15" s="348">
        <v>0</v>
      </c>
      <c r="JS15" s="345">
        <v>0</v>
      </c>
      <c r="JT15" s="346">
        <v>0</v>
      </c>
      <c r="JU15" s="351">
        <v>0</v>
      </c>
      <c r="JV15" s="345">
        <v>0</v>
      </c>
      <c r="JW15" s="345">
        <v>59434</v>
      </c>
      <c r="JX15" s="345">
        <v>0</v>
      </c>
      <c r="JY15" s="345">
        <v>0</v>
      </c>
      <c r="JZ15" s="345">
        <v>0</v>
      </c>
      <c r="KA15" s="349">
        <v>59434</v>
      </c>
      <c r="KB15" s="347">
        <v>59434</v>
      </c>
      <c r="KC15" s="352">
        <v>39867</v>
      </c>
      <c r="KD15" s="353">
        <v>66636</v>
      </c>
      <c r="KE15" s="349">
        <v>106503</v>
      </c>
      <c r="KF15" s="351">
        <v>0</v>
      </c>
      <c r="KG15" s="345">
        <v>685390</v>
      </c>
      <c r="KH15" s="345">
        <v>163142</v>
      </c>
      <c r="KI15" s="345">
        <v>775278</v>
      </c>
      <c r="KJ15" s="345">
        <v>162764</v>
      </c>
      <c r="KK15" s="345">
        <v>734041</v>
      </c>
      <c r="KL15" s="349">
        <v>2520615</v>
      </c>
      <c r="KM15" s="354">
        <v>2627118</v>
      </c>
      <c r="KN15" s="342">
        <v>0</v>
      </c>
      <c r="KO15" s="343">
        <v>0</v>
      </c>
      <c r="KP15" s="344">
        <v>0</v>
      </c>
      <c r="KQ15" s="404">
        <v>0</v>
      </c>
      <c r="KR15" s="345">
        <v>0</v>
      </c>
      <c r="KS15" s="345">
        <v>445388</v>
      </c>
      <c r="KT15" s="345">
        <v>1362863</v>
      </c>
      <c r="KU15" s="345">
        <v>933726</v>
      </c>
      <c r="KV15" s="345">
        <v>73421</v>
      </c>
      <c r="KW15" s="349">
        <v>2815398</v>
      </c>
      <c r="KX15" s="347">
        <v>2815398</v>
      </c>
      <c r="KY15" s="348">
        <v>0</v>
      </c>
      <c r="KZ15" s="345">
        <v>0</v>
      </c>
      <c r="LA15" s="349">
        <v>0</v>
      </c>
      <c r="LB15" s="404">
        <v>0</v>
      </c>
      <c r="LC15" s="345">
        <v>0</v>
      </c>
      <c r="LD15" s="345">
        <v>315904</v>
      </c>
      <c r="LE15" s="345">
        <v>351803</v>
      </c>
      <c r="LF15" s="345">
        <v>0</v>
      </c>
      <c r="LG15" s="345">
        <v>420082</v>
      </c>
      <c r="LH15" s="349">
        <v>1087789</v>
      </c>
      <c r="LI15" s="350">
        <v>1087789</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1723</v>
      </c>
      <c r="MA15" s="345">
        <v>0</v>
      </c>
      <c r="MB15" s="345">
        <v>0</v>
      </c>
      <c r="MC15" s="345">
        <v>576489</v>
      </c>
      <c r="MD15" s="349">
        <v>758212</v>
      </c>
      <c r="ME15" s="350">
        <v>758212</v>
      </c>
      <c r="MF15" s="348">
        <v>0</v>
      </c>
      <c r="MG15" s="345">
        <v>0</v>
      </c>
      <c r="MH15" s="349">
        <v>0</v>
      </c>
      <c r="MI15" s="404">
        <v>0</v>
      </c>
      <c r="MJ15" s="345">
        <v>1564470</v>
      </c>
      <c r="MK15" s="345">
        <v>1304519</v>
      </c>
      <c r="ML15" s="345">
        <v>3980722</v>
      </c>
      <c r="MM15" s="345">
        <v>6531727</v>
      </c>
      <c r="MN15" s="345">
        <v>4593765</v>
      </c>
      <c r="MO15" s="349">
        <v>17975203</v>
      </c>
      <c r="MP15" s="354">
        <v>17975203</v>
      </c>
      <c r="MQ15" s="348">
        <v>0</v>
      </c>
      <c r="MR15" s="345">
        <v>0</v>
      </c>
      <c r="MS15" s="349">
        <v>0</v>
      </c>
      <c r="MT15" s="404">
        <v>0</v>
      </c>
      <c r="MU15" s="345">
        <v>202068</v>
      </c>
      <c r="MV15" s="345">
        <v>0</v>
      </c>
      <c r="MW15" s="345">
        <v>1141910</v>
      </c>
      <c r="MX15" s="345">
        <v>5023420</v>
      </c>
      <c r="MY15" s="345">
        <v>2903311</v>
      </c>
      <c r="MZ15" s="349">
        <v>9270709</v>
      </c>
      <c r="NA15" s="354">
        <v>9270709</v>
      </c>
      <c r="NB15" s="348">
        <v>0</v>
      </c>
      <c r="NC15" s="345">
        <v>0</v>
      </c>
      <c r="ND15" s="349">
        <v>0</v>
      </c>
      <c r="NE15" s="404">
        <v>0</v>
      </c>
      <c r="NF15" s="345">
        <v>1362402</v>
      </c>
      <c r="NG15" s="345">
        <v>1304519</v>
      </c>
      <c r="NH15" s="345">
        <v>2838812</v>
      </c>
      <c r="NI15" s="345">
        <v>1508307</v>
      </c>
      <c r="NJ15" s="345">
        <v>1690454</v>
      </c>
      <c r="NK15" s="349">
        <v>8704494</v>
      </c>
      <c r="NL15" s="347">
        <v>8704494</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747044</v>
      </c>
      <c r="OJ15" s="345">
        <v>1750635</v>
      </c>
      <c r="OK15" s="346">
        <v>3497679</v>
      </c>
      <c r="OL15" s="351">
        <v>0</v>
      </c>
      <c r="OM15" s="345">
        <v>17775331</v>
      </c>
      <c r="ON15" s="345">
        <v>18037558</v>
      </c>
      <c r="OO15" s="345">
        <v>23514862</v>
      </c>
      <c r="OP15" s="345">
        <v>22416732</v>
      </c>
      <c r="OQ15" s="345">
        <v>16295918</v>
      </c>
      <c r="OR15" s="349">
        <v>98040401</v>
      </c>
      <c r="OS15" s="354">
        <v>101538080</v>
      </c>
    </row>
    <row r="16" spans="2:409" s="70" customFormat="1" ht="21" customHeight="1" x14ac:dyDescent="0.2">
      <c r="B16" s="106" t="s">
        <v>10</v>
      </c>
      <c r="C16" s="326">
        <v>1371307</v>
      </c>
      <c r="D16" s="327">
        <v>2741889</v>
      </c>
      <c r="E16" s="328">
        <v>4113196</v>
      </c>
      <c r="F16" s="364">
        <v>0</v>
      </c>
      <c r="G16" s="327">
        <v>18410514</v>
      </c>
      <c r="H16" s="327">
        <v>16011789</v>
      </c>
      <c r="I16" s="327">
        <v>18893123</v>
      </c>
      <c r="J16" s="327">
        <v>15445773</v>
      </c>
      <c r="K16" s="327">
        <v>13013249</v>
      </c>
      <c r="L16" s="329">
        <v>81774448</v>
      </c>
      <c r="M16" s="330">
        <v>85887644</v>
      </c>
      <c r="N16" s="326">
        <v>525899</v>
      </c>
      <c r="O16" s="327">
        <v>986931</v>
      </c>
      <c r="P16" s="328">
        <v>1512830</v>
      </c>
      <c r="Q16" s="326">
        <v>0</v>
      </c>
      <c r="R16" s="327">
        <v>6401773</v>
      </c>
      <c r="S16" s="327">
        <v>6469006</v>
      </c>
      <c r="T16" s="327">
        <v>7370871</v>
      </c>
      <c r="U16" s="327">
        <v>5989511</v>
      </c>
      <c r="V16" s="327">
        <v>4200607</v>
      </c>
      <c r="W16" s="328">
        <v>30431768</v>
      </c>
      <c r="X16" s="330">
        <v>31944598</v>
      </c>
      <c r="Y16" s="326">
        <v>0</v>
      </c>
      <c r="Z16" s="327">
        <v>0</v>
      </c>
      <c r="AA16" s="328">
        <v>0</v>
      </c>
      <c r="AB16" s="326">
        <v>0</v>
      </c>
      <c r="AC16" s="327">
        <v>2975524</v>
      </c>
      <c r="AD16" s="327">
        <v>3240860</v>
      </c>
      <c r="AE16" s="327">
        <v>4750670</v>
      </c>
      <c r="AF16" s="327">
        <v>3494264</v>
      </c>
      <c r="AG16" s="327">
        <v>2088073</v>
      </c>
      <c r="AH16" s="328">
        <v>16549391</v>
      </c>
      <c r="AI16" s="330">
        <v>16549391</v>
      </c>
      <c r="AJ16" s="326">
        <v>0</v>
      </c>
      <c r="AK16" s="327">
        <v>0</v>
      </c>
      <c r="AL16" s="328">
        <v>0</v>
      </c>
      <c r="AM16" s="326">
        <v>0</v>
      </c>
      <c r="AN16" s="327">
        <v>0</v>
      </c>
      <c r="AO16" s="327">
        <v>104136</v>
      </c>
      <c r="AP16" s="327">
        <v>201648</v>
      </c>
      <c r="AQ16" s="327">
        <v>399460</v>
      </c>
      <c r="AR16" s="327">
        <v>266192</v>
      </c>
      <c r="AS16" s="328">
        <v>971436</v>
      </c>
      <c r="AT16" s="330">
        <v>971436</v>
      </c>
      <c r="AU16" s="326">
        <v>320009</v>
      </c>
      <c r="AV16" s="327">
        <v>725677</v>
      </c>
      <c r="AW16" s="328">
        <v>1045686</v>
      </c>
      <c r="AX16" s="326">
        <v>0</v>
      </c>
      <c r="AY16" s="327">
        <v>2089352</v>
      </c>
      <c r="AZ16" s="327">
        <v>1806331</v>
      </c>
      <c r="BA16" s="327">
        <v>1065726</v>
      </c>
      <c r="BB16" s="327">
        <v>1068399</v>
      </c>
      <c r="BC16" s="327">
        <v>750437</v>
      </c>
      <c r="BD16" s="328">
        <v>6780245</v>
      </c>
      <c r="BE16" s="330">
        <v>7825931</v>
      </c>
      <c r="BF16" s="326">
        <v>14013</v>
      </c>
      <c r="BG16" s="327">
        <v>89929</v>
      </c>
      <c r="BH16" s="331">
        <v>103942</v>
      </c>
      <c r="BI16" s="332">
        <v>0</v>
      </c>
      <c r="BJ16" s="327">
        <v>235783</v>
      </c>
      <c r="BK16" s="327">
        <v>285298</v>
      </c>
      <c r="BL16" s="327">
        <v>134050</v>
      </c>
      <c r="BM16" s="327">
        <v>79392</v>
      </c>
      <c r="BN16" s="327">
        <v>125761</v>
      </c>
      <c r="BO16" s="328">
        <v>860284</v>
      </c>
      <c r="BP16" s="330">
        <v>964226</v>
      </c>
      <c r="BQ16" s="326">
        <v>191877</v>
      </c>
      <c r="BR16" s="327">
        <v>171325</v>
      </c>
      <c r="BS16" s="328">
        <v>363202</v>
      </c>
      <c r="BT16" s="326">
        <v>0</v>
      </c>
      <c r="BU16" s="327">
        <v>1101114</v>
      </c>
      <c r="BV16" s="327">
        <v>1032381</v>
      </c>
      <c r="BW16" s="327">
        <v>1218777</v>
      </c>
      <c r="BX16" s="327">
        <v>947996</v>
      </c>
      <c r="BY16" s="327">
        <v>970144</v>
      </c>
      <c r="BZ16" s="328">
        <v>5270412</v>
      </c>
      <c r="CA16" s="330">
        <v>5633614</v>
      </c>
      <c r="CB16" s="326">
        <v>90977</v>
      </c>
      <c r="CC16" s="327">
        <v>168394</v>
      </c>
      <c r="CD16" s="328">
        <v>259371</v>
      </c>
      <c r="CE16" s="326">
        <v>0</v>
      </c>
      <c r="CF16" s="327">
        <v>5856349</v>
      </c>
      <c r="CG16" s="327">
        <v>3683484</v>
      </c>
      <c r="CH16" s="327">
        <v>3987401</v>
      </c>
      <c r="CI16" s="327">
        <v>1244429</v>
      </c>
      <c r="CJ16" s="327">
        <v>710179</v>
      </c>
      <c r="CK16" s="328">
        <v>15481842</v>
      </c>
      <c r="CL16" s="330">
        <v>15741213</v>
      </c>
      <c r="CM16" s="326">
        <v>0</v>
      </c>
      <c r="CN16" s="327">
        <v>0</v>
      </c>
      <c r="CO16" s="328">
        <v>0</v>
      </c>
      <c r="CP16" s="332">
        <v>0</v>
      </c>
      <c r="CQ16" s="327">
        <v>5009238</v>
      </c>
      <c r="CR16" s="327">
        <v>2587933</v>
      </c>
      <c r="CS16" s="327">
        <v>3254437</v>
      </c>
      <c r="CT16" s="327">
        <v>1109383</v>
      </c>
      <c r="CU16" s="327">
        <v>480501</v>
      </c>
      <c r="CV16" s="328">
        <v>12441492</v>
      </c>
      <c r="CW16" s="330">
        <v>12441492</v>
      </c>
      <c r="CX16" s="326">
        <v>90977</v>
      </c>
      <c r="CY16" s="327">
        <v>168394</v>
      </c>
      <c r="CZ16" s="328">
        <v>259371</v>
      </c>
      <c r="DA16" s="326">
        <v>0</v>
      </c>
      <c r="DB16" s="327">
        <v>847111</v>
      </c>
      <c r="DC16" s="327">
        <v>1095551</v>
      </c>
      <c r="DD16" s="327">
        <v>732964</v>
      </c>
      <c r="DE16" s="327">
        <v>135046</v>
      </c>
      <c r="DF16" s="327">
        <v>229678</v>
      </c>
      <c r="DG16" s="328">
        <v>3040350</v>
      </c>
      <c r="DH16" s="330">
        <v>3299721</v>
      </c>
      <c r="DI16" s="326">
        <v>0</v>
      </c>
      <c r="DJ16" s="327">
        <v>106883</v>
      </c>
      <c r="DK16" s="331">
        <v>106883</v>
      </c>
      <c r="DL16" s="332">
        <v>0</v>
      </c>
      <c r="DM16" s="327">
        <v>734395</v>
      </c>
      <c r="DN16" s="327">
        <v>447840</v>
      </c>
      <c r="DO16" s="327">
        <v>979910</v>
      </c>
      <c r="DP16" s="327">
        <v>1730505</v>
      </c>
      <c r="DQ16" s="327">
        <v>415896</v>
      </c>
      <c r="DR16" s="328">
        <v>4308546</v>
      </c>
      <c r="DS16" s="330">
        <v>4415429</v>
      </c>
      <c r="DT16" s="326">
        <v>0</v>
      </c>
      <c r="DU16" s="327">
        <v>106883</v>
      </c>
      <c r="DV16" s="328">
        <v>106883</v>
      </c>
      <c r="DW16" s="326">
        <v>0</v>
      </c>
      <c r="DX16" s="327">
        <v>734395</v>
      </c>
      <c r="DY16" s="327">
        <v>413887</v>
      </c>
      <c r="DZ16" s="327">
        <v>979910</v>
      </c>
      <c r="EA16" s="327">
        <v>1497569</v>
      </c>
      <c r="EB16" s="327">
        <v>366472</v>
      </c>
      <c r="EC16" s="328">
        <v>3992233</v>
      </c>
      <c r="ED16" s="330">
        <v>4099116</v>
      </c>
      <c r="EE16" s="326">
        <v>0</v>
      </c>
      <c r="EF16" s="331">
        <v>0</v>
      </c>
      <c r="EG16" s="328">
        <v>0</v>
      </c>
      <c r="EH16" s="326">
        <v>0</v>
      </c>
      <c r="EI16" s="327">
        <v>0</v>
      </c>
      <c r="EJ16" s="327">
        <v>33953</v>
      </c>
      <c r="EK16" s="327">
        <v>0</v>
      </c>
      <c r="EL16" s="327">
        <v>232936</v>
      </c>
      <c r="EM16" s="327">
        <v>49424</v>
      </c>
      <c r="EN16" s="331">
        <v>316313</v>
      </c>
      <c r="EO16" s="330">
        <v>316313</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255416</v>
      </c>
      <c r="FM16" s="327">
        <v>774592</v>
      </c>
      <c r="FN16" s="328">
        <v>1030008</v>
      </c>
      <c r="FO16" s="326">
        <v>0</v>
      </c>
      <c r="FP16" s="327">
        <v>860725</v>
      </c>
      <c r="FQ16" s="327">
        <v>1338148</v>
      </c>
      <c r="FR16" s="327">
        <v>1328572</v>
      </c>
      <c r="FS16" s="327">
        <v>816694</v>
      </c>
      <c r="FT16" s="327">
        <v>578627</v>
      </c>
      <c r="FU16" s="328">
        <v>4922766</v>
      </c>
      <c r="FV16" s="330">
        <v>5952774</v>
      </c>
      <c r="FW16" s="333">
        <v>188916</v>
      </c>
      <c r="FX16" s="327">
        <v>560952</v>
      </c>
      <c r="FY16" s="331">
        <v>749868</v>
      </c>
      <c r="FZ16" s="332">
        <v>0</v>
      </c>
      <c r="GA16" s="327">
        <v>782544</v>
      </c>
      <c r="GB16" s="327">
        <v>1338148</v>
      </c>
      <c r="GC16" s="327">
        <v>1149687</v>
      </c>
      <c r="GD16" s="327">
        <v>693021</v>
      </c>
      <c r="GE16" s="327">
        <v>442337</v>
      </c>
      <c r="GF16" s="328">
        <v>4405737</v>
      </c>
      <c r="GG16" s="334">
        <v>5155605</v>
      </c>
      <c r="GH16" s="333">
        <v>0</v>
      </c>
      <c r="GI16" s="327">
        <v>0</v>
      </c>
      <c r="GJ16" s="331">
        <v>0</v>
      </c>
      <c r="GK16" s="332">
        <v>0</v>
      </c>
      <c r="GL16" s="327">
        <v>37338</v>
      </c>
      <c r="GM16" s="327">
        <v>0</v>
      </c>
      <c r="GN16" s="327">
        <v>38885</v>
      </c>
      <c r="GO16" s="327">
        <v>123673</v>
      </c>
      <c r="GP16" s="327">
        <v>0</v>
      </c>
      <c r="GQ16" s="328">
        <v>199896</v>
      </c>
      <c r="GR16" s="330">
        <v>199896</v>
      </c>
      <c r="GS16" s="326">
        <v>66500</v>
      </c>
      <c r="GT16" s="327">
        <v>213640</v>
      </c>
      <c r="GU16" s="328">
        <v>280140</v>
      </c>
      <c r="GV16" s="326">
        <v>0</v>
      </c>
      <c r="GW16" s="327">
        <v>40843</v>
      </c>
      <c r="GX16" s="327">
        <v>0</v>
      </c>
      <c r="GY16" s="327">
        <v>140000</v>
      </c>
      <c r="GZ16" s="327">
        <v>0</v>
      </c>
      <c r="HA16" s="327">
        <v>136290</v>
      </c>
      <c r="HB16" s="331">
        <v>317133</v>
      </c>
      <c r="HC16" s="330">
        <v>597273</v>
      </c>
      <c r="HD16" s="326">
        <v>499015</v>
      </c>
      <c r="HE16" s="327">
        <v>705089</v>
      </c>
      <c r="HF16" s="331">
        <v>1204104</v>
      </c>
      <c r="HG16" s="332">
        <v>0</v>
      </c>
      <c r="HH16" s="327">
        <v>4557272</v>
      </c>
      <c r="HI16" s="327">
        <v>4073311</v>
      </c>
      <c r="HJ16" s="327">
        <v>5226369</v>
      </c>
      <c r="HK16" s="327">
        <v>5664634</v>
      </c>
      <c r="HL16" s="327">
        <v>7107940</v>
      </c>
      <c r="HM16" s="328">
        <v>26629526</v>
      </c>
      <c r="HN16" s="329">
        <v>27833630</v>
      </c>
      <c r="HO16" s="333">
        <v>0</v>
      </c>
      <c r="HP16" s="327">
        <v>0</v>
      </c>
      <c r="HQ16" s="328">
        <v>0</v>
      </c>
      <c r="HR16" s="326">
        <v>0</v>
      </c>
      <c r="HS16" s="327">
        <v>0</v>
      </c>
      <c r="HT16" s="327">
        <v>0</v>
      </c>
      <c r="HU16" s="327">
        <v>0</v>
      </c>
      <c r="HV16" s="327">
        <v>0</v>
      </c>
      <c r="HW16" s="327">
        <v>0</v>
      </c>
      <c r="HX16" s="331">
        <v>0</v>
      </c>
      <c r="HY16" s="330">
        <v>0</v>
      </c>
      <c r="HZ16" s="358">
        <v>84394</v>
      </c>
      <c r="IA16" s="356">
        <v>143836</v>
      </c>
      <c r="IB16" s="358">
        <v>228230</v>
      </c>
      <c r="IC16" s="355">
        <v>0</v>
      </c>
      <c r="ID16" s="356">
        <v>3201864</v>
      </c>
      <c r="IE16" s="357">
        <v>3084485</v>
      </c>
      <c r="IF16" s="358">
        <v>3980539</v>
      </c>
      <c r="IG16" s="356">
        <v>3267658</v>
      </c>
      <c r="IH16" s="358">
        <v>4834958</v>
      </c>
      <c r="II16" s="359">
        <v>18369504</v>
      </c>
      <c r="IJ16" s="358">
        <v>18597734</v>
      </c>
      <c r="IK16" s="342">
        <v>0</v>
      </c>
      <c r="IL16" s="343">
        <v>0</v>
      </c>
      <c r="IM16" s="344">
        <v>0</v>
      </c>
      <c r="IN16" s="404">
        <v>0</v>
      </c>
      <c r="IO16" s="345">
        <v>57015</v>
      </c>
      <c r="IP16" s="345">
        <v>203463</v>
      </c>
      <c r="IQ16" s="345">
        <v>303625</v>
      </c>
      <c r="IR16" s="345">
        <v>0</v>
      </c>
      <c r="IS16" s="345">
        <v>265397</v>
      </c>
      <c r="IT16" s="346">
        <v>829500</v>
      </c>
      <c r="IU16" s="347">
        <v>829500</v>
      </c>
      <c r="IV16" s="348">
        <v>0</v>
      </c>
      <c r="IW16" s="345">
        <v>0</v>
      </c>
      <c r="IX16" s="349">
        <v>0</v>
      </c>
      <c r="IY16" s="404">
        <v>0</v>
      </c>
      <c r="IZ16" s="345">
        <v>0</v>
      </c>
      <c r="JA16" s="345">
        <v>0</v>
      </c>
      <c r="JB16" s="345">
        <v>0</v>
      </c>
      <c r="JC16" s="345">
        <v>9029</v>
      </c>
      <c r="JD16" s="345">
        <v>0</v>
      </c>
      <c r="JE16" s="349">
        <v>9029</v>
      </c>
      <c r="JF16" s="350">
        <v>9029</v>
      </c>
      <c r="JG16" s="348">
        <v>0</v>
      </c>
      <c r="JH16" s="345">
        <v>0</v>
      </c>
      <c r="JI16" s="346">
        <v>0</v>
      </c>
      <c r="JJ16" s="351">
        <v>0</v>
      </c>
      <c r="JK16" s="345">
        <v>1261251</v>
      </c>
      <c r="JL16" s="345">
        <v>517270</v>
      </c>
      <c r="JM16" s="345">
        <v>491270</v>
      </c>
      <c r="JN16" s="345">
        <v>284152</v>
      </c>
      <c r="JO16" s="345">
        <v>0</v>
      </c>
      <c r="JP16" s="349">
        <v>2553943</v>
      </c>
      <c r="JQ16" s="347">
        <v>2553943</v>
      </c>
      <c r="JR16" s="348">
        <v>0</v>
      </c>
      <c r="JS16" s="345">
        <v>0</v>
      </c>
      <c r="JT16" s="346">
        <v>0</v>
      </c>
      <c r="JU16" s="351">
        <v>0</v>
      </c>
      <c r="JV16" s="345">
        <v>106564</v>
      </c>
      <c r="JW16" s="345">
        <v>0</v>
      </c>
      <c r="JX16" s="345">
        <v>146672</v>
      </c>
      <c r="JY16" s="345">
        <v>316140</v>
      </c>
      <c r="JZ16" s="345">
        <v>0</v>
      </c>
      <c r="KA16" s="349">
        <v>569376</v>
      </c>
      <c r="KB16" s="347">
        <v>569376</v>
      </c>
      <c r="KC16" s="352">
        <v>84394</v>
      </c>
      <c r="KD16" s="353">
        <v>143836</v>
      </c>
      <c r="KE16" s="349">
        <v>228230</v>
      </c>
      <c r="KF16" s="351">
        <v>0</v>
      </c>
      <c r="KG16" s="345">
        <v>498830</v>
      </c>
      <c r="KH16" s="345">
        <v>131189</v>
      </c>
      <c r="KI16" s="345">
        <v>941515</v>
      </c>
      <c r="KJ16" s="345">
        <v>225165</v>
      </c>
      <c r="KK16" s="345">
        <v>183094</v>
      </c>
      <c r="KL16" s="349">
        <v>1979793</v>
      </c>
      <c r="KM16" s="354">
        <v>2208023</v>
      </c>
      <c r="KN16" s="342">
        <v>0</v>
      </c>
      <c r="KO16" s="343">
        <v>0</v>
      </c>
      <c r="KP16" s="344">
        <v>0</v>
      </c>
      <c r="KQ16" s="404">
        <v>0</v>
      </c>
      <c r="KR16" s="345">
        <v>631133</v>
      </c>
      <c r="KS16" s="345">
        <v>1760468</v>
      </c>
      <c r="KT16" s="345">
        <v>1120346</v>
      </c>
      <c r="KU16" s="345">
        <v>1164932</v>
      </c>
      <c r="KV16" s="345">
        <v>2561744</v>
      </c>
      <c r="KW16" s="349">
        <v>7238623</v>
      </c>
      <c r="KX16" s="347">
        <v>7238623</v>
      </c>
      <c r="KY16" s="348">
        <v>0</v>
      </c>
      <c r="KZ16" s="345">
        <v>0</v>
      </c>
      <c r="LA16" s="349">
        <v>0</v>
      </c>
      <c r="LB16" s="404">
        <v>0</v>
      </c>
      <c r="LC16" s="345">
        <v>139636</v>
      </c>
      <c r="LD16" s="345">
        <v>472095</v>
      </c>
      <c r="LE16" s="345">
        <v>877322</v>
      </c>
      <c r="LF16" s="345">
        <v>382023</v>
      </c>
      <c r="LG16" s="345">
        <v>834094</v>
      </c>
      <c r="LH16" s="349">
        <v>2705170</v>
      </c>
      <c r="LI16" s="350">
        <v>2705170</v>
      </c>
      <c r="LJ16" s="348">
        <v>0</v>
      </c>
      <c r="LK16" s="345">
        <v>0</v>
      </c>
      <c r="LL16" s="349">
        <v>0</v>
      </c>
      <c r="LM16" s="404">
        <v>0</v>
      </c>
      <c r="LN16" s="345">
        <v>0</v>
      </c>
      <c r="LO16" s="345">
        <v>0</v>
      </c>
      <c r="LP16" s="345">
        <v>0</v>
      </c>
      <c r="LQ16" s="345">
        <v>486009</v>
      </c>
      <c r="LR16" s="345">
        <v>0</v>
      </c>
      <c r="LS16" s="349">
        <v>486009</v>
      </c>
      <c r="LT16" s="347">
        <v>486009</v>
      </c>
      <c r="LU16" s="348">
        <v>0</v>
      </c>
      <c r="LV16" s="345">
        <v>0</v>
      </c>
      <c r="LW16" s="349">
        <v>0</v>
      </c>
      <c r="LX16" s="404">
        <v>0</v>
      </c>
      <c r="LY16" s="345">
        <v>507435</v>
      </c>
      <c r="LZ16" s="345">
        <v>0</v>
      </c>
      <c r="MA16" s="345">
        <v>99789</v>
      </c>
      <c r="MB16" s="345">
        <v>400208</v>
      </c>
      <c r="MC16" s="345">
        <v>990629</v>
      </c>
      <c r="MD16" s="349">
        <v>1998061</v>
      </c>
      <c r="ME16" s="350">
        <v>1998061</v>
      </c>
      <c r="MF16" s="348">
        <v>0</v>
      </c>
      <c r="MG16" s="345">
        <v>0</v>
      </c>
      <c r="MH16" s="349">
        <v>0</v>
      </c>
      <c r="MI16" s="404">
        <v>0</v>
      </c>
      <c r="MJ16" s="345">
        <v>740259</v>
      </c>
      <c r="MK16" s="345">
        <v>731407</v>
      </c>
      <c r="ML16" s="345">
        <v>5685557</v>
      </c>
      <c r="MM16" s="345">
        <v>7399480</v>
      </c>
      <c r="MN16" s="345">
        <v>5122305</v>
      </c>
      <c r="MO16" s="349">
        <v>19679008</v>
      </c>
      <c r="MP16" s="354">
        <v>19679008</v>
      </c>
      <c r="MQ16" s="348">
        <v>0</v>
      </c>
      <c r="MR16" s="345">
        <v>0</v>
      </c>
      <c r="MS16" s="349">
        <v>0</v>
      </c>
      <c r="MT16" s="404">
        <v>0</v>
      </c>
      <c r="MU16" s="345">
        <v>0</v>
      </c>
      <c r="MV16" s="345">
        <v>190388</v>
      </c>
      <c r="MW16" s="345">
        <v>3464051</v>
      </c>
      <c r="MX16" s="345">
        <v>3727988</v>
      </c>
      <c r="MY16" s="345">
        <v>4016337</v>
      </c>
      <c r="MZ16" s="349">
        <v>11398764</v>
      </c>
      <c r="NA16" s="354">
        <v>11398764</v>
      </c>
      <c r="NB16" s="348">
        <v>0</v>
      </c>
      <c r="NC16" s="345">
        <v>0</v>
      </c>
      <c r="ND16" s="349">
        <v>0</v>
      </c>
      <c r="NE16" s="404">
        <v>0</v>
      </c>
      <c r="NF16" s="345">
        <v>740259</v>
      </c>
      <c r="NG16" s="345">
        <v>541019</v>
      </c>
      <c r="NH16" s="345">
        <v>1929828</v>
      </c>
      <c r="NI16" s="345">
        <v>3671492</v>
      </c>
      <c r="NJ16" s="345">
        <v>787277</v>
      </c>
      <c r="NK16" s="349">
        <v>7669875</v>
      </c>
      <c r="NL16" s="347">
        <v>7669875</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91678</v>
      </c>
      <c r="OE16" s="345">
        <v>0</v>
      </c>
      <c r="OF16" s="345">
        <v>318691</v>
      </c>
      <c r="OG16" s="349">
        <v>610369</v>
      </c>
      <c r="OH16" s="350">
        <v>610369</v>
      </c>
      <c r="OI16" s="348">
        <v>1455701</v>
      </c>
      <c r="OJ16" s="345">
        <v>2885725</v>
      </c>
      <c r="OK16" s="346">
        <v>4341426</v>
      </c>
      <c r="OL16" s="351">
        <v>0</v>
      </c>
      <c r="OM16" s="345">
        <v>22352637</v>
      </c>
      <c r="ON16" s="345">
        <v>19827681</v>
      </c>
      <c r="OO16" s="345">
        <v>28559219</v>
      </c>
      <c r="OP16" s="345">
        <v>26112911</v>
      </c>
      <c r="OQ16" s="345">
        <v>22970512</v>
      </c>
      <c r="OR16" s="349">
        <v>119822960</v>
      </c>
      <c r="OS16" s="354">
        <v>124164386</v>
      </c>
    </row>
    <row r="17" spans="2:409" s="70" customFormat="1" ht="21" customHeight="1" x14ac:dyDescent="0.2">
      <c r="B17" s="106" t="s">
        <v>11</v>
      </c>
      <c r="C17" s="326">
        <v>327914</v>
      </c>
      <c r="D17" s="327">
        <v>663583</v>
      </c>
      <c r="E17" s="365">
        <v>991497</v>
      </c>
      <c r="F17" s="332">
        <v>0</v>
      </c>
      <c r="G17" s="327">
        <v>6319108</v>
      </c>
      <c r="H17" s="327">
        <v>5122014</v>
      </c>
      <c r="I17" s="327">
        <v>5111380</v>
      </c>
      <c r="J17" s="327">
        <v>4757252</v>
      </c>
      <c r="K17" s="327">
        <v>3570360</v>
      </c>
      <c r="L17" s="329">
        <v>24880114</v>
      </c>
      <c r="M17" s="330">
        <v>25871611</v>
      </c>
      <c r="N17" s="326">
        <v>87817</v>
      </c>
      <c r="O17" s="327">
        <v>106602</v>
      </c>
      <c r="P17" s="328">
        <v>194419</v>
      </c>
      <c r="Q17" s="326">
        <v>0</v>
      </c>
      <c r="R17" s="327">
        <v>1603173</v>
      </c>
      <c r="S17" s="327">
        <v>1676718</v>
      </c>
      <c r="T17" s="327">
        <v>1525731</v>
      </c>
      <c r="U17" s="327">
        <v>1903108</v>
      </c>
      <c r="V17" s="327">
        <v>771294</v>
      </c>
      <c r="W17" s="328">
        <v>7480024</v>
      </c>
      <c r="X17" s="330">
        <v>7674443</v>
      </c>
      <c r="Y17" s="326">
        <v>0</v>
      </c>
      <c r="Z17" s="327">
        <v>0</v>
      </c>
      <c r="AA17" s="328">
        <v>0</v>
      </c>
      <c r="AB17" s="326">
        <v>0</v>
      </c>
      <c r="AC17" s="327">
        <v>475561</v>
      </c>
      <c r="AD17" s="327">
        <v>516229</v>
      </c>
      <c r="AE17" s="327">
        <v>987766</v>
      </c>
      <c r="AF17" s="327">
        <v>810132</v>
      </c>
      <c r="AG17" s="327">
        <v>232934</v>
      </c>
      <c r="AH17" s="328">
        <v>3022622</v>
      </c>
      <c r="AI17" s="330">
        <v>3022622</v>
      </c>
      <c r="AJ17" s="326">
        <v>0</v>
      </c>
      <c r="AK17" s="327">
        <v>0</v>
      </c>
      <c r="AL17" s="328">
        <v>0</v>
      </c>
      <c r="AM17" s="326">
        <v>0</v>
      </c>
      <c r="AN17" s="327">
        <v>0</v>
      </c>
      <c r="AO17" s="327">
        <v>0</v>
      </c>
      <c r="AP17" s="327">
        <v>0</v>
      </c>
      <c r="AQ17" s="327">
        <v>221340</v>
      </c>
      <c r="AR17" s="327">
        <v>49042</v>
      </c>
      <c r="AS17" s="328">
        <v>270382</v>
      </c>
      <c r="AT17" s="330">
        <v>270382</v>
      </c>
      <c r="AU17" s="326">
        <v>45740</v>
      </c>
      <c r="AV17" s="327">
        <v>66345</v>
      </c>
      <c r="AW17" s="328">
        <v>112085</v>
      </c>
      <c r="AX17" s="326">
        <v>0</v>
      </c>
      <c r="AY17" s="327">
        <v>824315</v>
      </c>
      <c r="AZ17" s="327">
        <v>832880</v>
      </c>
      <c r="BA17" s="327">
        <v>328511</v>
      </c>
      <c r="BB17" s="327">
        <v>602734</v>
      </c>
      <c r="BC17" s="327">
        <v>240088</v>
      </c>
      <c r="BD17" s="328">
        <v>2828528</v>
      </c>
      <c r="BE17" s="330">
        <v>2940613</v>
      </c>
      <c r="BF17" s="326">
        <v>0</v>
      </c>
      <c r="BG17" s="327">
        <v>0</v>
      </c>
      <c r="BH17" s="331">
        <v>0</v>
      </c>
      <c r="BI17" s="332">
        <v>0</v>
      </c>
      <c r="BJ17" s="327">
        <v>124335</v>
      </c>
      <c r="BK17" s="327">
        <v>58711</v>
      </c>
      <c r="BL17" s="327">
        <v>0</v>
      </c>
      <c r="BM17" s="327">
        <v>20416</v>
      </c>
      <c r="BN17" s="327">
        <v>31558</v>
      </c>
      <c r="BO17" s="328">
        <v>235020</v>
      </c>
      <c r="BP17" s="330">
        <v>235020</v>
      </c>
      <c r="BQ17" s="326">
        <v>42077</v>
      </c>
      <c r="BR17" s="327">
        <v>40257</v>
      </c>
      <c r="BS17" s="328">
        <v>82334</v>
      </c>
      <c r="BT17" s="326">
        <v>0</v>
      </c>
      <c r="BU17" s="327">
        <v>178962</v>
      </c>
      <c r="BV17" s="327">
        <v>268898</v>
      </c>
      <c r="BW17" s="327">
        <v>209454</v>
      </c>
      <c r="BX17" s="327">
        <v>248486</v>
      </c>
      <c r="BY17" s="327">
        <v>217672</v>
      </c>
      <c r="BZ17" s="328">
        <v>1123472</v>
      </c>
      <c r="CA17" s="330">
        <v>1205806</v>
      </c>
      <c r="CB17" s="326">
        <v>17997</v>
      </c>
      <c r="CC17" s="327">
        <v>163891</v>
      </c>
      <c r="CD17" s="328">
        <v>181888</v>
      </c>
      <c r="CE17" s="326">
        <v>0</v>
      </c>
      <c r="CF17" s="327">
        <v>1323058</v>
      </c>
      <c r="CG17" s="327">
        <v>816722</v>
      </c>
      <c r="CH17" s="327">
        <v>1415790</v>
      </c>
      <c r="CI17" s="327">
        <v>564850</v>
      </c>
      <c r="CJ17" s="327">
        <v>233229</v>
      </c>
      <c r="CK17" s="328">
        <v>4353649</v>
      </c>
      <c r="CL17" s="330">
        <v>4535537</v>
      </c>
      <c r="CM17" s="326">
        <v>0</v>
      </c>
      <c r="CN17" s="327">
        <v>0</v>
      </c>
      <c r="CO17" s="328">
        <v>0</v>
      </c>
      <c r="CP17" s="332">
        <v>0</v>
      </c>
      <c r="CQ17" s="327">
        <v>946854</v>
      </c>
      <c r="CR17" s="327">
        <v>496913</v>
      </c>
      <c r="CS17" s="327">
        <v>633486</v>
      </c>
      <c r="CT17" s="327">
        <v>473100</v>
      </c>
      <c r="CU17" s="327">
        <v>193173</v>
      </c>
      <c r="CV17" s="328">
        <v>2743526</v>
      </c>
      <c r="CW17" s="330">
        <v>2743526</v>
      </c>
      <c r="CX17" s="326">
        <v>17997</v>
      </c>
      <c r="CY17" s="327">
        <v>163891</v>
      </c>
      <c r="CZ17" s="328">
        <v>181888</v>
      </c>
      <c r="DA17" s="326">
        <v>0</v>
      </c>
      <c r="DB17" s="327">
        <v>376204</v>
      </c>
      <c r="DC17" s="327">
        <v>319809</v>
      </c>
      <c r="DD17" s="327">
        <v>782304</v>
      </c>
      <c r="DE17" s="327">
        <v>91750</v>
      </c>
      <c r="DF17" s="327">
        <v>40056</v>
      </c>
      <c r="DG17" s="328">
        <v>1610123</v>
      </c>
      <c r="DH17" s="330">
        <v>1792011</v>
      </c>
      <c r="DI17" s="326">
        <v>0</v>
      </c>
      <c r="DJ17" s="327">
        <v>0</v>
      </c>
      <c r="DK17" s="331">
        <v>0</v>
      </c>
      <c r="DL17" s="332">
        <v>0</v>
      </c>
      <c r="DM17" s="327">
        <v>138693</v>
      </c>
      <c r="DN17" s="327">
        <v>385124</v>
      </c>
      <c r="DO17" s="327">
        <v>91728</v>
      </c>
      <c r="DP17" s="327">
        <v>66191</v>
      </c>
      <c r="DQ17" s="327">
        <v>269111</v>
      </c>
      <c r="DR17" s="328">
        <v>950847</v>
      </c>
      <c r="DS17" s="330">
        <v>950847</v>
      </c>
      <c r="DT17" s="326">
        <v>0</v>
      </c>
      <c r="DU17" s="327">
        <v>0</v>
      </c>
      <c r="DV17" s="328">
        <v>0</v>
      </c>
      <c r="DW17" s="326">
        <v>0</v>
      </c>
      <c r="DX17" s="327">
        <v>138693</v>
      </c>
      <c r="DY17" s="327">
        <v>385124</v>
      </c>
      <c r="DZ17" s="327">
        <v>16231</v>
      </c>
      <c r="EA17" s="327">
        <v>66191</v>
      </c>
      <c r="EB17" s="327">
        <v>140734</v>
      </c>
      <c r="EC17" s="328">
        <v>746973</v>
      </c>
      <c r="ED17" s="330">
        <v>746973</v>
      </c>
      <c r="EE17" s="326">
        <v>0</v>
      </c>
      <c r="EF17" s="331">
        <v>0</v>
      </c>
      <c r="EG17" s="328">
        <v>0</v>
      </c>
      <c r="EH17" s="326">
        <v>0</v>
      </c>
      <c r="EI17" s="327">
        <v>0</v>
      </c>
      <c r="EJ17" s="327">
        <v>0</v>
      </c>
      <c r="EK17" s="327">
        <v>75497</v>
      </c>
      <c r="EL17" s="327">
        <v>0</v>
      </c>
      <c r="EM17" s="327">
        <v>128377</v>
      </c>
      <c r="EN17" s="331">
        <v>203874</v>
      </c>
      <c r="EO17" s="330">
        <v>203874</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77938</v>
      </c>
      <c r="FM17" s="327">
        <v>128992</v>
      </c>
      <c r="FN17" s="328">
        <v>206930</v>
      </c>
      <c r="FO17" s="326">
        <v>0</v>
      </c>
      <c r="FP17" s="327">
        <v>296086</v>
      </c>
      <c r="FQ17" s="327">
        <v>514339</v>
      </c>
      <c r="FR17" s="327">
        <v>375319</v>
      </c>
      <c r="FS17" s="327">
        <v>416437</v>
      </c>
      <c r="FT17" s="327">
        <v>189245</v>
      </c>
      <c r="FU17" s="328">
        <v>1791426</v>
      </c>
      <c r="FV17" s="330">
        <v>1998356</v>
      </c>
      <c r="FW17" s="333">
        <v>77938</v>
      </c>
      <c r="FX17" s="327">
        <v>75516</v>
      </c>
      <c r="FY17" s="331">
        <v>153454</v>
      </c>
      <c r="FZ17" s="332">
        <v>0</v>
      </c>
      <c r="GA17" s="327">
        <v>242620</v>
      </c>
      <c r="GB17" s="327">
        <v>463253</v>
      </c>
      <c r="GC17" s="327">
        <v>375319</v>
      </c>
      <c r="GD17" s="327">
        <v>416437</v>
      </c>
      <c r="GE17" s="327">
        <v>169841</v>
      </c>
      <c r="GF17" s="328">
        <v>1667470</v>
      </c>
      <c r="GG17" s="334">
        <v>1820924</v>
      </c>
      <c r="GH17" s="333">
        <v>0</v>
      </c>
      <c r="GI17" s="327">
        <v>53476</v>
      </c>
      <c r="GJ17" s="331">
        <v>53476</v>
      </c>
      <c r="GK17" s="332">
        <v>0</v>
      </c>
      <c r="GL17" s="327">
        <v>22176</v>
      </c>
      <c r="GM17" s="327">
        <v>24255</v>
      </c>
      <c r="GN17" s="327">
        <v>0</v>
      </c>
      <c r="GO17" s="327">
        <v>0</v>
      </c>
      <c r="GP17" s="327">
        <v>19404</v>
      </c>
      <c r="GQ17" s="328">
        <v>65835</v>
      </c>
      <c r="GR17" s="330">
        <v>119311</v>
      </c>
      <c r="GS17" s="326">
        <v>0</v>
      </c>
      <c r="GT17" s="327">
        <v>0</v>
      </c>
      <c r="GU17" s="328">
        <v>0</v>
      </c>
      <c r="GV17" s="326">
        <v>0</v>
      </c>
      <c r="GW17" s="327">
        <v>31290</v>
      </c>
      <c r="GX17" s="327">
        <v>26831</v>
      </c>
      <c r="GY17" s="327">
        <v>0</v>
      </c>
      <c r="GZ17" s="327">
        <v>0</v>
      </c>
      <c r="HA17" s="327">
        <v>0</v>
      </c>
      <c r="HB17" s="331">
        <v>58121</v>
      </c>
      <c r="HC17" s="330">
        <v>58121</v>
      </c>
      <c r="HD17" s="326">
        <v>144162</v>
      </c>
      <c r="HE17" s="327">
        <v>264098</v>
      </c>
      <c r="HF17" s="331">
        <v>408260</v>
      </c>
      <c r="HG17" s="332">
        <v>0</v>
      </c>
      <c r="HH17" s="327">
        <v>2958098</v>
      </c>
      <c r="HI17" s="327">
        <v>1729111</v>
      </c>
      <c r="HJ17" s="327">
        <v>1702812</v>
      </c>
      <c r="HK17" s="327">
        <v>1806666</v>
      </c>
      <c r="HL17" s="327">
        <v>2107481</v>
      </c>
      <c r="HM17" s="328">
        <v>10304168</v>
      </c>
      <c r="HN17" s="329">
        <v>10712428</v>
      </c>
      <c r="HO17" s="333">
        <v>0</v>
      </c>
      <c r="HP17" s="327">
        <v>0</v>
      </c>
      <c r="HQ17" s="328">
        <v>0</v>
      </c>
      <c r="HR17" s="326">
        <v>0</v>
      </c>
      <c r="HS17" s="327">
        <v>0</v>
      </c>
      <c r="HT17" s="327">
        <v>0</v>
      </c>
      <c r="HU17" s="327">
        <v>0</v>
      </c>
      <c r="HV17" s="327">
        <v>0</v>
      </c>
      <c r="HW17" s="327">
        <v>0</v>
      </c>
      <c r="HX17" s="331">
        <v>0</v>
      </c>
      <c r="HY17" s="330">
        <v>0</v>
      </c>
      <c r="HZ17" s="335">
        <v>0</v>
      </c>
      <c r="IA17" s="336">
        <v>60004</v>
      </c>
      <c r="IB17" s="337">
        <v>60004</v>
      </c>
      <c r="IC17" s="338">
        <v>0</v>
      </c>
      <c r="ID17" s="336">
        <v>1743985</v>
      </c>
      <c r="IE17" s="339">
        <v>1448552</v>
      </c>
      <c r="IF17" s="337">
        <v>1280002</v>
      </c>
      <c r="IG17" s="336">
        <v>1027809</v>
      </c>
      <c r="IH17" s="337">
        <v>500594</v>
      </c>
      <c r="II17" s="340">
        <v>6000942</v>
      </c>
      <c r="IJ17" s="341">
        <v>6060946</v>
      </c>
      <c r="IK17" s="342">
        <v>0</v>
      </c>
      <c r="IL17" s="343">
        <v>0</v>
      </c>
      <c r="IM17" s="344">
        <v>0</v>
      </c>
      <c r="IN17" s="404">
        <v>0</v>
      </c>
      <c r="IO17" s="345">
        <v>0</v>
      </c>
      <c r="IP17" s="345">
        <v>106986</v>
      </c>
      <c r="IQ17" s="345">
        <v>0</v>
      </c>
      <c r="IR17" s="345">
        <v>0</v>
      </c>
      <c r="IS17" s="345">
        <v>244241</v>
      </c>
      <c r="IT17" s="346">
        <v>351227</v>
      </c>
      <c r="IU17" s="347">
        <v>351227</v>
      </c>
      <c r="IV17" s="348">
        <v>0</v>
      </c>
      <c r="IW17" s="345">
        <v>0</v>
      </c>
      <c r="IX17" s="349">
        <v>0</v>
      </c>
      <c r="IY17" s="404">
        <v>0</v>
      </c>
      <c r="IZ17" s="345">
        <v>9062</v>
      </c>
      <c r="JA17" s="345">
        <v>0</v>
      </c>
      <c r="JB17" s="345">
        <v>0</v>
      </c>
      <c r="JC17" s="345">
        <v>14403</v>
      </c>
      <c r="JD17" s="345">
        <v>0</v>
      </c>
      <c r="JE17" s="349">
        <v>23465</v>
      </c>
      <c r="JF17" s="350">
        <v>23465</v>
      </c>
      <c r="JG17" s="348">
        <v>0</v>
      </c>
      <c r="JH17" s="345">
        <v>0</v>
      </c>
      <c r="JI17" s="346">
        <v>0</v>
      </c>
      <c r="JJ17" s="351">
        <v>0</v>
      </c>
      <c r="JK17" s="345">
        <v>1146617</v>
      </c>
      <c r="JL17" s="345">
        <v>379146</v>
      </c>
      <c r="JM17" s="345">
        <v>134272</v>
      </c>
      <c r="JN17" s="345">
        <v>316547</v>
      </c>
      <c r="JO17" s="345">
        <v>256353</v>
      </c>
      <c r="JP17" s="349">
        <v>2232935</v>
      </c>
      <c r="JQ17" s="347">
        <v>2232935</v>
      </c>
      <c r="JR17" s="348">
        <v>0</v>
      </c>
      <c r="JS17" s="345">
        <v>0</v>
      </c>
      <c r="JT17" s="346">
        <v>0</v>
      </c>
      <c r="JU17" s="351">
        <v>0</v>
      </c>
      <c r="JV17" s="345">
        <v>183766</v>
      </c>
      <c r="JW17" s="345">
        <v>0</v>
      </c>
      <c r="JX17" s="345">
        <v>0</v>
      </c>
      <c r="JY17" s="345">
        <v>0</v>
      </c>
      <c r="JZ17" s="345">
        <v>0</v>
      </c>
      <c r="KA17" s="349">
        <v>183766</v>
      </c>
      <c r="KB17" s="347">
        <v>183766</v>
      </c>
      <c r="KC17" s="352">
        <v>0</v>
      </c>
      <c r="KD17" s="353">
        <v>60004</v>
      </c>
      <c r="KE17" s="349">
        <v>60004</v>
      </c>
      <c r="KF17" s="351">
        <v>0</v>
      </c>
      <c r="KG17" s="345">
        <v>-12502</v>
      </c>
      <c r="KH17" s="345">
        <v>297489</v>
      </c>
      <c r="KI17" s="345">
        <v>0</v>
      </c>
      <c r="KJ17" s="345">
        <v>462728</v>
      </c>
      <c r="KK17" s="345">
        <v>0</v>
      </c>
      <c r="KL17" s="349">
        <v>747715</v>
      </c>
      <c r="KM17" s="354">
        <v>807719</v>
      </c>
      <c r="KN17" s="342">
        <v>0</v>
      </c>
      <c r="KO17" s="343">
        <v>0</v>
      </c>
      <c r="KP17" s="344">
        <v>0</v>
      </c>
      <c r="KQ17" s="404">
        <v>0</v>
      </c>
      <c r="KR17" s="345">
        <v>417042</v>
      </c>
      <c r="KS17" s="345">
        <v>664931</v>
      </c>
      <c r="KT17" s="345">
        <v>1145730</v>
      </c>
      <c r="KU17" s="345">
        <v>234131</v>
      </c>
      <c r="KV17" s="345">
        <v>0</v>
      </c>
      <c r="KW17" s="349">
        <v>2461834</v>
      </c>
      <c r="KX17" s="347">
        <v>2461834</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0</v>
      </c>
      <c r="MA17" s="345">
        <v>0</v>
      </c>
      <c r="MB17" s="345">
        <v>0</v>
      </c>
      <c r="MC17" s="345">
        <v>0</v>
      </c>
      <c r="MD17" s="349">
        <v>0</v>
      </c>
      <c r="ME17" s="350">
        <v>0</v>
      </c>
      <c r="MF17" s="348">
        <v>0</v>
      </c>
      <c r="MG17" s="345">
        <v>0</v>
      </c>
      <c r="MH17" s="349">
        <v>0</v>
      </c>
      <c r="MI17" s="404">
        <v>0</v>
      </c>
      <c r="MJ17" s="345">
        <v>202954</v>
      </c>
      <c r="MK17" s="345">
        <v>400690</v>
      </c>
      <c r="ML17" s="345">
        <v>3154859</v>
      </c>
      <c r="MM17" s="345">
        <v>2130975</v>
      </c>
      <c r="MN17" s="345">
        <v>1739123</v>
      </c>
      <c r="MO17" s="349">
        <v>7628601</v>
      </c>
      <c r="MP17" s="354">
        <v>7628601</v>
      </c>
      <c r="MQ17" s="348">
        <v>0</v>
      </c>
      <c r="MR17" s="345">
        <v>0</v>
      </c>
      <c r="MS17" s="349">
        <v>0</v>
      </c>
      <c r="MT17" s="404">
        <v>0</v>
      </c>
      <c r="MU17" s="345">
        <v>0</v>
      </c>
      <c r="MV17" s="345">
        <v>0</v>
      </c>
      <c r="MW17" s="345">
        <v>1956643</v>
      </c>
      <c r="MX17" s="345">
        <v>1878954</v>
      </c>
      <c r="MY17" s="345">
        <v>1447620</v>
      </c>
      <c r="MZ17" s="349">
        <v>5283217</v>
      </c>
      <c r="NA17" s="354">
        <v>5283217</v>
      </c>
      <c r="NB17" s="348">
        <v>0</v>
      </c>
      <c r="NC17" s="345">
        <v>0</v>
      </c>
      <c r="ND17" s="349">
        <v>0</v>
      </c>
      <c r="NE17" s="404">
        <v>0</v>
      </c>
      <c r="NF17" s="345">
        <v>202954</v>
      </c>
      <c r="NG17" s="345">
        <v>400690</v>
      </c>
      <c r="NH17" s="345">
        <v>1198216</v>
      </c>
      <c r="NI17" s="345">
        <v>252021</v>
      </c>
      <c r="NJ17" s="345">
        <v>0</v>
      </c>
      <c r="NK17" s="349">
        <v>2053881</v>
      </c>
      <c r="NL17" s="347">
        <v>2053881</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291503</v>
      </c>
      <c r="OG17" s="349">
        <v>291503</v>
      </c>
      <c r="OH17" s="350">
        <v>291503</v>
      </c>
      <c r="OI17" s="348">
        <v>327914</v>
      </c>
      <c r="OJ17" s="345">
        <v>723587</v>
      </c>
      <c r="OK17" s="346">
        <v>1051501</v>
      </c>
      <c r="OL17" s="351">
        <v>0</v>
      </c>
      <c r="OM17" s="345">
        <v>8266047</v>
      </c>
      <c r="ON17" s="345">
        <v>6971256</v>
      </c>
      <c r="OO17" s="345">
        <v>9546241</v>
      </c>
      <c r="OP17" s="345">
        <v>7916036</v>
      </c>
      <c r="OQ17" s="345">
        <v>5810077</v>
      </c>
      <c r="OR17" s="349">
        <v>38509657</v>
      </c>
      <c r="OS17" s="354">
        <v>39561158</v>
      </c>
    </row>
    <row r="18" spans="2:409" s="70" customFormat="1" ht="21" customHeight="1" x14ac:dyDescent="0.2">
      <c r="B18" s="106" t="s">
        <v>12</v>
      </c>
      <c r="C18" s="326">
        <v>844157</v>
      </c>
      <c r="D18" s="327">
        <v>1880142</v>
      </c>
      <c r="E18" s="328">
        <v>2724299</v>
      </c>
      <c r="F18" s="329">
        <v>0</v>
      </c>
      <c r="G18" s="327">
        <v>6918718</v>
      </c>
      <c r="H18" s="366">
        <v>8709275</v>
      </c>
      <c r="I18" s="366">
        <v>8213561</v>
      </c>
      <c r="J18" s="366">
        <v>8165915</v>
      </c>
      <c r="K18" s="366">
        <v>5317953</v>
      </c>
      <c r="L18" s="331">
        <v>37325422</v>
      </c>
      <c r="M18" s="330">
        <v>40049721</v>
      </c>
      <c r="N18" s="326">
        <v>228912</v>
      </c>
      <c r="O18" s="327">
        <v>746719</v>
      </c>
      <c r="P18" s="328">
        <v>975631</v>
      </c>
      <c r="Q18" s="326">
        <v>0</v>
      </c>
      <c r="R18" s="327">
        <v>2357507</v>
      </c>
      <c r="S18" s="327">
        <v>3303947</v>
      </c>
      <c r="T18" s="327">
        <v>2246424</v>
      </c>
      <c r="U18" s="327">
        <v>2731510</v>
      </c>
      <c r="V18" s="327">
        <v>2743582</v>
      </c>
      <c r="W18" s="328">
        <v>13382970</v>
      </c>
      <c r="X18" s="330">
        <v>14358601</v>
      </c>
      <c r="Y18" s="326">
        <v>0</v>
      </c>
      <c r="Z18" s="327">
        <v>0</v>
      </c>
      <c r="AA18" s="328">
        <v>0</v>
      </c>
      <c r="AB18" s="326">
        <v>0</v>
      </c>
      <c r="AC18" s="327">
        <v>1467533</v>
      </c>
      <c r="AD18" s="327">
        <v>1873849</v>
      </c>
      <c r="AE18" s="327">
        <v>1439385</v>
      </c>
      <c r="AF18" s="327">
        <v>1611852</v>
      </c>
      <c r="AG18" s="327">
        <v>2059757</v>
      </c>
      <c r="AH18" s="328">
        <v>8452376</v>
      </c>
      <c r="AI18" s="330">
        <v>8452376</v>
      </c>
      <c r="AJ18" s="326">
        <v>0</v>
      </c>
      <c r="AK18" s="327">
        <v>0</v>
      </c>
      <c r="AL18" s="328">
        <v>0</v>
      </c>
      <c r="AM18" s="326">
        <v>0</v>
      </c>
      <c r="AN18" s="327">
        <v>0</v>
      </c>
      <c r="AO18" s="327">
        <v>41120</v>
      </c>
      <c r="AP18" s="327">
        <v>176829</v>
      </c>
      <c r="AQ18" s="327">
        <v>114737</v>
      </c>
      <c r="AR18" s="327">
        <v>102792</v>
      </c>
      <c r="AS18" s="328">
        <v>435478</v>
      </c>
      <c r="AT18" s="330">
        <v>435478</v>
      </c>
      <c r="AU18" s="326">
        <v>154886</v>
      </c>
      <c r="AV18" s="327">
        <v>653687</v>
      </c>
      <c r="AW18" s="328">
        <v>808573</v>
      </c>
      <c r="AX18" s="326">
        <v>0</v>
      </c>
      <c r="AY18" s="327">
        <v>648540</v>
      </c>
      <c r="AZ18" s="327">
        <v>923097</v>
      </c>
      <c r="BA18" s="327">
        <v>354027</v>
      </c>
      <c r="BB18" s="327">
        <v>677254</v>
      </c>
      <c r="BC18" s="327">
        <v>387525</v>
      </c>
      <c r="BD18" s="328">
        <v>2990443</v>
      </c>
      <c r="BE18" s="330">
        <v>3799016</v>
      </c>
      <c r="BF18" s="326">
        <v>34672</v>
      </c>
      <c r="BG18" s="327">
        <v>17810</v>
      </c>
      <c r="BH18" s="331">
        <v>52482</v>
      </c>
      <c r="BI18" s="332">
        <v>0</v>
      </c>
      <c r="BJ18" s="327">
        <v>18491</v>
      </c>
      <c r="BK18" s="327">
        <v>60749</v>
      </c>
      <c r="BL18" s="327">
        <v>52232</v>
      </c>
      <c r="BM18" s="327">
        <v>19191</v>
      </c>
      <c r="BN18" s="327">
        <v>0</v>
      </c>
      <c r="BO18" s="328">
        <v>150663</v>
      </c>
      <c r="BP18" s="330">
        <v>203145</v>
      </c>
      <c r="BQ18" s="326">
        <v>39354</v>
      </c>
      <c r="BR18" s="327">
        <v>75222</v>
      </c>
      <c r="BS18" s="328">
        <v>114576</v>
      </c>
      <c r="BT18" s="326">
        <v>0</v>
      </c>
      <c r="BU18" s="327">
        <v>222943</v>
      </c>
      <c r="BV18" s="327">
        <v>405132</v>
      </c>
      <c r="BW18" s="327">
        <v>223951</v>
      </c>
      <c r="BX18" s="327">
        <v>308476</v>
      </c>
      <c r="BY18" s="327">
        <v>193508</v>
      </c>
      <c r="BZ18" s="328">
        <v>1354010</v>
      </c>
      <c r="CA18" s="330">
        <v>1468586</v>
      </c>
      <c r="CB18" s="326">
        <v>161449</v>
      </c>
      <c r="CC18" s="327">
        <v>309752</v>
      </c>
      <c r="CD18" s="328">
        <v>471201</v>
      </c>
      <c r="CE18" s="326">
        <v>0</v>
      </c>
      <c r="CF18" s="327">
        <v>2319258</v>
      </c>
      <c r="CG18" s="327">
        <v>2134233</v>
      </c>
      <c r="CH18" s="327">
        <v>1955463</v>
      </c>
      <c r="CI18" s="327">
        <v>1364928</v>
      </c>
      <c r="CJ18" s="327">
        <v>731366</v>
      </c>
      <c r="CK18" s="328">
        <v>8505248</v>
      </c>
      <c r="CL18" s="330">
        <v>8976449</v>
      </c>
      <c r="CM18" s="326">
        <v>0</v>
      </c>
      <c r="CN18" s="327">
        <v>0</v>
      </c>
      <c r="CO18" s="328">
        <v>0</v>
      </c>
      <c r="CP18" s="332">
        <v>0</v>
      </c>
      <c r="CQ18" s="327">
        <v>1822810</v>
      </c>
      <c r="CR18" s="327">
        <v>1851666</v>
      </c>
      <c r="CS18" s="327">
        <v>1171211</v>
      </c>
      <c r="CT18" s="327">
        <v>737706</v>
      </c>
      <c r="CU18" s="327">
        <v>637333</v>
      </c>
      <c r="CV18" s="328">
        <v>6220726</v>
      </c>
      <c r="CW18" s="330">
        <v>6220726</v>
      </c>
      <c r="CX18" s="326">
        <v>161449</v>
      </c>
      <c r="CY18" s="327">
        <v>309752</v>
      </c>
      <c r="CZ18" s="328">
        <v>471201</v>
      </c>
      <c r="DA18" s="326">
        <v>0</v>
      </c>
      <c r="DB18" s="327">
        <v>496448</v>
      </c>
      <c r="DC18" s="327">
        <v>282567</v>
      </c>
      <c r="DD18" s="327">
        <v>784252</v>
      </c>
      <c r="DE18" s="327">
        <v>627222</v>
      </c>
      <c r="DF18" s="327">
        <v>94033</v>
      </c>
      <c r="DG18" s="328">
        <v>2284522</v>
      </c>
      <c r="DH18" s="330">
        <v>2755723</v>
      </c>
      <c r="DI18" s="326">
        <v>0</v>
      </c>
      <c r="DJ18" s="327">
        <v>17864</v>
      </c>
      <c r="DK18" s="331">
        <v>17864</v>
      </c>
      <c r="DL18" s="332">
        <v>0</v>
      </c>
      <c r="DM18" s="327">
        <v>420988</v>
      </c>
      <c r="DN18" s="327">
        <v>237071</v>
      </c>
      <c r="DO18" s="327">
        <v>585294</v>
      </c>
      <c r="DP18" s="327">
        <v>945334</v>
      </c>
      <c r="DQ18" s="327">
        <v>-102949</v>
      </c>
      <c r="DR18" s="328">
        <v>2085738</v>
      </c>
      <c r="DS18" s="330">
        <v>2103602</v>
      </c>
      <c r="DT18" s="326">
        <v>0</v>
      </c>
      <c r="DU18" s="327">
        <v>17864</v>
      </c>
      <c r="DV18" s="328">
        <v>17864</v>
      </c>
      <c r="DW18" s="326">
        <v>0</v>
      </c>
      <c r="DX18" s="327">
        <v>328632</v>
      </c>
      <c r="DY18" s="327">
        <v>237071</v>
      </c>
      <c r="DZ18" s="327">
        <v>522145</v>
      </c>
      <c r="EA18" s="327">
        <v>945334</v>
      </c>
      <c r="EB18" s="327">
        <v>-102949</v>
      </c>
      <c r="EC18" s="328">
        <v>1930233</v>
      </c>
      <c r="ED18" s="330">
        <v>1948097</v>
      </c>
      <c r="EE18" s="326">
        <v>0</v>
      </c>
      <c r="EF18" s="331">
        <v>0</v>
      </c>
      <c r="EG18" s="328">
        <v>0</v>
      </c>
      <c r="EH18" s="326">
        <v>0</v>
      </c>
      <c r="EI18" s="327">
        <v>92356</v>
      </c>
      <c r="EJ18" s="327">
        <v>0</v>
      </c>
      <c r="EK18" s="327">
        <v>63149</v>
      </c>
      <c r="EL18" s="327">
        <v>0</v>
      </c>
      <c r="EM18" s="327">
        <v>0</v>
      </c>
      <c r="EN18" s="331">
        <v>155505</v>
      </c>
      <c r="EO18" s="330">
        <v>155505</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244223</v>
      </c>
      <c r="FM18" s="327">
        <v>391328</v>
      </c>
      <c r="FN18" s="328">
        <v>635551</v>
      </c>
      <c r="FO18" s="326">
        <v>0</v>
      </c>
      <c r="FP18" s="327">
        <v>255542</v>
      </c>
      <c r="FQ18" s="327">
        <v>731521</v>
      </c>
      <c r="FR18" s="327">
        <v>550599</v>
      </c>
      <c r="FS18" s="327">
        <v>764281</v>
      </c>
      <c r="FT18" s="327">
        <v>334068</v>
      </c>
      <c r="FU18" s="328">
        <v>2636011</v>
      </c>
      <c r="FV18" s="330">
        <v>3271562</v>
      </c>
      <c r="FW18" s="333">
        <v>128513</v>
      </c>
      <c r="FX18" s="327">
        <v>290528</v>
      </c>
      <c r="FY18" s="331">
        <v>419041</v>
      </c>
      <c r="FZ18" s="332">
        <v>0</v>
      </c>
      <c r="GA18" s="327">
        <v>255542</v>
      </c>
      <c r="GB18" s="327">
        <v>605808</v>
      </c>
      <c r="GC18" s="327">
        <v>488999</v>
      </c>
      <c r="GD18" s="327">
        <v>764281</v>
      </c>
      <c r="GE18" s="327">
        <v>334068</v>
      </c>
      <c r="GF18" s="328">
        <v>2448698</v>
      </c>
      <c r="GG18" s="334">
        <v>2867739</v>
      </c>
      <c r="GH18" s="333">
        <v>25410</v>
      </c>
      <c r="GI18" s="327">
        <v>0</v>
      </c>
      <c r="GJ18" s="331">
        <v>25410</v>
      </c>
      <c r="GK18" s="332">
        <v>0</v>
      </c>
      <c r="GL18" s="327">
        <v>0</v>
      </c>
      <c r="GM18" s="327">
        <v>12600</v>
      </c>
      <c r="GN18" s="327">
        <v>0</v>
      </c>
      <c r="GO18" s="327">
        <v>0</v>
      </c>
      <c r="GP18" s="327">
        <v>0</v>
      </c>
      <c r="GQ18" s="328">
        <v>12600</v>
      </c>
      <c r="GR18" s="330">
        <v>38010</v>
      </c>
      <c r="GS18" s="326">
        <v>90300</v>
      </c>
      <c r="GT18" s="327">
        <v>100800</v>
      </c>
      <c r="GU18" s="328">
        <v>191100</v>
      </c>
      <c r="GV18" s="326">
        <v>0</v>
      </c>
      <c r="GW18" s="327">
        <v>0</v>
      </c>
      <c r="GX18" s="327">
        <v>113113</v>
      </c>
      <c r="GY18" s="327">
        <v>61600</v>
      </c>
      <c r="GZ18" s="327">
        <v>0</v>
      </c>
      <c r="HA18" s="327">
        <v>0</v>
      </c>
      <c r="HB18" s="331">
        <v>174713</v>
      </c>
      <c r="HC18" s="330">
        <v>365813</v>
      </c>
      <c r="HD18" s="326">
        <v>209573</v>
      </c>
      <c r="HE18" s="327">
        <v>414479</v>
      </c>
      <c r="HF18" s="331">
        <v>624052</v>
      </c>
      <c r="HG18" s="332">
        <v>0</v>
      </c>
      <c r="HH18" s="327">
        <v>1565423</v>
      </c>
      <c r="HI18" s="327">
        <v>2302503</v>
      </c>
      <c r="HJ18" s="327">
        <v>2875781</v>
      </c>
      <c r="HK18" s="327">
        <v>2359862</v>
      </c>
      <c r="HL18" s="327">
        <v>1611886</v>
      </c>
      <c r="HM18" s="328">
        <v>10715455</v>
      </c>
      <c r="HN18" s="329">
        <v>11339507</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964796</v>
      </c>
      <c r="IE18" s="357">
        <v>1582236</v>
      </c>
      <c r="IF18" s="358">
        <v>783093</v>
      </c>
      <c r="IG18" s="356">
        <v>1294378</v>
      </c>
      <c r="IH18" s="358">
        <v>1207181</v>
      </c>
      <c r="II18" s="359">
        <v>5831684</v>
      </c>
      <c r="IJ18" s="358">
        <v>5831684</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649852</v>
      </c>
      <c r="JL18" s="345">
        <v>417760</v>
      </c>
      <c r="JM18" s="345">
        <v>332116</v>
      </c>
      <c r="JN18" s="345">
        <v>377419</v>
      </c>
      <c r="JO18" s="345">
        <v>658281</v>
      </c>
      <c r="JP18" s="349">
        <v>2435428</v>
      </c>
      <c r="JQ18" s="347">
        <v>2435428</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107082</v>
      </c>
      <c r="KH18" s="345">
        <v>165401</v>
      </c>
      <c r="KI18" s="345">
        <v>214230</v>
      </c>
      <c r="KJ18" s="345">
        <v>458179</v>
      </c>
      <c r="KK18" s="345">
        <v>0</v>
      </c>
      <c r="KL18" s="349">
        <v>944892</v>
      </c>
      <c r="KM18" s="354">
        <v>944892</v>
      </c>
      <c r="KN18" s="342">
        <v>0</v>
      </c>
      <c r="KO18" s="343">
        <v>0</v>
      </c>
      <c r="KP18" s="344">
        <v>0</v>
      </c>
      <c r="KQ18" s="404">
        <v>0</v>
      </c>
      <c r="KR18" s="345">
        <v>207862</v>
      </c>
      <c r="KS18" s="345">
        <v>448210</v>
      </c>
      <c r="KT18" s="345">
        <v>0</v>
      </c>
      <c r="KU18" s="345">
        <v>0</v>
      </c>
      <c r="KV18" s="345">
        <v>234159</v>
      </c>
      <c r="KW18" s="349">
        <v>890231</v>
      </c>
      <c r="KX18" s="347">
        <v>890231</v>
      </c>
      <c r="KY18" s="348">
        <v>0</v>
      </c>
      <c r="KZ18" s="345">
        <v>0</v>
      </c>
      <c r="LA18" s="349">
        <v>0</v>
      </c>
      <c r="LB18" s="404">
        <v>0</v>
      </c>
      <c r="LC18" s="345">
        <v>0</v>
      </c>
      <c r="LD18" s="345">
        <v>165998</v>
      </c>
      <c r="LE18" s="345">
        <v>0</v>
      </c>
      <c r="LF18" s="345">
        <v>200393</v>
      </c>
      <c r="LG18" s="345">
        <v>0</v>
      </c>
      <c r="LH18" s="349">
        <v>366391</v>
      </c>
      <c r="LI18" s="350">
        <v>366391</v>
      </c>
      <c r="LJ18" s="348">
        <v>0</v>
      </c>
      <c r="LK18" s="345">
        <v>0</v>
      </c>
      <c r="LL18" s="349">
        <v>0</v>
      </c>
      <c r="LM18" s="404">
        <v>0</v>
      </c>
      <c r="LN18" s="345">
        <v>0</v>
      </c>
      <c r="LO18" s="345">
        <v>0</v>
      </c>
      <c r="LP18" s="345">
        <v>0</v>
      </c>
      <c r="LQ18" s="345">
        <v>258387</v>
      </c>
      <c r="LR18" s="345">
        <v>0</v>
      </c>
      <c r="LS18" s="349">
        <v>258387</v>
      </c>
      <c r="LT18" s="347">
        <v>258387</v>
      </c>
      <c r="LU18" s="348">
        <v>0</v>
      </c>
      <c r="LV18" s="345">
        <v>0</v>
      </c>
      <c r="LW18" s="349">
        <v>0</v>
      </c>
      <c r="LX18" s="404">
        <v>0</v>
      </c>
      <c r="LY18" s="345">
        <v>0</v>
      </c>
      <c r="LZ18" s="345">
        <v>384867</v>
      </c>
      <c r="MA18" s="345">
        <v>236747</v>
      </c>
      <c r="MB18" s="345">
        <v>0</v>
      </c>
      <c r="MC18" s="345">
        <v>314741</v>
      </c>
      <c r="MD18" s="349">
        <v>936355</v>
      </c>
      <c r="ME18" s="350">
        <v>936355</v>
      </c>
      <c r="MF18" s="348">
        <v>0</v>
      </c>
      <c r="MG18" s="345">
        <v>0</v>
      </c>
      <c r="MH18" s="349">
        <v>0</v>
      </c>
      <c r="MI18" s="404">
        <v>0</v>
      </c>
      <c r="MJ18" s="345">
        <v>207153</v>
      </c>
      <c r="MK18" s="345">
        <v>871339</v>
      </c>
      <c r="ML18" s="345">
        <v>1033422</v>
      </c>
      <c r="MM18" s="345">
        <v>4704750</v>
      </c>
      <c r="MN18" s="345">
        <v>1771259</v>
      </c>
      <c r="MO18" s="349">
        <v>8587923</v>
      </c>
      <c r="MP18" s="354">
        <v>8587923</v>
      </c>
      <c r="MQ18" s="348">
        <v>0</v>
      </c>
      <c r="MR18" s="345">
        <v>0</v>
      </c>
      <c r="MS18" s="349">
        <v>0</v>
      </c>
      <c r="MT18" s="404">
        <v>0</v>
      </c>
      <c r="MU18" s="345">
        <v>0</v>
      </c>
      <c r="MV18" s="345">
        <v>212690</v>
      </c>
      <c r="MW18" s="345">
        <v>236222</v>
      </c>
      <c r="MX18" s="345">
        <v>2469444</v>
      </c>
      <c r="MY18" s="345">
        <v>1513804</v>
      </c>
      <c r="MZ18" s="349">
        <v>4432160</v>
      </c>
      <c r="NA18" s="354">
        <v>4432160</v>
      </c>
      <c r="NB18" s="348">
        <v>0</v>
      </c>
      <c r="NC18" s="345">
        <v>0</v>
      </c>
      <c r="ND18" s="349">
        <v>0</v>
      </c>
      <c r="NE18" s="404">
        <v>0</v>
      </c>
      <c r="NF18" s="345">
        <v>207153</v>
      </c>
      <c r="NG18" s="345">
        <v>658649</v>
      </c>
      <c r="NH18" s="345">
        <v>797200</v>
      </c>
      <c r="NI18" s="345">
        <v>1287364</v>
      </c>
      <c r="NJ18" s="345">
        <v>257455</v>
      </c>
      <c r="NK18" s="349">
        <v>3207821</v>
      </c>
      <c r="NL18" s="347">
        <v>3207821</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947942</v>
      </c>
      <c r="OF18" s="345">
        <v>0</v>
      </c>
      <c r="OG18" s="349">
        <v>947942</v>
      </c>
      <c r="OH18" s="350">
        <v>947942</v>
      </c>
      <c r="OI18" s="348">
        <v>844157</v>
      </c>
      <c r="OJ18" s="345">
        <v>1880142</v>
      </c>
      <c r="OK18" s="346">
        <v>2724299</v>
      </c>
      <c r="OL18" s="351">
        <v>0</v>
      </c>
      <c r="OM18" s="345">
        <v>8090667</v>
      </c>
      <c r="ON18" s="345">
        <v>11162850</v>
      </c>
      <c r="OO18" s="345">
        <v>10030076</v>
      </c>
      <c r="OP18" s="345">
        <v>14165043</v>
      </c>
      <c r="OQ18" s="345">
        <v>8296393</v>
      </c>
      <c r="OR18" s="349">
        <v>51745029</v>
      </c>
      <c r="OS18" s="354">
        <v>54469328</v>
      </c>
    </row>
    <row r="19" spans="2:409" s="70" customFormat="1" ht="21" customHeight="1" x14ac:dyDescent="0.2">
      <c r="B19" s="106" t="s">
        <v>13</v>
      </c>
      <c r="C19" s="326">
        <v>249372</v>
      </c>
      <c r="D19" s="327">
        <v>626721</v>
      </c>
      <c r="E19" s="328">
        <v>876093</v>
      </c>
      <c r="F19" s="326">
        <v>0</v>
      </c>
      <c r="G19" s="366">
        <v>4017838</v>
      </c>
      <c r="H19" s="327">
        <v>5119436</v>
      </c>
      <c r="I19" s="327">
        <v>4449515</v>
      </c>
      <c r="J19" s="327">
        <v>4300374</v>
      </c>
      <c r="K19" s="327">
        <v>4222563</v>
      </c>
      <c r="L19" s="331">
        <v>22109726</v>
      </c>
      <c r="M19" s="330">
        <v>22985819</v>
      </c>
      <c r="N19" s="326">
        <v>75222</v>
      </c>
      <c r="O19" s="327">
        <v>166285</v>
      </c>
      <c r="P19" s="328">
        <v>241507</v>
      </c>
      <c r="Q19" s="326">
        <v>0</v>
      </c>
      <c r="R19" s="327">
        <v>1374116</v>
      </c>
      <c r="S19" s="327">
        <v>2374957</v>
      </c>
      <c r="T19" s="327">
        <v>1742630</v>
      </c>
      <c r="U19" s="327">
        <v>1324796</v>
      </c>
      <c r="V19" s="327">
        <v>1997529</v>
      </c>
      <c r="W19" s="328">
        <v>8814028</v>
      </c>
      <c r="X19" s="330">
        <v>9055535</v>
      </c>
      <c r="Y19" s="326">
        <v>0</v>
      </c>
      <c r="Z19" s="327">
        <v>0</v>
      </c>
      <c r="AA19" s="328">
        <v>0</v>
      </c>
      <c r="AB19" s="326">
        <v>0</v>
      </c>
      <c r="AC19" s="327">
        <v>440940</v>
      </c>
      <c r="AD19" s="327">
        <v>1217331</v>
      </c>
      <c r="AE19" s="327">
        <v>812868</v>
      </c>
      <c r="AF19" s="327">
        <v>865748</v>
      </c>
      <c r="AG19" s="327">
        <v>1336400</v>
      </c>
      <c r="AH19" s="328">
        <v>4673287</v>
      </c>
      <c r="AI19" s="330">
        <v>4673287</v>
      </c>
      <c r="AJ19" s="326">
        <v>0</v>
      </c>
      <c r="AK19" s="327">
        <v>0</v>
      </c>
      <c r="AL19" s="328">
        <v>0</v>
      </c>
      <c r="AM19" s="326">
        <v>0</v>
      </c>
      <c r="AN19" s="327">
        <v>0</v>
      </c>
      <c r="AO19" s="327">
        <v>52971</v>
      </c>
      <c r="AP19" s="327">
        <v>0</v>
      </c>
      <c r="AQ19" s="327">
        <v>42464</v>
      </c>
      <c r="AR19" s="327">
        <v>143768</v>
      </c>
      <c r="AS19" s="328">
        <v>239203</v>
      </c>
      <c r="AT19" s="330">
        <v>239203</v>
      </c>
      <c r="AU19" s="326">
        <v>14126</v>
      </c>
      <c r="AV19" s="327">
        <v>76370</v>
      </c>
      <c r="AW19" s="328">
        <v>90496</v>
      </c>
      <c r="AX19" s="326">
        <v>0</v>
      </c>
      <c r="AY19" s="327">
        <v>624639</v>
      </c>
      <c r="AZ19" s="327">
        <v>616093</v>
      </c>
      <c r="BA19" s="327">
        <v>624173</v>
      </c>
      <c r="BB19" s="327">
        <v>167794</v>
      </c>
      <c r="BC19" s="327">
        <v>204194</v>
      </c>
      <c r="BD19" s="328">
        <v>2236893</v>
      </c>
      <c r="BE19" s="330">
        <v>2327389</v>
      </c>
      <c r="BF19" s="326">
        <v>0</v>
      </c>
      <c r="BG19" s="327">
        <v>0</v>
      </c>
      <c r="BH19" s="331">
        <v>0</v>
      </c>
      <c r="BI19" s="332">
        <v>0</v>
      </c>
      <c r="BJ19" s="327">
        <v>9595</v>
      </c>
      <c r="BK19" s="327">
        <v>116666</v>
      </c>
      <c r="BL19" s="327">
        <v>35592</v>
      </c>
      <c r="BM19" s="327">
        <v>12610</v>
      </c>
      <c r="BN19" s="327">
        <v>65451</v>
      </c>
      <c r="BO19" s="328">
        <v>239914</v>
      </c>
      <c r="BP19" s="330">
        <v>239914</v>
      </c>
      <c r="BQ19" s="326">
        <v>61096</v>
      </c>
      <c r="BR19" s="327">
        <v>89915</v>
      </c>
      <c r="BS19" s="328">
        <v>151011</v>
      </c>
      <c r="BT19" s="326">
        <v>0</v>
      </c>
      <c r="BU19" s="327">
        <v>298942</v>
      </c>
      <c r="BV19" s="327">
        <v>371896</v>
      </c>
      <c r="BW19" s="327">
        <v>269997</v>
      </c>
      <c r="BX19" s="327">
        <v>236180</v>
      </c>
      <c r="BY19" s="327">
        <v>247716</v>
      </c>
      <c r="BZ19" s="328">
        <v>1424731</v>
      </c>
      <c r="CA19" s="330">
        <v>1575742</v>
      </c>
      <c r="CB19" s="326">
        <v>18431</v>
      </c>
      <c r="CC19" s="327">
        <v>0</v>
      </c>
      <c r="CD19" s="328">
        <v>18431</v>
      </c>
      <c r="CE19" s="326">
        <v>0</v>
      </c>
      <c r="CF19" s="327">
        <v>774140</v>
      </c>
      <c r="CG19" s="327">
        <v>777909</v>
      </c>
      <c r="CH19" s="327">
        <v>782355</v>
      </c>
      <c r="CI19" s="327">
        <v>651285</v>
      </c>
      <c r="CJ19" s="327">
        <v>148532</v>
      </c>
      <c r="CK19" s="328">
        <v>3134221</v>
      </c>
      <c r="CL19" s="330">
        <v>3152652</v>
      </c>
      <c r="CM19" s="326">
        <v>0</v>
      </c>
      <c r="CN19" s="327">
        <v>0</v>
      </c>
      <c r="CO19" s="328">
        <v>0</v>
      </c>
      <c r="CP19" s="332">
        <v>0</v>
      </c>
      <c r="CQ19" s="327">
        <v>698485</v>
      </c>
      <c r="CR19" s="327">
        <v>568065</v>
      </c>
      <c r="CS19" s="327">
        <v>641366</v>
      </c>
      <c r="CT19" s="327">
        <v>113467</v>
      </c>
      <c r="CU19" s="327">
        <v>48373</v>
      </c>
      <c r="CV19" s="328">
        <v>2069756</v>
      </c>
      <c r="CW19" s="330">
        <v>2069756</v>
      </c>
      <c r="CX19" s="326">
        <v>18431</v>
      </c>
      <c r="CY19" s="327">
        <v>0</v>
      </c>
      <c r="CZ19" s="328">
        <v>18431</v>
      </c>
      <c r="DA19" s="326">
        <v>0</v>
      </c>
      <c r="DB19" s="327">
        <v>75655</v>
      </c>
      <c r="DC19" s="327">
        <v>209844</v>
      </c>
      <c r="DD19" s="327">
        <v>140989</v>
      </c>
      <c r="DE19" s="327">
        <v>537818</v>
      </c>
      <c r="DF19" s="327">
        <v>100159</v>
      </c>
      <c r="DG19" s="328">
        <v>1064465</v>
      </c>
      <c r="DH19" s="330">
        <v>1082896</v>
      </c>
      <c r="DI19" s="326">
        <v>0</v>
      </c>
      <c r="DJ19" s="327">
        <v>0</v>
      </c>
      <c r="DK19" s="331">
        <v>0</v>
      </c>
      <c r="DL19" s="332">
        <v>0</v>
      </c>
      <c r="DM19" s="327">
        <v>0</v>
      </c>
      <c r="DN19" s="327">
        <v>124912</v>
      </c>
      <c r="DO19" s="327">
        <v>88330</v>
      </c>
      <c r="DP19" s="327">
        <v>57006</v>
      </c>
      <c r="DQ19" s="327">
        <v>147751</v>
      </c>
      <c r="DR19" s="328">
        <v>417999</v>
      </c>
      <c r="DS19" s="330">
        <v>417999</v>
      </c>
      <c r="DT19" s="326">
        <v>0</v>
      </c>
      <c r="DU19" s="327">
        <v>0</v>
      </c>
      <c r="DV19" s="328">
        <v>0</v>
      </c>
      <c r="DW19" s="326">
        <v>0</v>
      </c>
      <c r="DX19" s="327">
        <v>0</v>
      </c>
      <c r="DY19" s="327">
        <v>124912</v>
      </c>
      <c r="DZ19" s="327">
        <v>88330</v>
      </c>
      <c r="EA19" s="327">
        <v>57006</v>
      </c>
      <c r="EB19" s="327">
        <v>147751</v>
      </c>
      <c r="EC19" s="328">
        <v>417999</v>
      </c>
      <c r="ED19" s="330">
        <v>417999</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8778</v>
      </c>
      <c r="FM19" s="327">
        <v>124474</v>
      </c>
      <c r="FN19" s="328">
        <v>133252</v>
      </c>
      <c r="FO19" s="326">
        <v>0</v>
      </c>
      <c r="FP19" s="327">
        <v>158704</v>
      </c>
      <c r="FQ19" s="327">
        <v>490182</v>
      </c>
      <c r="FR19" s="327">
        <v>497385</v>
      </c>
      <c r="FS19" s="327">
        <v>423605</v>
      </c>
      <c r="FT19" s="327">
        <v>319256</v>
      </c>
      <c r="FU19" s="328">
        <v>1889132</v>
      </c>
      <c r="FV19" s="330">
        <v>2022384</v>
      </c>
      <c r="FW19" s="333">
        <v>8778</v>
      </c>
      <c r="FX19" s="327">
        <v>124474</v>
      </c>
      <c r="FY19" s="331">
        <v>133252</v>
      </c>
      <c r="FZ19" s="332">
        <v>0</v>
      </c>
      <c r="GA19" s="327">
        <v>133294</v>
      </c>
      <c r="GB19" s="327">
        <v>416682</v>
      </c>
      <c r="GC19" s="327">
        <v>357385</v>
      </c>
      <c r="GD19" s="327">
        <v>327355</v>
      </c>
      <c r="GE19" s="327">
        <v>319256</v>
      </c>
      <c r="GF19" s="328">
        <v>1553972</v>
      </c>
      <c r="GG19" s="334">
        <v>1687224</v>
      </c>
      <c r="GH19" s="333">
        <v>0</v>
      </c>
      <c r="GI19" s="327">
        <v>0</v>
      </c>
      <c r="GJ19" s="331">
        <v>0</v>
      </c>
      <c r="GK19" s="332">
        <v>0</v>
      </c>
      <c r="GL19" s="327">
        <v>25410</v>
      </c>
      <c r="GM19" s="327">
        <v>0</v>
      </c>
      <c r="GN19" s="327">
        <v>0</v>
      </c>
      <c r="GO19" s="327">
        <v>0</v>
      </c>
      <c r="GP19" s="327">
        <v>0</v>
      </c>
      <c r="GQ19" s="328">
        <v>25410</v>
      </c>
      <c r="GR19" s="330">
        <v>25410</v>
      </c>
      <c r="GS19" s="326">
        <v>0</v>
      </c>
      <c r="GT19" s="327">
        <v>0</v>
      </c>
      <c r="GU19" s="328">
        <v>0</v>
      </c>
      <c r="GV19" s="326">
        <v>0</v>
      </c>
      <c r="GW19" s="327">
        <v>0</v>
      </c>
      <c r="GX19" s="327">
        <v>73500</v>
      </c>
      <c r="GY19" s="327">
        <v>140000</v>
      </c>
      <c r="GZ19" s="327">
        <v>96250</v>
      </c>
      <c r="HA19" s="327">
        <v>0</v>
      </c>
      <c r="HB19" s="331">
        <v>309750</v>
      </c>
      <c r="HC19" s="330">
        <v>309750</v>
      </c>
      <c r="HD19" s="326">
        <v>146941</v>
      </c>
      <c r="HE19" s="327">
        <v>335962</v>
      </c>
      <c r="HF19" s="331">
        <v>482903</v>
      </c>
      <c r="HG19" s="332">
        <v>0</v>
      </c>
      <c r="HH19" s="327">
        <v>1710878</v>
      </c>
      <c r="HI19" s="327">
        <v>1351476</v>
      </c>
      <c r="HJ19" s="327">
        <v>1338815</v>
      </c>
      <c r="HK19" s="327">
        <v>1843682</v>
      </c>
      <c r="HL19" s="327">
        <v>1609495</v>
      </c>
      <c r="HM19" s="328">
        <v>7854346</v>
      </c>
      <c r="HN19" s="329">
        <v>8337249</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618299</v>
      </c>
      <c r="IE19" s="339">
        <v>758639</v>
      </c>
      <c r="IF19" s="337">
        <v>1065682</v>
      </c>
      <c r="IG19" s="336">
        <v>228201</v>
      </c>
      <c r="IH19" s="337">
        <v>184668</v>
      </c>
      <c r="II19" s="340">
        <v>2855489</v>
      </c>
      <c r="IJ19" s="341">
        <v>2855489</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402146</v>
      </c>
      <c r="JL19" s="345">
        <v>658404</v>
      </c>
      <c r="JM19" s="345">
        <v>676344</v>
      </c>
      <c r="JN19" s="345">
        <v>228201</v>
      </c>
      <c r="JO19" s="345">
        <v>184668</v>
      </c>
      <c r="JP19" s="349">
        <v>2149763</v>
      </c>
      <c r="JQ19" s="347">
        <v>2149763</v>
      </c>
      <c r="JR19" s="348">
        <v>0</v>
      </c>
      <c r="JS19" s="345">
        <v>0</v>
      </c>
      <c r="JT19" s="346">
        <v>0</v>
      </c>
      <c r="JU19" s="351">
        <v>0</v>
      </c>
      <c r="JV19" s="345">
        <v>0</v>
      </c>
      <c r="JW19" s="345">
        <v>100235</v>
      </c>
      <c r="JX19" s="345">
        <v>0</v>
      </c>
      <c r="JY19" s="345">
        <v>0</v>
      </c>
      <c r="JZ19" s="345">
        <v>0</v>
      </c>
      <c r="KA19" s="349">
        <v>100235</v>
      </c>
      <c r="KB19" s="347">
        <v>100235</v>
      </c>
      <c r="KC19" s="352">
        <v>0</v>
      </c>
      <c r="KD19" s="353">
        <v>0</v>
      </c>
      <c r="KE19" s="349">
        <v>0</v>
      </c>
      <c r="KF19" s="351">
        <v>0</v>
      </c>
      <c r="KG19" s="345">
        <v>0</v>
      </c>
      <c r="KH19" s="345">
        <v>0</v>
      </c>
      <c r="KI19" s="345">
        <v>214532</v>
      </c>
      <c r="KJ19" s="345">
        <v>0</v>
      </c>
      <c r="KK19" s="345">
        <v>0</v>
      </c>
      <c r="KL19" s="349">
        <v>214532</v>
      </c>
      <c r="KM19" s="354">
        <v>214532</v>
      </c>
      <c r="KN19" s="342">
        <v>0</v>
      </c>
      <c r="KO19" s="343">
        <v>0</v>
      </c>
      <c r="KP19" s="344">
        <v>0</v>
      </c>
      <c r="KQ19" s="404">
        <v>0</v>
      </c>
      <c r="KR19" s="345">
        <v>216153</v>
      </c>
      <c r="KS19" s="345">
        <v>0</v>
      </c>
      <c r="KT19" s="345">
        <v>0</v>
      </c>
      <c r="KU19" s="345">
        <v>0</v>
      </c>
      <c r="KV19" s="345">
        <v>0</v>
      </c>
      <c r="KW19" s="349">
        <v>216153</v>
      </c>
      <c r="KX19" s="347">
        <v>216153</v>
      </c>
      <c r="KY19" s="348">
        <v>0</v>
      </c>
      <c r="KZ19" s="345">
        <v>0</v>
      </c>
      <c r="LA19" s="349">
        <v>0</v>
      </c>
      <c r="LB19" s="404">
        <v>0</v>
      </c>
      <c r="LC19" s="345">
        <v>0</v>
      </c>
      <c r="LD19" s="345">
        <v>0</v>
      </c>
      <c r="LE19" s="345">
        <v>174806</v>
      </c>
      <c r="LF19" s="345">
        <v>0</v>
      </c>
      <c r="LG19" s="345">
        <v>0</v>
      </c>
      <c r="LH19" s="349">
        <v>174806</v>
      </c>
      <c r="LI19" s="350">
        <v>174806</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0</v>
      </c>
      <c r="ML19" s="345">
        <v>473584</v>
      </c>
      <c r="MM19" s="345">
        <v>2372926</v>
      </c>
      <c r="MN19" s="345">
        <v>1860935</v>
      </c>
      <c r="MO19" s="349">
        <v>4707445</v>
      </c>
      <c r="MP19" s="354">
        <v>4707445</v>
      </c>
      <c r="MQ19" s="348">
        <v>0</v>
      </c>
      <c r="MR19" s="345">
        <v>0</v>
      </c>
      <c r="MS19" s="349">
        <v>0</v>
      </c>
      <c r="MT19" s="404">
        <v>0</v>
      </c>
      <c r="MU19" s="345">
        <v>0</v>
      </c>
      <c r="MV19" s="345">
        <v>0</v>
      </c>
      <c r="MW19" s="345">
        <v>203683</v>
      </c>
      <c r="MX19" s="345">
        <v>1462561</v>
      </c>
      <c r="MY19" s="345">
        <v>1552115</v>
      </c>
      <c r="MZ19" s="349">
        <v>3218359</v>
      </c>
      <c r="NA19" s="354">
        <v>3218359</v>
      </c>
      <c r="NB19" s="348">
        <v>0</v>
      </c>
      <c r="NC19" s="345">
        <v>0</v>
      </c>
      <c r="ND19" s="349">
        <v>0</v>
      </c>
      <c r="NE19" s="404">
        <v>0</v>
      </c>
      <c r="NF19" s="345">
        <v>0</v>
      </c>
      <c r="NG19" s="345">
        <v>0</v>
      </c>
      <c r="NH19" s="345">
        <v>269901</v>
      </c>
      <c r="NI19" s="345">
        <v>910365</v>
      </c>
      <c r="NJ19" s="345">
        <v>308820</v>
      </c>
      <c r="NK19" s="349">
        <v>1489086</v>
      </c>
      <c r="NL19" s="347">
        <v>1489086</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249372</v>
      </c>
      <c r="OJ19" s="345">
        <v>626721</v>
      </c>
      <c r="OK19" s="346">
        <v>876093</v>
      </c>
      <c r="OL19" s="351">
        <v>0</v>
      </c>
      <c r="OM19" s="345">
        <v>4636137</v>
      </c>
      <c r="ON19" s="345">
        <v>5878075</v>
      </c>
      <c r="OO19" s="345">
        <v>5988781</v>
      </c>
      <c r="OP19" s="345">
        <v>6901501</v>
      </c>
      <c r="OQ19" s="345">
        <v>6268166</v>
      </c>
      <c r="OR19" s="349">
        <v>29672660</v>
      </c>
      <c r="OS19" s="354">
        <v>30548753</v>
      </c>
    </row>
    <row r="20" spans="2:409" s="70" customFormat="1" ht="21" customHeight="1" x14ac:dyDescent="0.2">
      <c r="B20" s="106" t="s">
        <v>15</v>
      </c>
      <c r="C20" s="326">
        <v>71498</v>
      </c>
      <c r="D20" s="327">
        <v>391124</v>
      </c>
      <c r="E20" s="328">
        <v>462622</v>
      </c>
      <c r="F20" s="329">
        <v>0</v>
      </c>
      <c r="G20" s="327">
        <v>1118237</v>
      </c>
      <c r="H20" s="327">
        <v>1740218</v>
      </c>
      <c r="I20" s="327">
        <v>1184859</v>
      </c>
      <c r="J20" s="327">
        <v>1644684</v>
      </c>
      <c r="K20" s="327">
        <v>1500197</v>
      </c>
      <c r="L20" s="329">
        <v>7188195</v>
      </c>
      <c r="M20" s="330">
        <v>7650817</v>
      </c>
      <c r="N20" s="326">
        <v>0</v>
      </c>
      <c r="O20" s="327">
        <v>24423</v>
      </c>
      <c r="P20" s="328">
        <v>24423</v>
      </c>
      <c r="Q20" s="326">
        <v>0</v>
      </c>
      <c r="R20" s="327">
        <v>397686</v>
      </c>
      <c r="S20" s="327">
        <v>387333</v>
      </c>
      <c r="T20" s="327">
        <v>180061</v>
      </c>
      <c r="U20" s="327">
        <v>607776</v>
      </c>
      <c r="V20" s="327">
        <v>399797</v>
      </c>
      <c r="W20" s="328">
        <v>1972653</v>
      </c>
      <c r="X20" s="330">
        <v>1997076</v>
      </c>
      <c r="Y20" s="326">
        <v>0</v>
      </c>
      <c r="Z20" s="327">
        <v>0</v>
      </c>
      <c r="AA20" s="328">
        <v>0</v>
      </c>
      <c r="AB20" s="326">
        <v>0</v>
      </c>
      <c r="AC20" s="327">
        <v>268955</v>
      </c>
      <c r="AD20" s="327">
        <v>199155</v>
      </c>
      <c r="AE20" s="327">
        <v>0</v>
      </c>
      <c r="AF20" s="327">
        <v>466697</v>
      </c>
      <c r="AG20" s="327">
        <v>52484</v>
      </c>
      <c r="AH20" s="328">
        <v>987291</v>
      </c>
      <c r="AI20" s="330">
        <v>987291</v>
      </c>
      <c r="AJ20" s="326">
        <v>0</v>
      </c>
      <c r="AK20" s="327">
        <v>0</v>
      </c>
      <c r="AL20" s="328">
        <v>0</v>
      </c>
      <c r="AM20" s="326">
        <v>0</v>
      </c>
      <c r="AN20" s="327">
        <v>0</v>
      </c>
      <c r="AO20" s="327">
        <v>12056</v>
      </c>
      <c r="AP20" s="327">
        <v>41657</v>
      </c>
      <c r="AQ20" s="327">
        <v>0</v>
      </c>
      <c r="AR20" s="327">
        <v>135375</v>
      </c>
      <c r="AS20" s="328">
        <v>189088</v>
      </c>
      <c r="AT20" s="330">
        <v>189088</v>
      </c>
      <c r="AU20" s="326">
        <v>0</v>
      </c>
      <c r="AV20" s="327">
        <v>20251</v>
      </c>
      <c r="AW20" s="328">
        <v>20251</v>
      </c>
      <c r="AX20" s="326">
        <v>0</v>
      </c>
      <c r="AY20" s="327">
        <v>77197</v>
      </c>
      <c r="AZ20" s="327">
        <v>81833</v>
      </c>
      <c r="BA20" s="327">
        <v>104069</v>
      </c>
      <c r="BB20" s="327">
        <v>47783</v>
      </c>
      <c r="BC20" s="327">
        <v>116033</v>
      </c>
      <c r="BD20" s="328">
        <v>426915</v>
      </c>
      <c r="BE20" s="330">
        <v>447166</v>
      </c>
      <c r="BF20" s="326">
        <v>0</v>
      </c>
      <c r="BG20" s="327">
        <v>0</v>
      </c>
      <c r="BH20" s="331">
        <v>0</v>
      </c>
      <c r="BI20" s="332">
        <v>0</v>
      </c>
      <c r="BJ20" s="327">
        <v>0</v>
      </c>
      <c r="BK20" s="327">
        <v>21020</v>
      </c>
      <c r="BL20" s="327">
        <v>0</v>
      </c>
      <c r="BM20" s="327">
        <v>0</v>
      </c>
      <c r="BN20" s="327">
        <v>35033</v>
      </c>
      <c r="BO20" s="328">
        <v>56053</v>
      </c>
      <c r="BP20" s="330">
        <v>56053</v>
      </c>
      <c r="BQ20" s="326">
        <v>0</v>
      </c>
      <c r="BR20" s="327">
        <v>4172</v>
      </c>
      <c r="BS20" s="328">
        <v>4172</v>
      </c>
      <c r="BT20" s="326">
        <v>0</v>
      </c>
      <c r="BU20" s="327">
        <v>51534</v>
      </c>
      <c r="BV20" s="327">
        <v>73269</v>
      </c>
      <c r="BW20" s="327">
        <v>34335</v>
      </c>
      <c r="BX20" s="327">
        <v>93296</v>
      </c>
      <c r="BY20" s="327">
        <v>60872</v>
      </c>
      <c r="BZ20" s="328">
        <v>313306</v>
      </c>
      <c r="CA20" s="330">
        <v>317478</v>
      </c>
      <c r="CB20" s="326">
        <v>0</v>
      </c>
      <c r="CC20" s="327">
        <v>0</v>
      </c>
      <c r="CD20" s="328">
        <v>0</v>
      </c>
      <c r="CE20" s="326">
        <v>0</v>
      </c>
      <c r="CF20" s="327">
        <v>89080</v>
      </c>
      <c r="CG20" s="327">
        <v>246696</v>
      </c>
      <c r="CH20" s="327">
        <v>413780</v>
      </c>
      <c r="CI20" s="327">
        <v>101473</v>
      </c>
      <c r="CJ20" s="327">
        <v>103565</v>
      </c>
      <c r="CK20" s="328">
        <v>954594</v>
      </c>
      <c r="CL20" s="330">
        <v>954594</v>
      </c>
      <c r="CM20" s="326">
        <v>0</v>
      </c>
      <c r="CN20" s="327">
        <v>0</v>
      </c>
      <c r="CO20" s="328">
        <v>0</v>
      </c>
      <c r="CP20" s="332">
        <v>0</v>
      </c>
      <c r="CQ20" s="327">
        <v>71314</v>
      </c>
      <c r="CR20" s="327">
        <v>177533</v>
      </c>
      <c r="CS20" s="327">
        <v>298829</v>
      </c>
      <c r="CT20" s="327">
        <v>38203</v>
      </c>
      <c r="CU20" s="327">
        <v>0</v>
      </c>
      <c r="CV20" s="328">
        <v>585879</v>
      </c>
      <c r="CW20" s="330">
        <v>585879</v>
      </c>
      <c r="CX20" s="326">
        <v>0</v>
      </c>
      <c r="CY20" s="327">
        <v>0</v>
      </c>
      <c r="CZ20" s="328">
        <v>0</v>
      </c>
      <c r="DA20" s="326">
        <v>0</v>
      </c>
      <c r="DB20" s="327">
        <v>17766</v>
      </c>
      <c r="DC20" s="327">
        <v>69163</v>
      </c>
      <c r="DD20" s="327">
        <v>114951</v>
      </c>
      <c r="DE20" s="327">
        <v>63270</v>
      </c>
      <c r="DF20" s="327">
        <v>103565</v>
      </c>
      <c r="DG20" s="328">
        <v>368715</v>
      </c>
      <c r="DH20" s="330">
        <v>368715</v>
      </c>
      <c r="DI20" s="326">
        <v>0</v>
      </c>
      <c r="DJ20" s="327">
        <v>0</v>
      </c>
      <c r="DK20" s="331">
        <v>0</v>
      </c>
      <c r="DL20" s="332">
        <v>0</v>
      </c>
      <c r="DM20" s="327">
        <v>0</v>
      </c>
      <c r="DN20" s="327">
        <v>246089</v>
      </c>
      <c r="DO20" s="327">
        <v>96780</v>
      </c>
      <c r="DP20" s="327">
        <v>268934</v>
      </c>
      <c r="DQ20" s="327">
        <v>69590</v>
      </c>
      <c r="DR20" s="328">
        <v>681393</v>
      </c>
      <c r="DS20" s="330">
        <v>681393</v>
      </c>
      <c r="DT20" s="326">
        <v>0</v>
      </c>
      <c r="DU20" s="327">
        <v>0</v>
      </c>
      <c r="DV20" s="328">
        <v>0</v>
      </c>
      <c r="DW20" s="326">
        <v>0</v>
      </c>
      <c r="DX20" s="327">
        <v>0</v>
      </c>
      <c r="DY20" s="327">
        <v>205039</v>
      </c>
      <c r="DZ20" s="327">
        <v>96780</v>
      </c>
      <c r="EA20" s="327">
        <v>268934</v>
      </c>
      <c r="EB20" s="327">
        <v>69590</v>
      </c>
      <c r="EC20" s="328">
        <v>640343</v>
      </c>
      <c r="ED20" s="330">
        <v>640343</v>
      </c>
      <c r="EE20" s="326">
        <v>0</v>
      </c>
      <c r="EF20" s="331">
        <v>0</v>
      </c>
      <c r="EG20" s="328">
        <v>0</v>
      </c>
      <c r="EH20" s="326">
        <v>0</v>
      </c>
      <c r="EI20" s="327">
        <v>0</v>
      </c>
      <c r="EJ20" s="327">
        <v>41050</v>
      </c>
      <c r="EK20" s="327">
        <v>0</v>
      </c>
      <c r="EL20" s="327">
        <v>0</v>
      </c>
      <c r="EM20" s="327">
        <v>0</v>
      </c>
      <c r="EN20" s="331">
        <v>41050</v>
      </c>
      <c r="EO20" s="330">
        <v>4105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18067</v>
      </c>
      <c r="FM20" s="327">
        <v>25760</v>
      </c>
      <c r="FN20" s="328">
        <v>43827</v>
      </c>
      <c r="FO20" s="326">
        <v>0</v>
      </c>
      <c r="FP20" s="327">
        <v>28420</v>
      </c>
      <c r="FQ20" s="327">
        <v>102606</v>
      </c>
      <c r="FR20" s="327">
        <v>132349</v>
      </c>
      <c r="FS20" s="327">
        <v>79191</v>
      </c>
      <c r="FT20" s="327">
        <v>79464</v>
      </c>
      <c r="FU20" s="328">
        <v>422030</v>
      </c>
      <c r="FV20" s="330">
        <v>465857</v>
      </c>
      <c r="FW20" s="333">
        <v>1050</v>
      </c>
      <c r="FX20" s="327">
        <v>25760</v>
      </c>
      <c r="FY20" s="331">
        <v>26810</v>
      </c>
      <c r="FZ20" s="332">
        <v>0</v>
      </c>
      <c r="GA20" s="327">
        <v>28420</v>
      </c>
      <c r="GB20" s="327">
        <v>102606</v>
      </c>
      <c r="GC20" s="327">
        <v>62349</v>
      </c>
      <c r="GD20" s="327">
        <v>79191</v>
      </c>
      <c r="GE20" s="327">
        <v>79464</v>
      </c>
      <c r="GF20" s="328">
        <v>352030</v>
      </c>
      <c r="GG20" s="334">
        <v>378840</v>
      </c>
      <c r="GH20" s="333">
        <v>0</v>
      </c>
      <c r="GI20" s="327">
        <v>0</v>
      </c>
      <c r="GJ20" s="331">
        <v>0</v>
      </c>
      <c r="GK20" s="332">
        <v>0</v>
      </c>
      <c r="GL20" s="327">
        <v>0</v>
      </c>
      <c r="GM20" s="327">
        <v>0</v>
      </c>
      <c r="GN20" s="327">
        <v>70000</v>
      </c>
      <c r="GO20" s="327">
        <v>0</v>
      </c>
      <c r="GP20" s="327">
        <v>0</v>
      </c>
      <c r="GQ20" s="328">
        <v>70000</v>
      </c>
      <c r="GR20" s="330">
        <v>70000</v>
      </c>
      <c r="GS20" s="326">
        <v>17017</v>
      </c>
      <c r="GT20" s="327">
        <v>0</v>
      </c>
      <c r="GU20" s="328">
        <v>17017</v>
      </c>
      <c r="GV20" s="326">
        <v>0</v>
      </c>
      <c r="GW20" s="327">
        <v>0</v>
      </c>
      <c r="GX20" s="327">
        <v>0</v>
      </c>
      <c r="GY20" s="327">
        <v>0</v>
      </c>
      <c r="GZ20" s="327">
        <v>0</v>
      </c>
      <c r="HA20" s="327">
        <v>0</v>
      </c>
      <c r="HB20" s="331">
        <v>0</v>
      </c>
      <c r="HC20" s="330">
        <v>17017</v>
      </c>
      <c r="HD20" s="326">
        <v>53431</v>
      </c>
      <c r="HE20" s="327">
        <v>340941</v>
      </c>
      <c r="HF20" s="331">
        <v>394372</v>
      </c>
      <c r="HG20" s="332">
        <v>0</v>
      </c>
      <c r="HH20" s="327">
        <v>603051</v>
      </c>
      <c r="HI20" s="327">
        <v>757494</v>
      </c>
      <c r="HJ20" s="327">
        <v>361889</v>
      </c>
      <c r="HK20" s="327">
        <v>587310</v>
      </c>
      <c r="HL20" s="327">
        <v>847781</v>
      </c>
      <c r="HM20" s="328">
        <v>3157525</v>
      </c>
      <c r="HN20" s="329">
        <v>3551897</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294684</v>
      </c>
      <c r="IE20" s="357">
        <v>433418</v>
      </c>
      <c r="IF20" s="358">
        <v>62061</v>
      </c>
      <c r="IG20" s="356">
        <v>340106</v>
      </c>
      <c r="IH20" s="358">
        <v>153740</v>
      </c>
      <c r="II20" s="359">
        <v>1284009</v>
      </c>
      <c r="IJ20" s="358">
        <v>1284009</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294684</v>
      </c>
      <c r="JL20" s="345">
        <v>433418</v>
      </c>
      <c r="JM20" s="345">
        <v>62061</v>
      </c>
      <c r="JN20" s="345">
        <v>110614</v>
      </c>
      <c r="JO20" s="345">
        <v>153740</v>
      </c>
      <c r="JP20" s="349">
        <v>1054517</v>
      </c>
      <c r="JQ20" s="347">
        <v>1054517</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0</v>
      </c>
      <c r="KT20" s="345">
        <v>0</v>
      </c>
      <c r="KU20" s="345">
        <v>229492</v>
      </c>
      <c r="KV20" s="345">
        <v>0</v>
      </c>
      <c r="KW20" s="349">
        <v>229492</v>
      </c>
      <c r="KX20" s="347">
        <v>229492</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322462</v>
      </c>
      <c r="ML20" s="345">
        <v>500116</v>
      </c>
      <c r="MM20" s="345">
        <v>261711</v>
      </c>
      <c r="MN20" s="345">
        <v>762773</v>
      </c>
      <c r="MO20" s="349">
        <v>1847062</v>
      </c>
      <c r="MP20" s="354">
        <v>1847062</v>
      </c>
      <c r="MQ20" s="348">
        <v>0</v>
      </c>
      <c r="MR20" s="345">
        <v>0</v>
      </c>
      <c r="MS20" s="349">
        <v>0</v>
      </c>
      <c r="MT20" s="404">
        <v>0</v>
      </c>
      <c r="MU20" s="345">
        <v>0</v>
      </c>
      <c r="MV20" s="345">
        <v>0</v>
      </c>
      <c r="MW20" s="345">
        <v>0</v>
      </c>
      <c r="MX20" s="345">
        <v>0</v>
      </c>
      <c r="MY20" s="345">
        <v>762773</v>
      </c>
      <c r="MZ20" s="349">
        <v>762773</v>
      </c>
      <c r="NA20" s="354">
        <v>762773</v>
      </c>
      <c r="NB20" s="348">
        <v>0</v>
      </c>
      <c r="NC20" s="345">
        <v>0</v>
      </c>
      <c r="ND20" s="349">
        <v>0</v>
      </c>
      <c r="NE20" s="404">
        <v>0</v>
      </c>
      <c r="NF20" s="345">
        <v>0</v>
      </c>
      <c r="NG20" s="345">
        <v>322462</v>
      </c>
      <c r="NH20" s="345">
        <v>500116</v>
      </c>
      <c r="NI20" s="345">
        <v>261711</v>
      </c>
      <c r="NJ20" s="345">
        <v>0</v>
      </c>
      <c r="NK20" s="349">
        <v>1084289</v>
      </c>
      <c r="NL20" s="347">
        <v>1084289</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71498</v>
      </c>
      <c r="OJ20" s="345">
        <v>391124</v>
      </c>
      <c r="OK20" s="346">
        <v>462622</v>
      </c>
      <c r="OL20" s="351">
        <v>0</v>
      </c>
      <c r="OM20" s="345">
        <v>1412921</v>
      </c>
      <c r="ON20" s="345">
        <v>2496098</v>
      </c>
      <c r="OO20" s="345">
        <v>1747036</v>
      </c>
      <c r="OP20" s="345">
        <v>2246501</v>
      </c>
      <c r="OQ20" s="345">
        <v>2416710</v>
      </c>
      <c r="OR20" s="349">
        <v>10319266</v>
      </c>
      <c r="OS20" s="354">
        <v>10781888</v>
      </c>
    </row>
    <row r="21" spans="2:409" s="70" customFormat="1" ht="21" customHeight="1" x14ac:dyDescent="0.2">
      <c r="B21" s="106" t="s">
        <v>16</v>
      </c>
      <c r="C21" s="326">
        <v>419834</v>
      </c>
      <c r="D21" s="327">
        <v>513582</v>
      </c>
      <c r="E21" s="328">
        <v>933416</v>
      </c>
      <c r="F21" s="329">
        <v>0</v>
      </c>
      <c r="G21" s="327">
        <v>2953932</v>
      </c>
      <c r="H21" s="327">
        <v>5639533</v>
      </c>
      <c r="I21" s="327">
        <v>3784972</v>
      </c>
      <c r="J21" s="327">
        <v>3893161</v>
      </c>
      <c r="K21" s="327">
        <v>1943565</v>
      </c>
      <c r="L21" s="329">
        <v>18215163</v>
      </c>
      <c r="M21" s="330">
        <v>19148579</v>
      </c>
      <c r="N21" s="326">
        <v>88672</v>
      </c>
      <c r="O21" s="327">
        <v>140037</v>
      </c>
      <c r="P21" s="328">
        <v>228709</v>
      </c>
      <c r="Q21" s="326">
        <v>0</v>
      </c>
      <c r="R21" s="327">
        <v>399765</v>
      </c>
      <c r="S21" s="327">
        <v>1848449</v>
      </c>
      <c r="T21" s="327">
        <v>861895</v>
      </c>
      <c r="U21" s="327">
        <v>1059917</v>
      </c>
      <c r="V21" s="327">
        <v>538704</v>
      </c>
      <c r="W21" s="328">
        <v>4708730</v>
      </c>
      <c r="X21" s="330">
        <v>4937439</v>
      </c>
      <c r="Y21" s="326">
        <v>0</v>
      </c>
      <c r="Z21" s="327">
        <v>0</v>
      </c>
      <c r="AA21" s="328">
        <v>0</v>
      </c>
      <c r="AB21" s="326">
        <v>0</v>
      </c>
      <c r="AC21" s="327">
        <v>107408</v>
      </c>
      <c r="AD21" s="327">
        <v>1120677</v>
      </c>
      <c r="AE21" s="327">
        <v>241057</v>
      </c>
      <c r="AF21" s="327">
        <v>401367</v>
      </c>
      <c r="AG21" s="327">
        <v>194296</v>
      </c>
      <c r="AH21" s="328">
        <v>2064805</v>
      </c>
      <c r="AI21" s="330">
        <v>2064805</v>
      </c>
      <c r="AJ21" s="326">
        <v>0</v>
      </c>
      <c r="AK21" s="327">
        <v>0</v>
      </c>
      <c r="AL21" s="328">
        <v>0</v>
      </c>
      <c r="AM21" s="326">
        <v>0</v>
      </c>
      <c r="AN21" s="327">
        <v>0</v>
      </c>
      <c r="AO21" s="327">
        <v>0</v>
      </c>
      <c r="AP21" s="327">
        <v>0</v>
      </c>
      <c r="AQ21" s="327">
        <v>50051</v>
      </c>
      <c r="AR21" s="327">
        <v>90094</v>
      </c>
      <c r="AS21" s="328">
        <v>140145</v>
      </c>
      <c r="AT21" s="330">
        <v>140145</v>
      </c>
      <c r="AU21" s="326">
        <v>39603</v>
      </c>
      <c r="AV21" s="327">
        <v>140037</v>
      </c>
      <c r="AW21" s="328">
        <v>179640</v>
      </c>
      <c r="AX21" s="326">
        <v>0</v>
      </c>
      <c r="AY21" s="327">
        <v>140835</v>
      </c>
      <c r="AZ21" s="327">
        <v>489462</v>
      </c>
      <c r="BA21" s="327">
        <v>424663</v>
      </c>
      <c r="BB21" s="327">
        <v>482401</v>
      </c>
      <c r="BC21" s="327">
        <v>135688</v>
      </c>
      <c r="BD21" s="328">
        <v>1673049</v>
      </c>
      <c r="BE21" s="330">
        <v>1852689</v>
      </c>
      <c r="BF21" s="326">
        <v>7657</v>
      </c>
      <c r="BG21" s="327">
        <v>0</v>
      </c>
      <c r="BH21" s="331">
        <v>7657</v>
      </c>
      <c r="BI21" s="332">
        <v>0</v>
      </c>
      <c r="BJ21" s="327">
        <v>0</v>
      </c>
      <c r="BK21" s="327">
        <v>46125</v>
      </c>
      <c r="BL21" s="327">
        <v>27650</v>
      </c>
      <c r="BM21" s="327">
        <v>0</v>
      </c>
      <c r="BN21" s="327">
        <v>34563</v>
      </c>
      <c r="BO21" s="328">
        <v>108338</v>
      </c>
      <c r="BP21" s="330">
        <v>115995</v>
      </c>
      <c r="BQ21" s="326">
        <v>41412</v>
      </c>
      <c r="BR21" s="327">
        <v>0</v>
      </c>
      <c r="BS21" s="328">
        <v>41412</v>
      </c>
      <c r="BT21" s="326">
        <v>0</v>
      </c>
      <c r="BU21" s="327">
        <v>151522</v>
      </c>
      <c r="BV21" s="327">
        <v>192185</v>
      </c>
      <c r="BW21" s="327">
        <v>168525</v>
      </c>
      <c r="BX21" s="327">
        <v>126098</v>
      </c>
      <c r="BY21" s="327">
        <v>84063</v>
      </c>
      <c r="BZ21" s="328">
        <v>722393</v>
      </c>
      <c r="CA21" s="330">
        <v>763805</v>
      </c>
      <c r="CB21" s="326">
        <v>36776</v>
      </c>
      <c r="CC21" s="327">
        <v>171819</v>
      </c>
      <c r="CD21" s="328">
        <v>208595</v>
      </c>
      <c r="CE21" s="326">
        <v>0</v>
      </c>
      <c r="CF21" s="327">
        <v>1540747</v>
      </c>
      <c r="CG21" s="327">
        <v>2056953</v>
      </c>
      <c r="CH21" s="327">
        <v>698898</v>
      </c>
      <c r="CI21" s="327">
        <v>633971</v>
      </c>
      <c r="CJ21" s="327">
        <v>174602</v>
      </c>
      <c r="CK21" s="328">
        <v>5105171</v>
      </c>
      <c r="CL21" s="330">
        <v>5313766</v>
      </c>
      <c r="CM21" s="326">
        <v>0</v>
      </c>
      <c r="CN21" s="327">
        <v>0</v>
      </c>
      <c r="CO21" s="328">
        <v>0</v>
      </c>
      <c r="CP21" s="332">
        <v>0</v>
      </c>
      <c r="CQ21" s="327">
        <v>1089270</v>
      </c>
      <c r="CR21" s="327">
        <v>1065114</v>
      </c>
      <c r="CS21" s="327">
        <v>334866</v>
      </c>
      <c r="CT21" s="327">
        <v>454203</v>
      </c>
      <c r="CU21" s="327">
        <v>75958</v>
      </c>
      <c r="CV21" s="328">
        <v>3019411</v>
      </c>
      <c r="CW21" s="330">
        <v>3019411</v>
      </c>
      <c r="CX21" s="326">
        <v>36776</v>
      </c>
      <c r="CY21" s="327">
        <v>171819</v>
      </c>
      <c r="CZ21" s="328">
        <v>208595</v>
      </c>
      <c r="DA21" s="326">
        <v>0</v>
      </c>
      <c r="DB21" s="327">
        <v>451477</v>
      </c>
      <c r="DC21" s="327">
        <v>991839</v>
      </c>
      <c r="DD21" s="327">
        <v>364032</v>
      </c>
      <c r="DE21" s="327">
        <v>179768</v>
      </c>
      <c r="DF21" s="327">
        <v>98644</v>
      </c>
      <c r="DG21" s="328">
        <v>2085760</v>
      </c>
      <c r="DH21" s="330">
        <v>2294355</v>
      </c>
      <c r="DI21" s="326">
        <v>0</v>
      </c>
      <c r="DJ21" s="327">
        <v>0</v>
      </c>
      <c r="DK21" s="331">
        <v>0</v>
      </c>
      <c r="DL21" s="332">
        <v>0</v>
      </c>
      <c r="DM21" s="327">
        <v>0</v>
      </c>
      <c r="DN21" s="327">
        <v>388521</v>
      </c>
      <c r="DO21" s="327">
        <v>90727</v>
      </c>
      <c r="DP21" s="327">
        <v>84008</v>
      </c>
      <c r="DQ21" s="327">
        <v>0</v>
      </c>
      <c r="DR21" s="328">
        <v>563256</v>
      </c>
      <c r="DS21" s="330">
        <v>563256</v>
      </c>
      <c r="DT21" s="326">
        <v>0</v>
      </c>
      <c r="DU21" s="327">
        <v>0</v>
      </c>
      <c r="DV21" s="328">
        <v>0</v>
      </c>
      <c r="DW21" s="326">
        <v>0</v>
      </c>
      <c r="DX21" s="327">
        <v>0</v>
      </c>
      <c r="DY21" s="327">
        <v>223743</v>
      </c>
      <c r="DZ21" s="327">
        <v>90727</v>
      </c>
      <c r="EA21" s="327">
        <v>84008</v>
      </c>
      <c r="EB21" s="327">
        <v>0</v>
      </c>
      <c r="EC21" s="328">
        <v>398478</v>
      </c>
      <c r="ED21" s="330">
        <v>398478</v>
      </c>
      <c r="EE21" s="326">
        <v>0</v>
      </c>
      <c r="EF21" s="331">
        <v>0</v>
      </c>
      <c r="EG21" s="328">
        <v>0</v>
      </c>
      <c r="EH21" s="326">
        <v>0</v>
      </c>
      <c r="EI21" s="327">
        <v>0</v>
      </c>
      <c r="EJ21" s="327">
        <v>164778</v>
      </c>
      <c r="EK21" s="327">
        <v>0</v>
      </c>
      <c r="EL21" s="327">
        <v>0</v>
      </c>
      <c r="EM21" s="327">
        <v>0</v>
      </c>
      <c r="EN21" s="331">
        <v>164778</v>
      </c>
      <c r="EO21" s="330">
        <v>164778</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91742</v>
      </c>
      <c r="FM21" s="327">
        <v>201726</v>
      </c>
      <c r="FN21" s="328">
        <v>293468</v>
      </c>
      <c r="FO21" s="326">
        <v>0</v>
      </c>
      <c r="FP21" s="327">
        <v>97349</v>
      </c>
      <c r="FQ21" s="327">
        <v>527590</v>
      </c>
      <c r="FR21" s="327">
        <v>202475</v>
      </c>
      <c r="FS21" s="327">
        <v>246645</v>
      </c>
      <c r="FT21" s="327">
        <v>194446</v>
      </c>
      <c r="FU21" s="328">
        <v>1268505</v>
      </c>
      <c r="FV21" s="330">
        <v>1561973</v>
      </c>
      <c r="FW21" s="333">
        <v>34286</v>
      </c>
      <c r="FX21" s="327">
        <v>61726</v>
      </c>
      <c r="FY21" s="331">
        <v>96012</v>
      </c>
      <c r="FZ21" s="332">
        <v>0</v>
      </c>
      <c r="GA21" s="327">
        <v>97349</v>
      </c>
      <c r="GB21" s="327">
        <v>457590</v>
      </c>
      <c r="GC21" s="327">
        <v>202475</v>
      </c>
      <c r="GD21" s="327">
        <v>246645</v>
      </c>
      <c r="GE21" s="327">
        <v>194446</v>
      </c>
      <c r="GF21" s="328">
        <v>1198505</v>
      </c>
      <c r="GG21" s="334">
        <v>1294517</v>
      </c>
      <c r="GH21" s="333">
        <v>25256</v>
      </c>
      <c r="GI21" s="327">
        <v>0</v>
      </c>
      <c r="GJ21" s="331">
        <v>25256</v>
      </c>
      <c r="GK21" s="332">
        <v>0</v>
      </c>
      <c r="GL21" s="327">
        <v>0</v>
      </c>
      <c r="GM21" s="327">
        <v>70000</v>
      </c>
      <c r="GN21" s="327">
        <v>0</v>
      </c>
      <c r="GO21" s="327">
        <v>0</v>
      </c>
      <c r="GP21" s="327">
        <v>0</v>
      </c>
      <c r="GQ21" s="328">
        <v>70000</v>
      </c>
      <c r="GR21" s="330">
        <v>95256</v>
      </c>
      <c r="GS21" s="326">
        <v>32200</v>
      </c>
      <c r="GT21" s="327">
        <v>140000</v>
      </c>
      <c r="GU21" s="328">
        <v>172200</v>
      </c>
      <c r="GV21" s="326">
        <v>0</v>
      </c>
      <c r="GW21" s="327">
        <v>0</v>
      </c>
      <c r="GX21" s="327">
        <v>0</v>
      </c>
      <c r="GY21" s="327">
        <v>0</v>
      </c>
      <c r="GZ21" s="327">
        <v>0</v>
      </c>
      <c r="HA21" s="327">
        <v>0</v>
      </c>
      <c r="HB21" s="331">
        <v>0</v>
      </c>
      <c r="HC21" s="330">
        <v>172200</v>
      </c>
      <c r="HD21" s="326">
        <v>202644</v>
      </c>
      <c r="HE21" s="327">
        <v>0</v>
      </c>
      <c r="HF21" s="331">
        <v>202644</v>
      </c>
      <c r="HG21" s="332">
        <v>0</v>
      </c>
      <c r="HH21" s="327">
        <v>916071</v>
      </c>
      <c r="HI21" s="327">
        <v>818020</v>
      </c>
      <c r="HJ21" s="327">
        <v>1930977</v>
      </c>
      <c r="HK21" s="327">
        <v>1868620</v>
      </c>
      <c r="HL21" s="327">
        <v>1035813</v>
      </c>
      <c r="HM21" s="328">
        <v>6569501</v>
      </c>
      <c r="HN21" s="329">
        <v>6772145</v>
      </c>
      <c r="HO21" s="333">
        <v>0</v>
      </c>
      <c r="HP21" s="327">
        <v>0</v>
      </c>
      <c r="HQ21" s="328">
        <v>0</v>
      </c>
      <c r="HR21" s="326">
        <v>0</v>
      </c>
      <c r="HS21" s="327">
        <v>0</v>
      </c>
      <c r="HT21" s="327">
        <v>0</v>
      </c>
      <c r="HU21" s="327">
        <v>0</v>
      </c>
      <c r="HV21" s="327">
        <v>0</v>
      </c>
      <c r="HW21" s="327">
        <v>0</v>
      </c>
      <c r="HX21" s="331">
        <v>0</v>
      </c>
      <c r="HY21" s="330">
        <v>0</v>
      </c>
      <c r="HZ21" s="335">
        <v>0</v>
      </c>
      <c r="IA21" s="336">
        <v>62888</v>
      </c>
      <c r="IB21" s="337">
        <v>62888</v>
      </c>
      <c r="IC21" s="338">
        <v>0</v>
      </c>
      <c r="ID21" s="336">
        <v>728759</v>
      </c>
      <c r="IE21" s="339">
        <v>1449064</v>
      </c>
      <c r="IF21" s="337">
        <v>586161</v>
      </c>
      <c r="IG21" s="336">
        <v>370096</v>
      </c>
      <c r="IH21" s="337">
        <v>253048</v>
      </c>
      <c r="II21" s="340">
        <v>3387128</v>
      </c>
      <c r="IJ21" s="341">
        <v>3450016</v>
      </c>
      <c r="IK21" s="342">
        <v>0</v>
      </c>
      <c r="IL21" s="343">
        <v>0</v>
      </c>
      <c r="IM21" s="344">
        <v>0</v>
      </c>
      <c r="IN21" s="404">
        <v>0</v>
      </c>
      <c r="IO21" s="345">
        <v>0</v>
      </c>
      <c r="IP21" s="345">
        <v>0</v>
      </c>
      <c r="IQ21" s="345">
        <v>0</v>
      </c>
      <c r="IR21" s="345">
        <v>330450</v>
      </c>
      <c r="IS21" s="345">
        <v>0</v>
      </c>
      <c r="IT21" s="346">
        <v>330450</v>
      </c>
      <c r="IU21" s="347">
        <v>330450</v>
      </c>
      <c r="IV21" s="348">
        <v>0</v>
      </c>
      <c r="IW21" s="345">
        <v>0</v>
      </c>
      <c r="IX21" s="349">
        <v>0</v>
      </c>
      <c r="IY21" s="404">
        <v>0</v>
      </c>
      <c r="IZ21" s="345">
        <v>0</v>
      </c>
      <c r="JA21" s="345">
        <v>0</v>
      </c>
      <c r="JB21" s="345">
        <v>0</v>
      </c>
      <c r="JC21" s="345">
        <v>14025</v>
      </c>
      <c r="JD21" s="345">
        <v>0</v>
      </c>
      <c r="JE21" s="349">
        <v>14025</v>
      </c>
      <c r="JF21" s="350">
        <v>14025</v>
      </c>
      <c r="JG21" s="348">
        <v>0</v>
      </c>
      <c r="JH21" s="345">
        <v>0</v>
      </c>
      <c r="JI21" s="346">
        <v>0</v>
      </c>
      <c r="JJ21" s="351">
        <v>0</v>
      </c>
      <c r="JK21" s="345">
        <v>284137</v>
      </c>
      <c r="JL21" s="345">
        <v>383711</v>
      </c>
      <c r="JM21" s="345">
        <v>491269</v>
      </c>
      <c r="JN21" s="345">
        <v>25621</v>
      </c>
      <c r="JO21" s="345">
        <v>0</v>
      </c>
      <c r="JP21" s="349">
        <v>1184738</v>
      </c>
      <c r="JQ21" s="347">
        <v>1184738</v>
      </c>
      <c r="JR21" s="348">
        <v>0</v>
      </c>
      <c r="JS21" s="345">
        <v>0</v>
      </c>
      <c r="JT21" s="346">
        <v>0</v>
      </c>
      <c r="JU21" s="351">
        <v>0</v>
      </c>
      <c r="JV21" s="345">
        <v>34231</v>
      </c>
      <c r="JW21" s="345">
        <v>136318</v>
      </c>
      <c r="JX21" s="345">
        <v>94892</v>
      </c>
      <c r="JY21" s="345">
        <v>0</v>
      </c>
      <c r="JZ21" s="345">
        <v>0</v>
      </c>
      <c r="KA21" s="349">
        <v>265441</v>
      </c>
      <c r="KB21" s="347">
        <v>265441</v>
      </c>
      <c r="KC21" s="352">
        <v>0</v>
      </c>
      <c r="KD21" s="353">
        <v>62888</v>
      </c>
      <c r="KE21" s="349">
        <v>62888</v>
      </c>
      <c r="KF21" s="351">
        <v>0</v>
      </c>
      <c r="KG21" s="345">
        <v>205858</v>
      </c>
      <c r="KH21" s="345">
        <v>160477</v>
      </c>
      <c r="KI21" s="345">
        <v>0</v>
      </c>
      <c r="KJ21" s="345">
        <v>0</v>
      </c>
      <c r="KK21" s="345">
        <v>253048</v>
      </c>
      <c r="KL21" s="349">
        <v>619383</v>
      </c>
      <c r="KM21" s="354">
        <v>682271</v>
      </c>
      <c r="KN21" s="342">
        <v>0</v>
      </c>
      <c r="KO21" s="343">
        <v>0</v>
      </c>
      <c r="KP21" s="344">
        <v>0</v>
      </c>
      <c r="KQ21" s="404">
        <v>0</v>
      </c>
      <c r="KR21" s="345">
        <v>204533</v>
      </c>
      <c r="KS21" s="345">
        <v>768558</v>
      </c>
      <c r="KT21" s="345">
        <v>0</v>
      </c>
      <c r="KU21" s="345">
        <v>0</v>
      </c>
      <c r="KV21" s="345">
        <v>0</v>
      </c>
      <c r="KW21" s="349">
        <v>973091</v>
      </c>
      <c r="KX21" s="347">
        <v>973091</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200817</v>
      </c>
      <c r="MK21" s="345">
        <v>444415</v>
      </c>
      <c r="ML21" s="345">
        <v>2041839</v>
      </c>
      <c r="MM21" s="345">
        <v>2923061</v>
      </c>
      <c r="MN21" s="345">
        <v>756784</v>
      </c>
      <c r="MO21" s="349">
        <v>6366916</v>
      </c>
      <c r="MP21" s="354">
        <v>6366916</v>
      </c>
      <c r="MQ21" s="348">
        <v>0</v>
      </c>
      <c r="MR21" s="345">
        <v>0</v>
      </c>
      <c r="MS21" s="349">
        <v>0</v>
      </c>
      <c r="MT21" s="404">
        <v>0</v>
      </c>
      <c r="MU21" s="345">
        <v>0</v>
      </c>
      <c r="MV21" s="345">
        <v>0</v>
      </c>
      <c r="MW21" s="345">
        <v>1285789</v>
      </c>
      <c r="MX21" s="345">
        <v>1810660</v>
      </c>
      <c r="MY21" s="345">
        <v>756784</v>
      </c>
      <c r="MZ21" s="349">
        <v>3853233</v>
      </c>
      <c r="NA21" s="354">
        <v>3853233</v>
      </c>
      <c r="NB21" s="348">
        <v>0</v>
      </c>
      <c r="NC21" s="345">
        <v>0</v>
      </c>
      <c r="ND21" s="349">
        <v>0</v>
      </c>
      <c r="NE21" s="404">
        <v>0</v>
      </c>
      <c r="NF21" s="345">
        <v>200817</v>
      </c>
      <c r="NG21" s="345">
        <v>444415</v>
      </c>
      <c r="NH21" s="345">
        <v>756050</v>
      </c>
      <c r="NI21" s="345">
        <v>1112401</v>
      </c>
      <c r="NJ21" s="345">
        <v>0</v>
      </c>
      <c r="NK21" s="349">
        <v>2513683</v>
      </c>
      <c r="NL21" s="347">
        <v>2513683</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0</v>
      </c>
      <c r="OG21" s="349">
        <v>0</v>
      </c>
      <c r="OH21" s="350">
        <v>0</v>
      </c>
      <c r="OI21" s="348">
        <v>419834</v>
      </c>
      <c r="OJ21" s="345">
        <v>576470</v>
      </c>
      <c r="OK21" s="346">
        <v>996304</v>
      </c>
      <c r="OL21" s="351">
        <v>0</v>
      </c>
      <c r="OM21" s="345">
        <v>3883508</v>
      </c>
      <c r="ON21" s="345">
        <v>7533012</v>
      </c>
      <c r="OO21" s="345">
        <v>6412972</v>
      </c>
      <c r="OP21" s="345">
        <v>7186318</v>
      </c>
      <c r="OQ21" s="345">
        <v>2953397</v>
      </c>
      <c r="OR21" s="349">
        <v>27969207</v>
      </c>
      <c r="OS21" s="354">
        <v>28965511</v>
      </c>
    </row>
    <row r="22" spans="2:409" s="70" customFormat="1" ht="21" customHeight="1" x14ac:dyDescent="0.2">
      <c r="B22" s="106" t="s">
        <v>17</v>
      </c>
      <c r="C22" s="326">
        <v>565224</v>
      </c>
      <c r="D22" s="327">
        <v>1018156</v>
      </c>
      <c r="E22" s="328">
        <v>1583380</v>
      </c>
      <c r="F22" s="329">
        <v>0</v>
      </c>
      <c r="G22" s="327">
        <v>4632607</v>
      </c>
      <c r="H22" s="327">
        <v>8705334</v>
      </c>
      <c r="I22" s="327">
        <v>6833895</v>
      </c>
      <c r="J22" s="327">
        <v>5896153</v>
      </c>
      <c r="K22" s="327">
        <v>3673911</v>
      </c>
      <c r="L22" s="329">
        <v>29741900</v>
      </c>
      <c r="M22" s="330">
        <v>31325280</v>
      </c>
      <c r="N22" s="326">
        <v>161451</v>
      </c>
      <c r="O22" s="327">
        <v>293334</v>
      </c>
      <c r="P22" s="328">
        <v>454785</v>
      </c>
      <c r="Q22" s="326">
        <v>0</v>
      </c>
      <c r="R22" s="327">
        <v>1033892</v>
      </c>
      <c r="S22" s="327">
        <v>2621212</v>
      </c>
      <c r="T22" s="327">
        <v>3032477</v>
      </c>
      <c r="U22" s="327">
        <v>1602841</v>
      </c>
      <c r="V22" s="327">
        <v>1331663</v>
      </c>
      <c r="W22" s="328">
        <v>9622085</v>
      </c>
      <c r="X22" s="330">
        <v>10076870</v>
      </c>
      <c r="Y22" s="326">
        <v>0</v>
      </c>
      <c r="Z22" s="327">
        <v>0</v>
      </c>
      <c r="AA22" s="328">
        <v>0</v>
      </c>
      <c r="AB22" s="326">
        <v>0</v>
      </c>
      <c r="AC22" s="327">
        <v>522713</v>
      </c>
      <c r="AD22" s="327">
        <v>1073057</v>
      </c>
      <c r="AE22" s="327">
        <v>1778241</v>
      </c>
      <c r="AF22" s="327">
        <v>635090</v>
      </c>
      <c r="AG22" s="327">
        <v>842994</v>
      </c>
      <c r="AH22" s="328">
        <v>4852095</v>
      </c>
      <c r="AI22" s="330">
        <v>4852095</v>
      </c>
      <c r="AJ22" s="326">
        <v>0</v>
      </c>
      <c r="AK22" s="327">
        <v>0</v>
      </c>
      <c r="AL22" s="328">
        <v>0</v>
      </c>
      <c r="AM22" s="326">
        <v>0</v>
      </c>
      <c r="AN22" s="327">
        <v>0</v>
      </c>
      <c r="AO22" s="327">
        <v>12335</v>
      </c>
      <c r="AP22" s="327">
        <v>31171</v>
      </c>
      <c r="AQ22" s="327">
        <v>159389</v>
      </c>
      <c r="AR22" s="327">
        <v>95534</v>
      </c>
      <c r="AS22" s="328">
        <v>298429</v>
      </c>
      <c r="AT22" s="330">
        <v>298429</v>
      </c>
      <c r="AU22" s="326">
        <v>78227</v>
      </c>
      <c r="AV22" s="327">
        <v>249017</v>
      </c>
      <c r="AW22" s="328">
        <v>327244</v>
      </c>
      <c r="AX22" s="326">
        <v>0</v>
      </c>
      <c r="AY22" s="327">
        <v>267796</v>
      </c>
      <c r="AZ22" s="327">
        <v>1091577</v>
      </c>
      <c r="BA22" s="327">
        <v>701428</v>
      </c>
      <c r="BB22" s="327">
        <v>467874</v>
      </c>
      <c r="BC22" s="327">
        <v>186362</v>
      </c>
      <c r="BD22" s="328">
        <v>2715037</v>
      </c>
      <c r="BE22" s="330">
        <v>3042281</v>
      </c>
      <c r="BF22" s="326">
        <v>35071</v>
      </c>
      <c r="BG22" s="327">
        <v>0</v>
      </c>
      <c r="BH22" s="331">
        <v>35071</v>
      </c>
      <c r="BI22" s="332">
        <v>0</v>
      </c>
      <c r="BJ22" s="327">
        <v>0</v>
      </c>
      <c r="BK22" s="327">
        <v>128851</v>
      </c>
      <c r="BL22" s="327">
        <v>144393</v>
      </c>
      <c r="BM22" s="327">
        <v>72094</v>
      </c>
      <c r="BN22" s="327">
        <v>0</v>
      </c>
      <c r="BO22" s="328">
        <v>345338</v>
      </c>
      <c r="BP22" s="330">
        <v>380409</v>
      </c>
      <c r="BQ22" s="326">
        <v>48153</v>
      </c>
      <c r="BR22" s="327">
        <v>44317</v>
      </c>
      <c r="BS22" s="328">
        <v>92470</v>
      </c>
      <c r="BT22" s="326">
        <v>0</v>
      </c>
      <c r="BU22" s="327">
        <v>243383</v>
      </c>
      <c r="BV22" s="327">
        <v>315392</v>
      </c>
      <c r="BW22" s="327">
        <v>377244</v>
      </c>
      <c r="BX22" s="327">
        <v>268394</v>
      </c>
      <c r="BY22" s="327">
        <v>206773</v>
      </c>
      <c r="BZ22" s="328">
        <v>1411186</v>
      </c>
      <c r="CA22" s="330">
        <v>1503656</v>
      </c>
      <c r="CB22" s="326">
        <v>75945</v>
      </c>
      <c r="CC22" s="327">
        <v>139807</v>
      </c>
      <c r="CD22" s="328">
        <v>215752</v>
      </c>
      <c r="CE22" s="326">
        <v>0</v>
      </c>
      <c r="CF22" s="327">
        <v>1108404</v>
      </c>
      <c r="CG22" s="327">
        <v>2663212</v>
      </c>
      <c r="CH22" s="327">
        <v>1484370</v>
      </c>
      <c r="CI22" s="327">
        <v>1583561</v>
      </c>
      <c r="CJ22" s="327">
        <v>328752</v>
      </c>
      <c r="CK22" s="328">
        <v>7168299</v>
      </c>
      <c r="CL22" s="330">
        <v>7384051</v>
      </c>
      <c r="CM22" s="326">
        <v>0</v>
      </c>
      <c r="CN22" s="327">
        <v>0</v>
      </c>
      <c r="CO22" s="328">
        <v>0</v>
      </c>
      <c r="CP22" s="332">
        <v>0</v>
      </c>
      <c r="CQ22" s="327">
        <v>922620</v>
      </c>
      <c r="CR22" s="327">
        <v>1877150</v>
      </c>
      <c r="CS22" s="327">
        <v>941230</v>
      </c>
      <c r="CT22" s="327">
        <v>1046246</v>
      </c>
      <c r="CU22" s="327">
        <v>263780</v>
      </c>
      <c r="CV22" s="328">
        <v>5051026</v>
      </c>
      <c r="CW22" s="330">
        <v>5051026</v>
      </c>
      <c r="CX22" s="326">
        <v>75945</v>
      </c>
      <c r="CY22" s="327">
        <v>139807</v>
      </c>
      <c r="CZ22" s="328">
        <v>215752</v>
      </c>
      <c r="DA22" s="326">
        <v>0</v>
      </c>
      <c r="DB22" s="327">
        <v>185784</v>
      </c>
      <c r="DC22" s="327">
        <v>786062</v>
      </c>
      <c r="DD22" s="327">
        <v>543140</v>
      </c>
      <c r="DE22" s="327">
        <v>537315</v>
      </c>
      <c r="DF22" s="327">
        <v>64972</v>
      </c>
      <c r="DG22" s="328">
        <v>2117273</v>
      </c>
      <c r="DH22" s="330">
        <v>2333025</v>
      </c>
      <c r="DI22" s="326">
        <v>0</v>
      </c>
      <c r="DJ22" s="327">
        <v>37055</v>
      </c>
      <c r="DK22" s="331">
        <v>37055</v>
      </c>
      <c r="DL22" s="332">
        <v>0</v>
      </c>
      <c r="DM22" s="327">
        <v>43688</v>
      </c>
      <c r="DN22" s="327">
        <v>353433</v>
      </c>
      <c r="DO22" s="327">
        <v>215420</v>
      </c>
      <c r="DP22" s="327">
        <v>190515</v>
      </c>
      <c r="DQ22" s="327">
        <v>123994</v>
      </c>
      <c r="DR22" s="328">
        <v>927050</v>
      </c>
      <c r="DS22" s="330">
        <v>964105</v>
      </c>
      <c r="DT22" s="326">
        <v>0</v>
      </c>
      <c r="DU22" s="327">
        <v>37055</v>
      </c>
      <c r="DV22" s="328">
        <v>37055</v>
      </c>
      <c r="DW22" s="326">
        <v>0</v>
      </c>
      <c r="DX22" s="327">
        <v>43688</v>
      </c>
      <c r="DY22" s="327">
        <v>301394</v>
      </c>
      <c r="DZ22" s="327">
        <v>215420</v>
      </c>
      <c r="EA22" s="327">
        <v>190515</v>
      </c>
      <c r="EB22" s="327">
        <v>123994</v>
      </c>
      <c r="EC22" s="328">
        <v>875011</v>
      </c>
      <c r="ED22" s="330">
        <v>912066</v>
      </c>
      <c r="EE22" s="326">
        <v>0</v>
      </c>
      <c r="EF22" s="331">
        <v>0</v>
      </c>
      <c r="EG22" s="328">
        <v>0</v>
      </c>
      <c r="EH22" s="326">
        <v>0</v>
      </c>
      <c r="EI22" s="327">
        <v>0</v>
      </c>
      <c r="EJ22" s="327">
        <v>52039</v>
      </c>
      <c r="EK22" s="327">
        <v>0</v>
      </c>
      <c r="EL22" s="327">
        <v>0</v>
      </c>
      <c r="EM22" s="327">
        <v>0</v>
      </c>
      <c r="EN22" s="331">
        <v>52039</v>
      </c>
      <c r="EO22" s="330">
        <v>52039</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191072</v>
      </c>
      <c r="FM22" s="327">
        <v>131082</v>
      </c>
      <c r="FN22" s="328">
        <v>322154</v>
      </c>
      <c r="FO22" s="326">
        <v>0</v>
      </c>
      <c r="FP22" s="327">
        <v>306803</v>
      </c>
      <c r="FQ22" s="327">
        <v>566958</v>
      </c>
      <c r="FR22" s="327">
        <v>643867</v>
      </c>
      <c r="FS22" s="327">
        <v>445851</v>
      </c>
      <c r="FT22" s="327">
        <v>216384</v>
      </c>
      <c r="FU22" s="328">
        <v>2179863</v>
      </c>
      <c r="FV22" s="330">
        <v>2502017</v>
      </c>
      <c r="FW22" s="333">
        <v>51072</v>
      </c>
      <c r="FX22" s="327">
        <v>131082</v>
      </c>
      <c r="FY22" s="331">
        <v>182154</v>
      </c>
      <c r="FZ22" s="332">
        <v>0</v>
      </c>
      <c r="GA22" s="327">
        <v>128233</v>
      </c>
      <c r="GB22" s="327">
        <v>566958</v>
      </c>
      <c r="GC22" s="327">
        <v>623539</v>
      </c>
      <c r="GD22" s="327">
        <v>445851</v>
      </c>
      <c r="GE22" s="327">
        <v>216384</v>
      </c>
      <c r="GF22" s="328">
        <v>1980965</v>
      </c>
      <c r="GG22" s="334">
        <v>2163119</v>
      </c>
      <c r="GH22" s="333">
        <v>0</v>
      </c>
      <c r="GI22" s="327">
        <v>0</v>
      </c>
      <c r="GJ22" s="331">
        <v>0</v>
      </c>
      <c r="GK22" s="332">
        <v>0</v>
      </c>
      <c r="GL22" s="327">
        <v>32270</v>
      </c>
      <c r="GM22" s="327">
        <v>0</v>
      </c>
      <c r="GN22" s="327">
        <v>20328</v>
      </c>
      <c r="GO22" s="327">
        <v>0</v>
      </c>
      <c r="GP22" s="327">
        <v>0</v>
      </c>
      <c r="GQ22" s="328">
        <v>52598</v>
      </c>
      <c r="GR22" s="330">
        <v>52598</v>
      </c>
      <c r="GS22" s="326">
        <v>140000</v>
      </c>
      <c r="GT22" s="327">
        <v>0</v>
      </c>
      <c r="GU22" s="328">
        <v>140000</v>
      </c>
      <c r="GV22" s="326">
        <v>0</v>
      </c>
      <c r="GW22" s="327">
        <v>146300</v>
      </c>
      <c r="GX22" s="327">
        <v>0</v>
      </c>
      <c r="GY22" s="327">
        <v>0</v>
      </c>
      <c r="GZ22" s="327">
        <v>0</v>
      </c>
      <c r="HA22" s="327">
        <v>0</v>
      </c>
      <c r="HB22" s="331">
        <v>146300</v>
      </c>
      <c r="HC22" s="330">
        <v>286300</v>
      </c>
      <c r="HD22" s="326">
        <v>136756</v>
      </c>
      <c r="HE22" s="327">
        <v>416878</v>
      </c>
      <c r="HF22" s="331">
        <v>553634</v>
      </c>
      <c r="HG22" s="332">
        <v>0</v>
      </c>
      <c r="HH22" s="327">
        <v>2139820</v>
      </c>
      <c r="HI22" s="327">
        <v>2500519</v>
      </c>
      <c r="HJ22" s="327">
        <v>1457761</v>
      </c>
      <c r="HK22" s="327">
        <v>2073385</v>
      </c>
      <c r="HL22" s="327">
        <v>1673118</v>
      </c>
      <c r="HM22" s="328">
        <v>9844603</v>
      </c>
      <c r="HN22" s="329">
        <v>10398237</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295051</v>
      </c>
      <c r="IE22" s="357">
        <v>2124234</v>
      </c>
      <c r="IF22" s="358">
        <v>1608337</v>
      </c>
      <c r="IG22" s="356">
        <v>1681950</v>
      </c>
      <c r="IH22" s="358">
        <v>1344419</v>
      </c>
      <c r="II22" s="359">
        <v>8053991</v>
      </c>
      <c r="IJ22" s="358">
        <v>8053991</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27580</v>
      </c>
      <c r="JL22" s="345">
        <v>877719</v>
      </c>
      <c r="JM22" s="345">
        <v>692088</v>
      </c>
      <c r="JN22" s="345">
        <v>187824</v>
      </c>
      <c r="JO22" s="345">
        <v>97673</v>
      </c>
      <c r="JP22" s="349">
        <v>2782884</v>
      </c>
      <c r="JQ22" s="347">
        <v>2782884</v>
      </c>
      <c r="JR22" s="348">
        <v>0</v>
      </c>
      <c r="JS22" s="345">
        <v>0</v>
      </c>
      <c r="JT22" s="346">
        <v>0</v>
      </c>
      <c r="JU22" s="351">
        <v>0</v>
      </c>
      <c r="JV22" s="345">
        <v>38397</v>
      </c>
      <c r="JW22" s="345">
        <v>0</v>
      </c>
      <c r="JX22" s="345">
        <v>0</v>
      </c>
      <c r="JY22" s="345">
        <v>0</v>
      </c>
      <c r="JZ22" s="345">
        <v>0</v>
      </c>
      <c r="KA22" s="349">
        <v>38397</v>
      </c>
      <c r="KB22" s="347">
        <v>38397</v>
      </c>
      <c r="KC22" s="352">
        <v>0</v>
      </c>
      <c r="KD22" s="353">
        <v>0</v>
      </c>
      <c r="KE22" s="349">
        <v>0</v>
      </c>
      <c r="KF22" s="351">
        <v>0</v>
      </c>
      <c r="KG22" s="345">
        <v>116898</v>
      </c>
      <c r="KH22" s="345">
        <v>163081</v>
      </c>
      <c r="KI22" s="345">
        <v>0</v>
      </c>
      <c r="KJ22" s="345">
        <v>243994</v>
      </c>
      <c r="KK22" s="345">
        <v>0</v>
      </c>
      <c r="KL22" s="349">
        <v>523973</v>
      </c>
      <c r="KM22" s="354">
        <v>523973</v>
      </c>
      <c r="KN22" s="342">
        <v>0</v>
      </c>
      <c r="KO22" s="343">
        <v>0</v>
      </c>
      <c r="KP22" s="344">
        <v>0</v>
      </c>
      <c r="KQ22" s="404">
        <v>0</v>
      </c>
      <c r="KR22" s="345">
        <v>212176</v>
      </c>
      <c r="KS22" s="345">
        <v>1083434</v>
      </c>
      <c r="KT22" s="345">
        <v>690758</v>
      </c>
      <c r="KU22" s="345">
        <v>232809</v>
      </c>
      <c r="KV22" s="345">
        <v>721648</v>
      </c>
      <c r="KW22" s="349">
        <v>2940825</v>
      </c>
      <c r="KX22" s="347">
        <v>2940825</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5491</v>
      </c>
      <c r="LQ22" s="345">
        <v>732855</v>
      </c>
      <c r="LR22" s="345">
        <v>525098</v>
      </c>
      <c r="LS22" s="349">
        <v>1483444</v>
      </c>
      <c r="LT22" s="347">
        <v>1483444</v>
      </c>
      <c r="LU22" s="348">
        <v>0</v>
      </c>
      <c r="LV22" s="345">
        <v>0</v>
      </c>
      <c r="LW22" s="349">
        <v>0</v>
      </c>
      <c r="LX22" s="404">
        <v>0</v>
      </c>
      <c r="LY22" s="345">
        <v>0</v>
      </c>
      <c r="LZ22" s="345">
        <v>0</v>
      </c>
      <c r="MA22" s="345">
        <v>0</v>
      </c>
      <c r="MB22" s="345">
        <v>284468</v>
      </c>
      <c r="MC22" s="345">
        <v>0</v>
      </c>
      <c r="MD22" s="349">
        <v>284468</v>
      </c>
      <c r="ME22" s="350">
        <v>284468</v>
      </c>
      <c r="MF22" s="348">
        <v>0</v>
      </c>
      <c r="MG22" s="345">
        <v>0</v>
      </c>
      <c r="MH22" s="349">
        <v>0</v>
      </c>
      <c r="MI22" s="404">
        <v>0</v>
      </c>
      <c r="MJ22" s="345">
        <v>517277</v>
      </c>
      <c r="MK22" s="345">
        <v>1417401</v>
      </c>
      <c r="ML22" s="345">
        <v>5037099</v>
      </c>
      <c r="MM22" s="345">
        <v>2489695</v>
      </c>
      <c r="MN22" s="345">
        <v>4069786</v>
      </c>
      <c r="MO22" s="349">
        <v>13531258</v>
      </c>
      <c r="MP22" s="354">
        <v>13531258</v>
      </c>
      <c r="MQ22" s="348">
        <v>0</v>
      </c>
      <c r="MR22" s="345">
        <v>0</v>
      </c>
      <c r="MS22" s="349">
        <v>0</v>
      </c>
      <c r="MT22" s="404">
        <v>0</v>
      </c>
      <c r="MU22" s="345">
        <v>0</v>
      </c>
      <c r="MV22" s="345">
        <v>222126</v>
      </c>
      <c r="MW22" s="345">
        <v>1368665</v>
      </c>
      <c r="MX22" s="345">
        <v>1235847</v>
      </c>
      <c r="MY22" s="345">
        <v>2062292</v>
      </c>
      <c r="MZ22" s="349">
        <v>4888930</v>
      </c>
      <c r="NA22" s="354">
        <v>4888930</v>
      </c>
      <c r="NB22" s="348">
        <v>0</v>
      </c>
      <c r="NC22" s="345">
        <v>0</v>
      </c>
      <c r="ND22" s="349">
        <v>0</v>
      </c>
      <c r="NE22" s="404">
        <v>0</v>
      </c>
      <c r="NF22" s="345">
        <v>517277</v>
      </c>
      <c r="NG22" s="345">
        <v>1195275</v>
      </c>
      <c r="NH22" s="345">
        <v>3668434</v>
      </c>
      <c r="NI22" s="345">
        <v>1253848</v>
      </c>
      <c r="NJ22" s="345">
        <v>1644351</v>
      </c>
      <c r="NK22" s="349">
        <v>8279185</v>
      </c>
      <c r="NL22" s="347">
        <v>8279185</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63143</v>
      </c>
      <c r="OG22" s="349">
        <v>363143</v>
      </c>
      <c r="OH22" s="350">
        <v>363143</v>
      </c>
      <c r="OI22" s="348">
        <v>565224</v>
      </c>
      <c r="OJ22" s="345">
        <v>1018156</v>
      </c>
      <c r="OK22" s="346">
        <v>1583380</v>
      </c>
      <c r="OL22" s="351">
        <v>0</v>
      </c>
      <c r="OM22" s="345">
        <v>6444935</v>
      </c>
      <c r="ON22" s="345">
        <v>12246969</v>
      </c>
      <c r="OO22" s="345">
        <v>13479331</v>
      </c>
      <c r="OP22" s="345">
        <v>10067798</v>
      </c>
      <c r="OQ22" s="345">
        <v>9088116</v>
      </c>
      <c r="OR22" s="349">
        <v>51327149</v>
      </c>
      <c r="OS22" s="354">
        <v>52910529</v>
      </c>
    </row>
    <row r="23" spans="2:409" s="70" customFormat="1" ht="21" customHeight="1" x14ac:dyDescent="0.2">
      <c r="B23" s="106" t="s">
        <v>18</v>
      </c>
      <c r="C23" s="326">
        <v>572191</v>
      </c>
      <c r="D23" s="327">
        <v>730539</v>
      </c>
      <c r="E23" s="328">
        <v>1302730</v>
      </c>
      <c r="F23" s="329">
        <v>0</v>
      </c>
      <c r="G23" s="327">
        <v>5727316</v>
      </c>
      <c r="H23" s="327">
        <v>8162264</v>
      </c>
      <c r="I23" s="327">
        <v>8683826</v>
      </c>
      <c r="J23" s="327">
        <v>9081357</v>
      </c>
      <c r="K23" s="327">
        <v>7397611</v>
      </c>
      <c r="L23" s="329">
        <v>39052374</v>
      </c>
      <c r="M23" s="330">
        <v>40355104</v>
      </c>
      <c r="N23" s="326">
        <v>192258</v>
      </c>
      <c r="O23" s="327">
        <v>164392</v>
      </c>
      <c r="P23" s="328">
        <v>356650</v>
      </c>
      <c r="Q23" s="326">
        <v>0</v>
      </c>
      <c r="R23" s="327">
        <v>1967054</v>
      </c>
      <c r="S23" s="327">
        <v>2360439</v>
      </c>
      <c r="T23" s="327">
        <v>3326751</v>
      </c>
      <c r="U23" s="327">
        <v>4069643</v>
      </c>
      <c r="V23" s="327">
        <v>1764149</v>
      </c>
      <c r="W23" s="328">
        <v>13488036</v>
      </c>
      <c r="X23" s="330">
        <v>13844686</v>
      </c>
      <c r="Y23" s="326">
        <v>0</v>
      </c>
      <c r="Z23" s="327">
        <v>0</v>
      </c>
      <c r="AA23" s="328">
        <v>0</v>
      </c>
      <c r="AB23" s="326">
        <v>0</v>
      </c>
      <c r="AC23" s="327">
        <v>708697</v>
      </c>
      <c r="AD23" s="327">
        <v>764310</v>
      </c>
      <c r="AE23" s="327">
        <v>1796951</v>
      </c>
      <c r="AF23" s="327">
        <v>2469826</v>
      </c>
      <c r="AG23" s="327">
        <v>696407</v>
      </c>
      <c r="AH23" s="328">
        <v>6436191</v>
      </c>
      <c r="AI23" s="330">
        <v>6436191</v>
      </c>
      <c r="AJ23" s="326">
        <v>0</v>
      </c>
      <c r="AK23" s="327">
        <v>0</v>
      </c>
      <c r="AL23" s="328">
        <v>0</v>
      </c>
      <c r="AM23" s="326">
        <v>0</v>
      </c>
      <c r="AN23" s="327">
        <v>0</v>
      </c>
      <c r="AO23" s="327">
        <v>0</v>
      </c>
      <c r="AP23" s="327">
        <v>50684</v>
      </c>
      <c r="AQ23" s="327">
        <v>252848</v>
      </c>
      <c r="AR23" s="327">
        <v>41372</v>
      </c>
      <c r="AS23" s="328">
        <v>344904</v>
      </c>
      <c r="AT23" s="330">
        <v>344904</v>
      </c>
      <c r="AU23" s="326">
        <v>131055</v>
      </c>
      <c r="AV23" s="327">
        <v>80560</v>
      </c>
      <c r="AW23" s="328">
        <v>211615</v>
      </c>
      <c r="AX23" s="326">
        <v>0</v>
      </c>
      <c r="AY23" s="327">
        <v>866341</v>
      </c>
      <c r="AZ23" s="327">
        <v>1091004</v>
      </c>
      <c r="BA23" s="327">
        <v>728716</v>
      </c>
      <c r="BB23" s="327">
        <v>792733</v>
      </c>
      <c r="BC23" s="327">
        <v>577159</v>
      </c>
      <c r="BD23" s="328">
        <v>4055953</v>
      </c>
      <c r="BE23" s="330">
        <v>4267568</v>
      </c>
      <c r="BF23" s="326">
        <v>20470</v>
      </c>
      <c r="BG23" s="327">
        <v>23114</v>
      </c>
      <c r="BH23" s="331">
        <v>43584</v>
      </c>
      <c r="BI23" s="332">
        <v>0</v>
      </c>
      <c r="BJ23" s="327">
        <v>52985</v>
      </c>
      <c r="BK23" s="327">
        <v>136820</v>
      </c>
      <c r="BL23" s="327">
        <v>239043</v>
      </c>
      <c r="BM23" s="327">
        <v>17686</v>
      </c>
      <c r="BN23" s="327">
        <v>0</v>
      </c>
      <c r="BO23" s="328">
        <v>446534</v>
      </c>
      <c r="BP23" s="330">
        <v>490118</v>
      </c>
      <c r="BQ23" s="326">
        <v>40733</v>
      </c>
      <c r="BR23" s="327">
        <v>60718</v>
      </c>
      <c r="BS23" s="328">
        <v>101451</v>
      </c>
      <c r="BT23" s="326">
        <v>0</v>
      </c>
      <c r="BU23" s="327">
        <v>339031</v>
      </c>
      <c r="BV23" s="327">
        <v>368305</v>
      </c>
      <c r="BW23" s="327">
        <v>511357</v>
      </c>
      <c r="BX23" s="327">
        <v>536550</v>
      </c>
      <c r="BY23" s="327">
        <v>449211</v>
      </c>
      <c r="BZ23" s="328">
        <v>2204454</v>
      </c>
      <c r="CA23" s="330">
        <v>2305905</v>
      </c>
      <c r="CB23" s="326">
        <v>111644</v>
      </c>
      <c r="CC23" s="327">
        <v>201485</v>
      </c>
      <c r="CD23" s="328">
        <v>313129</v>
      </c>
      <c r="CE23" s="326">
        <v>0</v>
      </c>
      <c r="CF23" s="327">
        <v>1749039</v>
      </c>
      <c r="CG23" s="327">
        <v>3095842</v>
      </c>
      <c r="CH23" s="327">
        <v>1592293</v>
      </c>
      <c r="CI23" s="327">
        <v>1293687</v>
      </c>
      <c r="CJ23" s="327">
        <v>718434</v>
      </c>
      <c r="CK23" s="328">
        <v>8449295</v>
      </c>
      <c r="CL23" s="330">
        <v>8762424</v>
      </c>
      <c r="CM23" s="326">
        <v>0</v>
      </c>
      <c r="CN23" s="327">
        <v>0</v>
      </c>
      <c r="CO23" s="328">
        <v>0</v>
      </c>
      <c r="CP23" s="332">
        <v>0</v>
      </c>
      <c r="CQ23" s="327">
        <v>1341594</v>
      </c>
      <c r="CR23" s="327">
        <v>2408888</v>
      </c>
      <c r="CS23" s="327">
        <v>1118323</v>
      </c>
      <c r="CT23" s="327">
        <v>1026733</v>
      </c>
      <c r="CU23" s="327">
        <v>642776</v>
      </c>
      <c r="CV23" s="328">
        <v>6538314</v>
      </c>
      <c r="CW23" s="330">
        <v>6538314</v>
      </c>
      <c r="CX23" s="326">
        <v>111644</v>
      </c>
      <c r="CY23" s="327">
        <v>201485</v>
      </c>
      <c r="CZ23" s="328">
        <v>313129</v>
      </c>
      <c r="DA23" s="326">
        <v>0</v>
      </c>
      <c r="DB23" s="327">
        <v>407445</v>
      </c>
      <c r="DC23" s="327">
        <v>686954</v>
      </c>
      <c r="DD23" s="327">
        <v>473970</v>
      </c>
      <c r="DE23" s="327">
        <v>266954</v>
      </c>
      <c r="DF23" s="327">
        <v>75658</v>
      </c>
      <c r="DG23" s="328">
        <v>1910981</v>
      </c>
      <c r="DH23" s="330">
        <v>2224110</v>
      </c>
      <c r="DI23" s="326">
        <v>0</v>
      </c>
      <c r="DJ23" s="327">
        <v>0</v>
      </c>
      <c r="DK23" s="331">
        <v>0</v>
      </c>
      <c r="DL23" s="332">
        <v>0</v>
      </c>
      <c r="DM23" s="327">
        <v>114953</v>
      </c>
      <c r="DN23" s="327">
        <v>379816</v>
      </c>
      <c r="DO23" s="327">
        <v>792852</v>
      </c>
      <c r="DP23" s="327">
        <v>726162</v>
      </c>
      <c r="DQ23" s="327">
        <v>1082470</v>
      </c>
      <c r="DR23" s="328">
        <v>3096253</v>
      </c>
      <c r="DS23" s="330">
        <v>3096253</v>
      </c>
      <c r="DT23" s="326">
        <v>0</v>
      </c>
      <c r="DU23" s="327">
        <v>0</v>
      </c>
      <c r="DV23" s="328">
        <v>0</v>
      </c>
      <c r="DW23" s="326">
        <v>0</v>
      </c>
      <c r="DX23" s="327">
        <v>114953</v>
      </c>
      <c r="DY23" s="327">
        <v>279682</v>
      </c>
      <c r="DZ23" s="327">
        <v>792852</v>
      </c>
      <c r="EA23" s="327">
        <v>726162</v>
      </c>
      <c r="EB23" s="327">
        <v>1041280</v>
      </c>
      <c r="EC23" s="328">
        <v>2954929</v>
      </c>
      <c r="ED23" s="330">
        <v>2954929</v>
      </c>
      <c r="EE23" s="326">
        <v>0</v>
      </c>
      <c r="EF23" s="331">
        <v>0</v>
      </c>
      <c r="EG23" s="328">
        <v>0</v>
      </c>
      <c r="EH23" s="326">
        <v>0</v>
      </c>
      <c r="EI23" s="327">
        <v>0</v>
      </c>
      <c r="EJ23" s="327">
        <v>100134</v>
      </c>
      <c r="EK23" s="327">
        <v>0</v>
      </c>
      <c r="EL23" s="327">
        <v>0</v>
      </c>
      <c r="EM23" s="327">
        <v>41190</v>
      </c>
      <c r="EN23" s="331">
        <v>141324</v>
      </c>
      <c r="EO23" s="330">
        <v>141324</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140952</v>
      </c>
      <c r="FM23" s="327">
        <v>200004</v>
      </c>
      <c r="FN23" s="328">
        <v>340956</v>
      </c>
      <c r="FO23" s="326">
        <v>0</v>
      </c>
      <c r="FP23" s="327">
        <v>348115</v>
      </c>
      <c r="FQ23" s="327">
        <v>626717</v>
      </c>
      <c r="FR23" s="327">
        <v>829206</v>
      </c>
      <c r="FS23" s="327">
        <v>536312</v>
      </c>
      <c r="FT23" s="327">
        <v>382851</v>
      </c>
      <c r="FU23" s="328">
        <v>2723201</v>
      </c>
      <c r="FV23" s="330">
        <v>3064157</v>
      </c>
      <c r="FW23" s="333">
        <v>35952</v>
      </c>
      <c r="FX23" s="327">
        <v>135324</v>
      </c>
      <c r="FY23" s="331">
        <v>171276</v>
      </c>
      <c r="FZ23" s="332">
        <v>0</v>
      </c>
      <c r="GA23" s="327">
        <v>296847</v>
      </c>
      <c r="GB23" s="327">
        <v>626717</v>
      </c>
      <c r="GC23" s="327">
        <v>571620</v>
      </c>
      <c r="GD23" s="327">
        <v>536312</v>
      </c>
      <c r="GE23" s="327">
        <v>331786</v>
      </c>
      <c r="GF23" s="328">
        <v>2363282</v>
      </c>
      <c r="GG23" s="334">
        <v>2534558</v>
      </c>
      <c r="GH23" s="333">
        <v>0</v>
      </c>
      <c r="GI23" s="327">
        <v>0</v>
      </c>
      <c r="GJ23" s="331">
        <v>0</v>
      </c>
      <c r="GK23" s="332">
        <v>0</v>
      </c>
      <c r="GL23" s="327">
        <v>51268</v>
      </c>
      <c r="GM23" s="327">
        <v>0</v>
      </c>
      <c r="GN23" s="327">
        <v>26586</v>
      </c>
      <c r="GO23" s="327">
        <v>0</v>
      </c>
      <c r="GP23" s="327">
        <v>18865</v>
      </c>
      <c r="GQ23" s="328">
        <v>96719</v>
      </c>
      <c r="GR23" s="330">
        <v>96719</v>
      </c>
      <c r="GS23" s="326">
        <v>105000</v>
      </c>
      <c r="GT23" s="327">
        <v>64680</v>
      </c>
      <c r="GU23" s="328">
        <v>169680</v>
      </c>
      <c r="GV23" s="326">
        <v>0</v>
      </c>
      <c r="GW23" s="327">
        <v>0</v>
      </c>
      <c r="GX23" s="327">
        <v>0</v>
      </c>
      <c r="GY23" s="327">
        <v>231000</v>
      </c>
      <c r="GZ23" s="327">
        <v>0</v>
      </c>
      <c r="HA23" s="327">
        <v>32200</v>
      </c>
      <c r="HB23" s="331">
        <v>263200</v>
      </c>
      <c r="HC23" s="330">
        <v>432880</v>
      </c>
      <c r="HD23" s="326">
        <v>127337</v>
      </c>
      <c r="HE23" s="327">
        <v>164658</v>
      </c>
      <c r="HF23" s="331">
        <v>291995</v>
      </c>
      <c r="HG23" s="332">
        <v>0</v>
      </c>
      <c r="HH23" s="327">
        <v>1548155</v>
      </c>
      <c r="HI23" s="327">
        <v>1699450</v>
      </c>
      <c r="HJ23" s="327">
        <v>2142724</v>
      </c>
      <c r="HK23" s="327">
        <v>2455553</v>
      </c>
      <c r="HL23" s="327">
        <v>3449707</v>
      </c>
      <c r="HM23" s="328">
        <v>11295589</v>
      </c>
      <c r="HN23" s="329">
        <v>11587584</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331916</v>
      </c>
      <c r="IE23" s="339">
        <v>1276459</v>
      </c>
      <c r="IF23" s="337">
        <v>1949315</v>
      </c>
      <c r="IG23" s="336">
        <v>1096525</v>
      </c>
      <c r="IH23" s="337">
        <v>1540727</v>
      </c>
      <c r="II23" s="340">
        <v>7194942</v>
      </c>
      <c r="IJ23" s="341">
        <v>7194942</v>
      </c>
      <c r="IK23" s="342">
        <v>0</v>
      </c>
      <c r="IL23" s="343">
        <v>0</v>
      </c>
      <c r="IM23" s="344">
        <v>0</v>
      </c>
      <c r="IN23" s="404">
        <v>0</v>
      </c>
      <c r="IO23" s="345">
        <v>62720</v>
      </c>
      <c r="IP23" s="345">
        <v>0</v>
      </c>
      <c r="IQ23" s="345">
        <v>0</v>
      </c>
      <c r="IR23" s="345">
        <v>0</v>
      </c>
      <c r="IS23" s="345">
        <v>0</v>
      </c>
      <c r="IT23" s="346">
        <v>62720</v>
      </c>
      <c r="IU23" s="347">
        <v>62720</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730468</v>
      </c>
      <c r="JL23" s="345">
        <v>205180</v>
      </c>
      <c r="JM23" s="345">
        <v>300473</v>
      </c>
      <c r="JN23" s="345">
        <v>207898</v>
      </c>
      <c r="JO23" s="345">
        <v>0</v>
      </c>
      <c r="JP23" s="349">
        <v>1444019</v>
      </c>
      <c r="JQ23" s="347">
        <v>1444019</v>
      </c>
      <c r="JR23" s="348">
        <v>0</v>
      </c>
      <c r="JS23" s="345">
        <v>0</v>
      </c>
      <c r="JT23" s="346">
        <v>0</v>
      </c>
      <c r="JU23" s="351">
        <v>0</v>
      </c>
      <c r="JV23" s="345">
        <v>0</v>
      </c>
      <c r="JW23" s="345">
        <v>0</v>
      </c>
      <c r="JX23" s="345">
        <v>125050</v>
      </c>
      <c r="JY23" s="345">
        <v>282741</v>
      </c>
      <c r="JZ23" s="345">
        <v>0</v>
      </c>
      <c r="KA23" s="349">
        <v>407791</v>
      </c>
      <c r="KB23" s="347">
        <v>407791</v>
      </c>
      <c r="KC23" s="352">
        <v>0</v>
      </c>
      <c r="KD23" s="353">
        <v>0</v>
      </c>
      <c r="KE23" s="349">
        <v>0</v>
      </c>
      <c r="KF23" s="351">
        <v>0</v>
      </c>
      <c r="KG23" s="345">
        <v>116003</v>
      </c>
      <c r="KH23" s="345">
        <v>0</v>
      </c>
      <c r="KI23" s="345">
        <v>202112</v>
      </c>
      <c r="KJ23" s="345">
        <v>0</v>
      </c>
      <c r="KK23" s="345">
        <v>0</v>
      </c>
      <c r="KL23" s="349">
        <v>318115</v>
      </c>
      <c r="KM23" s="354">
        <v>318115</v>
      </c>
      <c r="KN23" s="342">
        <v>0</v>
      </c>
      <c r="KO23" s="343">
        <v>0</v>
      </c>
      <c r="KP23" s="344">
        <v>0</v>
      </c>
      <c r="KQ23" s="404">
        <v>0</v>
      </c>
      <c r="KR23" s="345">
        <v>422725</v>
      </c>
      <c r="KS23" s="345">
        <v>1071279</v>
      </c>
      <c r="KT23" s="345">
        <v>899348</v>
      </c>
      <c r="KU23" s="345">
        <v>0</v>
      </c>
      <c r="KV23" s="345">
        <v>323350</v>
      </c>
      <c r="KW23" s="349">
        <v>2716702</v>
      </c>
      <c r="KX23" s="347">
        <v>2716702</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60772</v>
      </c>
      <c r="LR23" s="345">
        <v>278635</v>
      </c>
      <c r="LS23" s="349">
        <v>539407</v>
      </c>
      <c r="LT23" s="347">
        <v>539407</v>
      </c>
      <c r="LU23" s="348">
        <v>0</v>
      </c>
      <c r="LV23" s="345">
        <v>0</v>
      </c>
      <c r="LW23" s="349">
        <v>0</v>
      </c>
      <c r="LX23" s="404">
        <v>0</v>
      </c>
      <c r="LY23" s="345">
        <v>0</v>
      </c>
      <c r="LZ23" s="345">
        <v>0</v>
      </c>
      <c r="MA23" s="345">
        <v>422332</v>
      </c>
      <c r="MB23" s="345">
        <v>345114</v>
      </c>
      <c r="MC23" s="345">
        <v>938742</v>
      </c>
      <c r="MD23" s="349">
        <v>1706188</v>
      </c>
      <c r="ME23" s="350">
        <v>1706188</v>
      </c>
      <c r="MF23" s="348">
        <v>0</v>
      </c>
      <c r="MG23" s="345">
        <v>0</v>
      </c>
      <c r="MH23" s="349">
        <v>0</v>
      </c>
      <c r="MI23" s="404">
        <v>0</v>
      </c>
      <c r="MJ23" s="345">
        <v>223408</v>
      </c>
      <c r="MK23" s="345">
        <v>203312</v>
      </c>
      <c r="ML23" s="345">
        <v>2100271</v>
      </c>
      <c r="MM23" s="345">
        <v>5032803</v>
      </c>
      <c r="MN23" s="345">
        <v>2885400</v>
      </c>
      <c r="MO23" s="349">
        <v>10445194</v>
      </c>
      <c r="MP23" s="354">
        <v>10445194</v>
      </c>
      <c r="MQ23" s="348">
        <v>0</v>
      </c>
      <c r="MR23" s="345">
        <v>0</v>
      </c>
      <c r="MS23" s="349">
        <v>0</v>
      </c>
      <c r="MT23" s="404">
        <v>0</v>
      </c>
      <c r="MU23" s="345">
        <v>0</v>
      </c>
      <c r="MV23" s="345">
        <v>203312</v>
      </c>
      <c r="MW23" s="345">
        <v>1571641</v>
      </c>
      <c r="MX23" s="345">
        <v>1661479</v>
      </c>
      <c r="MY23" s="345">
        <v>2633582</v>
      </c>
      <c r="MZ23" s="349">
        <v>6070014</v>
      </c>
      <c r="NA23" s="354">
        <v>6070014</v>
      </c>
      <c r="NB23" s="348">
        <v>0</v>
      </c>
      <c r="NC23" s="345">
        <v>0</v>
      </c>
      <c r="ND23" s="349">
        <v>0</v>
      </c>
      <c r="NE23" s="404">
        <v>0</v>
      </c>
      <c r="NF23" s="345">
        <v>223408</v>
      </c>
      <c r="NG23" s="345">
        <v>0</v>
      </c>
      <c r="NH23" s="345">
        <v>503226</v>
      </c>
      <c r="NI23" s="345">
        <v>1225035</v>
      </c>
      <c r="NJ23" s="345">
        <v>251818</v>
      </c>
      <c r="NK23" s="349">
        <v>2203487</v>
      </c>
      <c r="NL23" s="347">
        <v>2203487</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25404</v>
      </c>
      <c r="OE23" s="345">
        <v>2146289</v>
      </c>
      <c r="OF23" s="345">
        <v>0</v>
      </c>
      <c r="OG23" s="349">
        <v>2171693</v>
      </c>
      <c r="OH23" s="350">
        <v>2171693</v>
      </c>
      <c r="OI23" s="348">
        <v>572191</v>
      </c>
      <c r="OJ23" s="345">
        <v>730539</v>
      </c>
      <c r="OK23" s="346">
        <v>1302730</v>
      </c>
      <c r="OL23" s="351">
        <v>0</v>
      </c>
      <c r="OM23" s="345">
        <v>7282640</v>
      </c>
      <c r="ON23" s="345">
        <v>9642035</v>
      </c>
      <c r="OO23" s="345">
        <v>12733412</v>
      </c>
      <c r="OP23" s="345">
        <v>15210685</v>
      </c>
      <c r="OQ23" s="345">
        <v>11823738</v>
      </c>
      <c r="OR23" s="349">
        <v>56692510</v>
      </c>
      <c r="OS23" s="354">
        <v>57995240</v>
      </c>
    </row>
    <row r="24" spans="2:409" s="70" customFormat="1" ht="21" customHeight="1" x14ac:dyDescent="0.2">
      <c r="B24" s="106" t="s">
        <v>19</v>
      </c>
      <c r="C24" s="326">
        <v>237250</v>
      </c>
      <c r="D24" s="327">
        <v>276362</v>
      </c>
      <c r="E24" s="328">
        <v>513612</v>
      </c>
      <c r="F24" s="329">
        <v>0</v>
      </c>
      <c r="G24" s="327">
        <v>3070902</v>
      </c>
      <c r="H24" s="327">
        <v>3509269</v>
      </c>
      <c r="I24" s="327">
        <v>2597998</v>
      </c>
      <c r="J24" s="327">
        <v>1711131</v>
      </c>
      <c r="K24" s="327">
        <v>1602487</v>
      </c>
      <c r="L24" s="329">
        <v>12491787</v>
      </c>
      <c r="M24" s="330">
        <v>13005399</v>
      </c>
      <c r="N24" s="326">
        <v>102247</v>
      </c>
      <c r="O24" s="327">
        <v>157634</v>
      </c>
      <c r="P24" s="328">
        <v>259881</v>
      </c>
      <c r="Q24" s="326">
        <v>0</v>
      </c>
      <c r="R24" s="327">
        <v>790837</v>
      </c>
      <c r="S24" s="327">
        <v>1252398</v>
      </c>
      <c r="T24" s="327">
        <v>897417</v>
      </c>
      <c r="U24" s="327">
        <v>358533</v>
      </c>
      <c r="V24" s="327">
        <v>277503</v>
      </c>
      <c r="W24" s="328">
        <v>3576688</v>
      </c>
      <c r="X24" s="330">
        <v>3836569</v>
      </c>
      <c r="Y24" s="326">
        <v>0</v>
      </c>
      <c r="Z24" s="327">
        <v>0</v>
      </c>
      <c r="AA24" s="328">
        <v>0</v>
      </c>
      <c r="AB24" s="326">
        <v>0</v>
      </c>
      <c r="AC24" s="327">
        <v>212890</v>
      </c>
      <c r="AD24" s="327">
        <v>596679</v>
      </c>
      <c r="AE24" s="327">
        <v>366900</v>
      </c>
      <c r="AF24" s="327">
        <v>35427</v>
      </c>
      <c r="AG24" s="327">
        <v>11137</v>
      </c>
      <c r="AH24" s="328">
        <v>1223033</v>
      </c>
      <c r="AI24" s="330">
        <v>1223033</v>
      </c>
      <c r="AJ24" s="326">
        <v>0</v>
      </c>
      <c r="AK24" s="327">
        <v>0</v>
      </c>
      <c r="AL24" s="328">
        <v>0</v>
      </c>
      <c r="AM24" s="326">
        <v>0</v>
      </c>
      <c r="AN24" s="327">
        <v>0</v>
      </c>
      <c r="AO24" s="327">
        <v>20021</v>
      </c>
      <c r="AP24" s="327">
        <v>83486</v>
      </c>
      <c r="AQ24" s="327">
        <v>0</v>
      </c>
      <c r="AR24" s="327">
        <v>42782</v>
      </c>
      <c r="AS24" s="328">
        <v>146289</v>
      </c>
      <c r="AT24" s="330">
        <v>146289</v>
      </c>
      <c r="AU24" s="326">
        <v>63215</v>
      </c>
      <c r="AV24" s="327">
        <v>123733</v>
      </c>
      <c r="AW24" s="328">
        <v>186948</v>
      </c>
      <c r="AX24" s="326">
        <v>0</v>
      </c>
      <c r="AY24" s="327">
        <v>437450</v>
      </c>
      <c r="AZ24" s="327">
        <v>422625</v>
      </c>
      <c r="BA24" s="327">
        <v>288404</v>
      </c>
      <c r="BB24" s="327">
        <v>190228</v>
      </c>
      <c r="BC24" s="327">
        <v>93405</v>
      </c>
      <c r="BD24" s="328">
        <v>1432112</v>
      </c>
      <c r="BE24" s="330">
        <v>1619060</v>
      </c>
      <c r="BF24" s="326">
        <v>0</v>
      </c>
      <c r="BG24" s="327">
        <v>0</v>
      </c>
      <c r="BH24" s="331">
        <v>0</v>
      </c>
      <c r="BI24" s="332">
        <v>0</v>
      </c>
      <c r="BJ24" s="327">
        <v>31612</v>
      </c>
      <c r="BK24" s="327">
        <v>0</v>
      </c>
      <c r="BL24" s="327">
        <v>0</v>
      </c>
      <c r="BM24" s="327">
        <v>50775</v>
      </c>
      <c r="BN24" s="327">
        <v>0</v>
      </c>
      <c r="BO24" s="328">
        <v>82387</v>
      </c>
      <c r="BP24" s="330">
        <v>82387</v>
      </c>
      <c r="BQ24" s="326">
        <v>39032</v>
      </c>
      <c r="BR24" s="327">
        <v>33901</v>
      </c>
      <c r="BS24" s="328">
        <v>72933</v>
      </c>
      <c r="BT24" s="326">
        <v>0</v>
      </c>
      <c r="BU24" s="327">
        <v>108885</v>
      </c>
      <c r="BV24" s="327">
        <v>213073</v>
      </c>
      <c r="BW24" s="327">
        <v>158627</v>
      </c>
      <c r="BX24" s="327">
        <v>82103</v>
      </c>
      <c r="BY24" s="327">
        <v>130179</v>
      </c>
      <c r="BZ24" s="328">
        <v>692867</v>
      </c>
      <c r="CA24" s="330">
        <v>765800</v>
      </c>
      <c r="CB24" s="326">
        <v>56286</v>
      </c>
      <c r="CC24" s="327">
        <v>0</v>
      </c>
      <c r="CD24" s="328">
        <v>56286</v>
      </c>
      <c r="CE24" s="326">
        <v>0</v>
      </c>
      <c r="CF24" s="327">
        <v>1096827</v>
      </c>
      <c r="CG24" s="327">
        <v>1077787</v>
      </c>
      <c r="CH24" s="327">
        <v>400894</v>
      </c>
      <c r="CI24" s="327">
        <v>345608</v>
      </c>
      <c r="CJ24" s="327">
        <v>593339</v>
      </c>
      <c r="CK24" s="328">
        <v>3514455</v>
      </c>
      <c r="CL24" s="330">
        <v>3570741</v>
      </c>
      <c r="CM24" s="326">
        <v>0</v>
      </c>
      <c r="CN24" s="327">
        <v>0</v>
      </c>
      <c r="CO24" s="328">
        <v>0</v>
      </c>
      <c r="CP24" s="332">
        <v>0</v>
      </c>
      <c r="CQ24" s="327">
        <v>682343</v>
      </c>
      <c r="CR24" s="327">
        <v>796215</v>
      </c>
      <c r="CS24" s="327">
        <v>167294</v>
      </c>
      <c r="CT24" s="327">
        <v>121889</v>
      </c>
      <c r="CU24" s="327">
        <v>459420</v>
      </c>
      <c r="CV24" s="328">
        <v>2227161</v>
      </c>
      <c r="CW24" s="330">
        <v>2227161</v>
      </c>
      <c r="CX24" s="326">
        <v>56286</v>
      </c>
      <c r="CY24" s="327">
        <v>0</v>
      </c>
      <c r="CZ24" s="328">
        <v>56286</v>
      </c>
      <c r="DA24" s="326">
        <v>0</v>
      </c>
      <c r="DB24" s="327">
        <v>414484</v>
      </c>
      <c r="DC24" s="327">
        <v>281572</v>
      </c>
      <c r="DD24" s="327">
        <v>233600</v>
      </c>
      <c r="DE24" s="327">
        <v>223719</v>
      </c>
      <c r="DF24" s="327">
        <v>133919</v>
      </c>
      <c r="DG24" s="328">
        <v>1287294</v>
      </c>
      <c r="DH24" s="330">
        <v>1343580</v>
      </c>
      <c r="DI24" s="326">
        <v>0</v>
      </c>
      <c r="DJ24" s="327">
        <v>0</v>
      </c>
      <c r="DK24" s="331">
        <v>0</v>
      </c>
      <c r="DL24" s="332">
        <v>0</v>
      </c>
      <c r="DM24" s="327">
        <v>48337</v>
      </c>
      <c r="DN24" s="327">
        <v>70866</v>
      </c>
      <c r="DO24" s="327">
        <v>100010</v>
      </c>
      <c r="DP24" s="327">
        <v>127229</v>
      </c>
      <c r="DQ24" s="327">
        <v>0</v>
      </c>
      <c r="DR24" s="328">
        <v>346442</v>
      </c>
      <c r="DS24" s="330">
        <v>346442</v>
      </c>
      <c r="DT24" s="326">
        <v>0</v>
      </c>
      <c r="DU24" s="327">
        <v>0</v>
      </c>
      <c r="DV24" s="328">
        <v>0</v>
      </c>
      <c r="DW24" s="326">
        <v>0</v>
      </c>
      <c r="DX24" s="327">
        <v>27995</v>
      </c>
      <c r="DY24" s="327">
        <v>70866</v>
      </c>
      <c r="DZ24" s="327">
        <v>62105</v>
      </c>
      <c r="EA24" s="327">
        <v>0</v>
      </c>
      <c r="EB24" s="327">
        <v>0</v>
      </c>
      <c r="EC24" s="328">
        <v>160966</v>
      </c>
      <c r="ED24" s="330">
        <v>160966</v>
      </c>
      <c r="EE24" s="326">
        <v>0</v>
      </c>
      <c r="EF24" s="331">
        <v>0</v>
      </c>
      <c r="EG24" s="328">
        <v>0</v>
      </c>
      <c r="EH24" s="326">
        <v>0</v>
      </c>
      <c r="EI24" s="327">
        <v>20342</v>
      </c>
      <c r="EJ24" s="327">
        <v>0</v>
      </c>
      <c r="EK24" s="327">
        <v>37905</v>
      </c>
      <c r="EL24" s="327">
        <v>127229</v>
      </c>
      <c r="EM24" s="327">
        <v>0</v>
      </c>
      <c r="EN24" s="331">
        <v>185476</v>
      </c>
      <c r="EO24" s="330">
        <v>18547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30520</v>
      </c>
      <c r="FM24" s="327">
        <v>33670</v>
      </c>
      <c r="FN24" s="328">
        <v>64190</v>
      </c>
      <c r="FO24" s="326">
        <v>0</v>
      </c>
      <c r="FP24" s="327">
        <v>163170</v>
      </c>
      <c r="FQ24" s="327">
        <v>254653</v>
      </c>
      <c r="FR24" s="327">
        <v>196539</v>
      </c>
      <c r="FS24" s="327">
        <v>179193</v>
      </c>
      <c r="FT24" s="327">
        <v>121982</v>
      </c>
      <c r="FU24" s="328">
        <v>915537</v>
      </c>
      <c r="FV24" s="330">
        <v>979727</v>
      </c>
      <c r="FW24" s="333">
        <v>30520</v>
      </c>
      <c r="FX24" s="327">
        <v>33670</v>
      </c>
      <c r="FY24" s="331">
        <v>64190</v>
      </c>
      <c r="FZ24" s="332">
        <v>0</v>
      </c>
      <c r="GA24" s="327">
        <v>150990</v>
      </c>
      <c r="GB24" s="327">
        <v>254653</v>
      </c>
      <c r="GC24" s="327">
        <v>196539</v>
      </c>
      <c r="GD24" s="327">
        <v>179193</v>
      </c>
      <c r="GE24" s="327">
        <v>121982</v>
      </c>
      <c r="GF24" s="328">
        <v>903357</v>
      </c>
      <c r="GG24" s="334">
        <v>967547</v>
      </c>
      <c r="GH24" s="333">
        <v>0</v>
      </c>
      <c r="GI24" s="327">
        <v>0</v>
      </c>
      <c r="GJ24" s="331">
        <v>0</v>
      </c>
      <c r="GK24" s="332">
        <v>0</v>
      </c>
      <c r="GL24" s="327">
        <v>12180</v>
      </c>
      <c r="GM24" s="327">
        <v>0</v>
      </c>
      <c r="GN24" s="327">
        <v>0</v>
      </c>
      <c r="GO24" s="327">
        <v>0</v>
      </c>
      <c r="GP24" s="327">
        <v>0</v>
      </c>
      <c r="GQ24" s="328">
        <v>12180</v>
      </c>
      <c r="GR24" s="330">
        <v>12180</v>
      </c>
      <c r="GS24" s="326">
        <v>0</v>
      </c>
      <c r="GT24" s="327">
        <v>0</v>
      </c>
      <c r="GU24" s="328">
        <v>0</v>
      </c>
      <c r="GV24" s="326">
        <v>0</v>
      </c>
      <c r="GW24" s="327">
        <v>0</v>
      </c>
      <c r="GX24" s="327">
        <v>0</v>
      </c>
      <c r="GY24" s="327">
        <v>0</v>
      </c>
      <c r="GZ24" s="327">
        <v>0</v>
      </c>
      <c r="HA24" s="327">
        <v>0</v>
      </c>
      <c r="HB24" s="331">
        <v>0</v>
      </c>
      <c r="HC24" s="330">
        <v>0</v>
      </c>
      <c r="HD24" s="326">
        <v>48197</v>
      </c>
      <c r="HE24" s="327">
        <v>85058</v>
      </c>
      <c r="HF24" s="331">
        <v>133255</v>
      </c>
      <c r="HG24" s="332">
        <v>0</v>
      </c>
      <c r="HH24" s="327">
        <v>971731</v>
      </c>
      <c r="HI24" s="327">
        <v>853565</v>
      </c>
      <c r="HJ24" s="327">
        <v>1003138</v>
      </c>
      <c r="HK24" s="327">
        <v>700568</v>
      </c>
      <c r="HL24" s="327">
        <v>609663</v>
      </c>
      <c r="HM24" s="328">
        <v>4138665</v>
      </c>
      <c r="HN24" s="329">
        <v>4271920</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611430</v>
      </c>
      <c r="IE24" s="357">
        <v>915590</v>
      </c>
      <c r="IF24" s="358">
        <v>484948</v>
      </c>
      <c r="IG24" s="356">
        <v>507881</v>
      </c>
      <c r="IH24" s="358">
        <v>1334818</v>
      </c>
      <c r="II24" s="359">
        <v>3854667</v>
      </c>
      <c r="IJ24" s="358">
        <v>3854667</v>
      </c>
      <c r="IK24" s="342">
        <v>0</v>
      </c>
      <c r="IL24" s="343">
        <v>0</v>
      </c>
      <c r="IM24" s="344">
        <v>0</v>
      </c>
      <c r="IN24" s="404">
        <v>0</v>
      </c>
      <c r="IO24" s="345">
        <v>0</v>
      </c>
      <c r="IP24" s="345">
        <v>175541</v>
      </c>
      <c r="IQ24" s="345">
        <v>0</v>
      </c>
      <c r="IR24" s="345">
        <v>361983</v>
      </c>
      <c r="IS24" s="345">
        <v>0</v>
      </c>
      <c r="IT24" s="346">
        <v>537524</v>
      </c>
      <c r="IU24" s="347">
        <v>537524</v>
      </c>
      <c r="IV24" s="348">
        <v>0</v>
      </c>
      <c r="IW24" s="345">
        <v>0</v>
      </c>
      <c r="IX24" s="349">
        <v>0</v>
      </c>
      <c r="IY24" s="404">
        <v>0</v>
      </c>
      <c r="IZ24" s="345">
        <v>0</v>
      </c>
      <c r="JA24" s="345">
        <v>0</v>
      </c>
      <c r="JB24" s="345">
        <v>0</v>
      </c>
      <c r="JC24" s="345">
        <v>13526</v>
      </c>
      <c r="JD24" s="345">
        <v>0</v>
      </c>
      <c r="JE24" s="349">
        <v>13526</v>
      </c>
      <c r="JF24" s="350">
        <v>13526</v>
      </c>
      <c r="JG24" s="348">
        <v>0</v>
      </c>
      <c r="JH24" s="345">
        <v>0</v>
      </c>
      <c r="JI24" s="346">
        <v>0</v>
      </c>
      <c r="JJ24" s="351">
        <v>0</v>
      </c>
      <c r="JK24" s="345">
        <v>304420</v>
      </c>
      <c r="JL24" s="345">
        <v>345449</v>
      </c>
      <c r="JM24" s="345">
        <v>23795</v>
      </c>
      <c r="JN24" s="345">
        <v>132372</v>
      </c>
      <c r="JO24" s="345">
        <v>0</v>
      </c>
      <c r="JP24" s="349">
        <v>806036</v>
      </c>
      <c r="JQ24" s="347">
        <v>806036</v>
      </c>
      <c r="JR24" s="348">
        <v>0</v>
      </c>
      <c r="JS24" s="345">
        <v>0</v>
      </c>
      <c r="JT24" s="346">
        <v>0</v>
      </c>
      <c r="JU24" s="351">
        <v>0</v>
      </c>
      <c r="JV24" s="345">
        <v>58429</v>
      </c>
      <c r="JW24" s="345">
        <v>81064</v>
      </c>
      <c r="JX24" s="345">
        <v>26622</v>
      </c>
      <c r="JY24" s="345">
        <v>0</v>
      </c>
      <c r="JZ24" s="345">
        <v>0</v>
      </c>
      <c r="KA24" s="349">
        <v>166115</v>
      </c>
      <c r="KB24" s="347">
        <v>166115</v>
      </c>
      <c r="KC24" s="352">
        <v>0</v>
      </c>
      <c r="KD24" s="353">
        <v>0</v>
      </c>
      <c r="KE24" s="349">
        <v>0</v>
      </c>
      <c r="KF24" s="351">
        <v>0</v>
      </c>
      <c r="KG24" s="345">
        <v>114769</v>
      </c>
      <c r="KH24" s="345">
        <v>313536</v>
      </c>
      <c r="KI24" s="345">
        <v>211446</v>
      </c>
      <c r="KJ24" s="345">
        <v>0</v>
      </c>
      <c r="KK24" s="345">
        <v>0</v>
      </c>
      <c r="KL24" s="349">
        <v>639751</v>
      </c>
      <c r="KM24" s="354">
        <v>639751</v>
      </c>
      <c r="KN24" s="342">
        <v>0</v>
      </c>
      <c r="KO24" s="343">
        <v>0</v>
      </c>
      <c r="KP24" s="344">
        <v>0</v>
      </c>
      <c r="KQ24" s="404">
        <v>0</v>
      </c>
      <c r="KR24" s="345">
        <v>133812</v>
      </c>
      <c r="KS24" s="345">
        <v>0</v>
      </c>
      <c r="KT24" s="345">
        <v>223085</v>
      </c>
      <c r="KU24" s="345">
        <v>0</v>
      </c>
      <c r="KV24" s="345">
        <v>490205</v>
      </c>
      <c r="KW24" s="349">
        <v>847102</v>
      </c>
      <c r="KX24" s="347">
        <v>847102</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844613</v>
      </c>
      <c r="MD24" s="349">
        <v>844613</v>
      </c>
      <c r="ME24" s="350">
        <v>844613</v>
      </c>
      <c r="MF24" s="348">
        <v>0</v>
      </c>
      <c r="MG24" s="345">
        <v>0</v>
      </c>
      <c r="MH24" s="349">
        <v>0</v>
      </c>
      <c r="MI24" s="404">
        <v>0</v>
      </c>
      <c r="MJ24" s="345">
        <v>248051</v>
      </c>
      <c r="MK24" s="345">
        <v>501661</v>
      </c>
      <c r="ML24" s="345">
        <v>2172399</v>
      </c>
      <c r="MM24" s="345">
        <v>602132</v>
      </c>
      <c r="MN24" s="345">
        <v>1374972</v>
      </c>
      <c r="MO24" s="349">
        <v>4899215</v>
      </c>
      <c r="MP24" s="354">
        <v>4899215</v>
      </c>
      <c r="MQ24" s="348">
        <v>0</v>
      </c>
      <c r="MR24" s="345">
        <v>0</v>
      </c>
      <c r="MS24" s="349">
        <v>0</v>
      </c>
      <c r="MT24" s="404">
        <v>0</v>
      </c>
      <c r="MU24" s="345">
        <v>0</v>
      </c>
      <c r="MV24" s="345">
        <v>0</v>
      </c>
      <c r="MW24" s="345">
        <v>1195258</v>
      </c>
      <c r="MX24" s="345">
        <v>354513</v>
      </c>
      <c r="MY24" s="345">
        <v>734899</v>
      </c>
      <c r="MZ24" s="349">
        <v>2284670</v>
      </c>
      <c r="NA24" s="354">
        <v>2284670</v>
      </c>
      <c r="NB24" s="348">
        <v>0</v>
      </c>
      <c r="NC24" s="345">
        <v>0</v>
      </c>
      <c r="ND24" s="349">
        <v>0</v>
      </c>
      <c r="NE24" s="404">
        <v>0</v>
      </c>
      <c r="NF24" s="345">
        <v>248051</v>
      </c>
      <c r="NG24" s="345">
        <v>501661</v>
      </c>
      <c r="NH24" s="345">
        <v>977141</v>
      </c>
      <c r="NI24" s="345">
        <v>247619</v>
      </c>
      <c r="NJ24" s="345">
        <v>288671</v>
      </c>
      <c r="NK24" s="349">
        <v>2263143</v>
      </c>
      <c r="NL24" s="347">
        <v>2263143</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351402</v>
      </c>
      <c r="OG24" s="349">
        <v>351402</v>
      </c>
      <c r="OH24" s="350">
        <v>351402</v>
      </c>
      <c r="OI24" s="348">
        <v>237250</v>
      </c>
      <c r="OJ24" s="345">
        <v>276362</v>
      </c>
      <c r="OK24" s="346">
        <v>513612</v>
      </c>
      <c r="OL24" s="351">
        <v>0</v>
      </c>
      <c r="OM24" s="345">
        <v>3930383</v>
      </c>
      <c r="ON24" s="345">
        <v>4926520</v>
      </c>
      <c r="OO24" s="345">
        <v>5255345</v>
      </c>
      <c r="OP24" s="345">
        <v>2821144</v>
      </c>
      <c r="OQ24" s="345">
        <v>4312277</v>
      </c>
      <c r="OR24" s="349">
        <v>21245669</v>
      </c>
      <c r="OS24" s="354">
        <v>21759281</v>
      </c>
    </row>
    <row r="25" spans="2:409" s="70" customFormat="1" ht="21" customHeight="1" x14ac:dyDescent="0.2">
      <c r="B25" s="106" t="s">
        <v>20</v>
      </c>
      <c r="C25" s="326">
        <v>257033</v>
      </c>
      <c r="D25" s="327">
        <v>711779</v>
      </c>
      <c r="E25" s="328">
        <v>968812</v>
      </c>
      <c r="F25" s="326">
        <v>0</v>
      </c>
      <c r="G25" s="327">
        <v>3195626</v>
      </c>
      <c r="H25" s="327">
        <v>4881854</v>
      </c>
      <c r="I25" s="327">
        <v>3764277</v>
      </c>
      <c r="J25" s="327">
        <v>3713678</v>
      </c>
      <c r="K25" s="327">
        <v>2515597</v>
      </c>
      <c r="L25" s="367">
        <v>18071032</v>
      </c>
      <c r="M25" s="330">
        <v>19039844</v>
      </c>
      <c r="N25" s="326">
        <v>106450</v>
      </c>
      <c r="O25" s="327">
        <v>245929</v>
      </c>
      <c r="P25" s="328">
        <v>352379</v>
      </c>
      <c r="Q25" s="326">
        <v>0</v>
      </c>
      <c r="R25" s="327">
        <v>1297730</v>
      </c>
      <c r="S25" s="327">
        <v>1897175</v>
      </c>
      <c r="T25" s="327">
        <v>775450</v>
      </c>
      <c r="U25" s="327">
        <v>1744834</v>
      </c>
      <c r="V25" s="327">
        <v>866539</v>
      </c>
      <c r="W25" s="328">
        <v>6581728</v>
      </c>
      <c r="X25" s="330">
        <v>6934107</v>
      </c>
      <c r="Y25" s="326">
        <v>0</v>
      </c>
      <c r="Z25" s="327">
        <v>0</v>
      </c>
      <c r="AA25" s="328">
        <v>0</v>
      </c>
      <c r="AB25" s="326">
        <v>0</v>
      </c>
      <c r="AC25" s="327">
        <v>448242</v>
      </c>
      <c r="AD25" s="327">
        <v>879519</v>
      </c>
      <c r="AE25" s="327">
        <v>289264</v>
      </c>
      <c r="AF25" s="327">
        <v>1051821</v>
      </c>
      <c r="AG25" s="327">
        <v>590940</v>
      </c>
      <c r="AH25" s="328">
        <v>3259786</v>
      </c>
      <c r="AI25" s="330">
        <v>3259786</v>
      </c>
      <c r="AJ25" s="326">
        <v>0</v>
      </c>
      <c r="AK25" s="327">
        <v>0</v>
      </c>
      <c r="AL25" s="328">
        <v>0</v>
      </c>
      <c r="AM25" s="326">
        <v>0</v>
      </c>
      <c r="AN25" s="327">
        <v>12056</v>
      </c>
      <c r="AO25" s="327">
        <v>0</v>
      </c>
      <c r="AP25" s="327">
        <v>0</v>
      </c>
      <c r="AQ25" s="327">
        <v>263958</v>
      </c>
      <c r="AR25" s="327">
        <v>111503</v>
      </c>
      <c r="AS25" s="328">
        <v>387517</v>
      </c>
      <c r="AT25" s="330">
        <v>387517</v>
      </c>
      <c r="AU25" s="326">
        <v>85058</v>
      </c>
      <c r="AV25" s="327">
        <v>91161</v>
      </c>
      <c r="AW25" s="328">
        <v>176219</v>
      </c>
      <c r="AX25" s="326">
        <v>0</v>
      </c>
      <c r="AY25" s="327">
        <v>524572</v>
      </c>
      <c r="AZ25" s="327">
        <v>628904</v>
      </c>
      <c r="BA25" s="327">
        <v>328532</v>
      </c>
      <c r="BB25" s="327">
        <v>226310</v>
      </c>
      <c r="BC25" s="327">
        <v>0</v>
      </c>
      <c r="BD25" s="328">
        <v>1708318</v>
      </c>
      <c r="BE25" s="330">
        <v>1884537</v>
      </c>
      <c r="BF25" s="326">
        <v>0</v>
      </c>
      <c r="BG25" s="327">
        <v>133593</v>
      </c>
      <c r="BH25" s="331">
        <v>133593</v>
      </c>
      <c r="BI25" s="332">
        <v>0</v>
      </c>
      <c r="BJ25" s="327">
        <v>185670</v>
      </c>
      <c r="BK25" s="327">
        <v>156212</v>
      </c>
      <c r="BL25" s="327">
        <v>0</v>
      </c>
      <c r="BM25" s="327">
        <v>56053</v>
      </c>
      <c r="BN25" s="327">
        <v>39895</v>
      </c>
      <c r="BO25" s="328">
        <v>437830</v>
      </c>
      <c r="BP25" s="330">
        <v>571423</v>
      </c>
      <c r="BQ25" s="326">
        <v>21392</v>
      </c>
      <c r="BR25" s="327">
        <v>21175</v>
      </c>
      <c r="BS25" s="328">
        <v>42567</v>
      </c>
      <c r="BT25" s="326">
        <v>0</v>
      </c>
      <c r="BU25" s="327">
        <v>127190</v>
      </c>
      <c r="BV25" s="327">
        <v>232540</v>
      </c>
      <c r="BW25" s="327">
        <v>157654</v>
      </c>
      <c r="BX25" s="327">
        <v>146692</v>
      </c>
      <c r="BY25" s="327">
        <v>124201</v>
      </c>
      <c r="BZ25" s="328">
        <v>788277</v>
      </c>
      <c r="CA25" s="330">
        <v>830844</v>
      </c>
      <c r="CB25" s="326">
        <v>0</v>
      </c>
      <c r="CC25" s="327">
        <v>72098</v>
      </c>
      <c r="CD25" s="328">
        <v>72098</v>
      </c>
      <c r="CE25" s="326">
        <v>0</v>
      </c>
      <c r="CF25" s="327">
        <v>921941</v>
      </c>
      <c r="CG25" s="327">
        <v>1167474</v>
      </c>
      <c r="CH25" s="327">
        <v>1310168</v>
      </c>
      <c r="CI25" s="327">
        <v>740436</v>
      </c>
      <c r="CJ25" s="327">
        <v>381654</v>
      </c>
      <c r="CK25" s="328">
        <v>4521673</v>
      </c>
      <c r="CL25" s="330">
        <v>4593771</v>
      </c>
      <c r="CM25" s="326">
        <v>0</v>
      </c>
      <c r="CN25" s="327">
        <v>0</v>
      </c>
      <c r="CO25" s="328">
        <v>0</v>
      </c>
      <c r="CP25" s="332">
        <v>0</v>
      </c>
      <c r="CQ25" s="327">
        <v>723913</v>
      </c>
      <c r="CR25" s="327">
        <v>675038</v>
      </c>
      <c r="CS25" s="327">
        <v>1020676</v>
      </c>
      <c r="CT25" s="327">
        <v>333940</v>
      </c>
      <c r="CU25" s="327">
        <v>381654</v>
      </c>
      <c r="CV25" s="328">
        <v>3135221</v>
      </c>
      <c r="CW25" s="330">
        <v>3135221</v>
      </c>
      <c r="CX25" s="326">
        <v>0</v>
      </c>
      <c r="CY25" s="327">
        <v>72098</v>
      </c>
      <c r="CZ25" s="328">
        <v>72098</v>
      </c>
      <c r="DA25" s="326">
        <v>0</v>
      </c>
      <c r="DB25" s="327">
        <v>198028</v>
      </c>
      <c r="DC25" s="327">
        <v>492436</v>
      </c>
      <c r="DD25" s="327">
        <v>289492</v>
      </c>
      <c r="DE25" s="327">
        <v>406496</v>
      </c>
      <c r="DF25" s="327">
        <v>0</v>
      </c>
      <c r="DG25" s="328">
        <v>1386452</v>
      </c>
      <c r="DH25" s="330">
        <v>1458550</v>
      </c>
      <c r="DI25" s="326">
        <v>0</v>
      </c>
      <c r="DJ25" s="327">
        <v>37443</v>
      </c>
      <c r="DK25" s="331">
        <v>37443</v>
      </c>
      <c r="DL25" s="332">
        <v>0</v>
      </c>
      <c r="DM25" s="327">
        <v>110122</v>
      </c>
      <c r="DN25" s="327">
        <v>516732</v>
      </c>
      <c r="DO25" s="327">
        <v>359648</v>
      </c>
      <c r="DP25" s="327">
        <v>68790</v>
      </c>
      <c r="DQ25" s="327">
        <v>403778</v>
      </c>
      <c r="DR25" s="328">
        <v>1459070</v>
      </c>
      <c r="DS25" s="330">
        <v>1496513</v>
      </c>
      <c r="DT25" s="326">
        <v>0</v>
      </c>
      <c r="DU25" s="327">
        <v>37443</v>
      </c>
      <c r="DV25" s="328">
        <v>37443</v>
      </c>
      <c r="DW25" s="326">
        <v>0</v>
      </c>
      <c r="DX25" s="327">
        <v>101860</v>
      </c>
      <c r="DY25" s="327">
        <v>480898</v>
      </c>
      <c r="DZ25" s="327">
        <v>359648</v>
      </c>
      <c r="EA25" s="327">
        <v>68790</v>
      </c>
      <c r="EB25" s="327">
        <v>403778</v>
      </c>
      <c r="EC25" s="328">
        <v>1414974</v>
      </c>
      <c r="ED25" s="330">
        <v>1452417</v>
      </c>
      <c r="EE25" s="326">
        <v>0</v>
      </c>
      <c r="EF25" s="331">
        <v>0</v>
      </c>
      <c r="EG25" s="328">
        <v>0</v>
      </c>
      <c r="EH25" s="326">
        <v>0</v>
      </c>
      <c r="EI25" s="327">
        <v>8262</v>
      </c>
      <c r="EJ25" s="327">
        <v>35834</v>
      </c>
      <c r="EK25" s="327">
        <v>0</v>
      </c>
      <c r="EL25" s="327">
        <v>0</v>
      </c>
      <c r="EM25" s="327">
        <v>0</v>
      </c>
      <c r="EN25" s="331">
        <v>44096</v>
      </c>
      <c r="EO25" s="330">
        <v>44096</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47831</v>
      </c>
      <c r="FM25" s="327">
        <v>196148</v>
      </c>
      <c r="FN25" s="328">
        <v>243979</v>
      </c>
      <c r="FO25" s="326">
        <v>0</v>
      </c>
      <c r="FP25" s="327">
        <v>157136</v>
      </c>
      <c r="FQ25" s="327">
        <v>441903</v>
      </c>
      <c r="FR25" s="327">
        <v>401562</v>
      </c>
      <c r="FS25" s="327">
        <v>360192</v>
      </c>
      <c r="FT25" s="327">
        <v>159040</v>
      </c>
      <c r="FU25" s="328">
        <v>1519833</v>
      </c>
      <c r="FV25" s="330">
        <v>1763812</v>
      </c>
      <c r="FW25" s="333">
        <v>47831</v>
      </c>
      <c r="FX25" s="327">
        <v>120078</v>
      </c>
      <c r="FY25" s="331">
        <v>167909</v>
      </c>
      <c r="FZ25" s="332">
        <v>0</v>
      </c>
      <c r="GA25" s="327">
        <v>157136</v>
      </c>
      <c r="GB25" s="327">
        <v>290003</v>
      </c>
      <c r="GC25" s="327">
        <v>258104</v>
      </c>
      <c r="GD25" s="327">
        <v>335342</v>
      </c>
      <c r="GE25" s="327">
        <v>159040</v>
      </c>
      <c r="GF25" s="328">
        <v>1199625</v>
      </c>
      <c r="GG25" s="334">
        <v>1367534</v>
      </c>
      <c r="GH25" s="333">
        <v>0</v>
      </c>
      <c r="GI25" s="327">
        <v>16555</v>
      </c>
      <c r="GJ25" s="331">
        <v>16555</v>
      </c>
      <c r="GK25" s="332">
        <v>0</v>
      </c>
      <c r="GL25" s="327">
        <v>0</v>
      </c>
      <c r="GM25" s="327">
        <v>11900</v>
      </c>
      <c r="GN25" s="327">
        <v>34188</v>
      </c>
      <c r="GO25" s="327">
        <v>24850</v>
      </c>
      <c r="GP25" s="327">
        <v>0</v>
      </c>
      <c r="GQ25" s="328">
        <v>70938</v>
      </c>
      <c r="GR25" s="330">
        <v>87493</v>
      </c>
      <c r="GS25" s="326">
        <v>0</v>
      </c>
      <c r="GT25" s="327">
        <v>59515</v>
      </c>
      <c r="GU25" s="328">
        <v>59515</v>
      </c>
      <c r="GV25" s="326">
        <v>0</v>
      </c>
      <c r="GW25" s="327">
        <v>0</v>
      </c>
      <c r="GX25" s="327">
        <v>140000</v>
      </c>
      <c r="GY25" s="327">
        <v>109270</v>
      </c>
      <c r="GZ25" s="327">
        <v>0</v>
      </c>
      <c r="HA25" s="327">
        <v>0</v>
      </c>
      <c r="HB25" s="331">
        <v>249270</v>
      </c>
      <c r="HC25" s="330">
        <v>308785</v>
      </c>
      <c r="HD25" s="326">
        <v>102752</v>
      </c>
      <c r="HE25" s="327">
        <v>160161</v>
      </c>
      <c r="HF25" s="331">
        <v>262913</v>
      </c>
      <c r="HG25" s="332">
        <v>0</v>
      </c>
      <c r="HH25" s="327">
        <v>708697</v>
      </c>
      <c r="HI25" s="327">
        <v>858570</v>
      </c>
      <c r="HJ25" s="327">
        <v>917449</v>
      </c>
      <c r="HK25" s="327">
        <v>799426</v>
      </c>
      <c r="HL25" s="327">
        <v>704586</v>
      </c>
      <c r="HM25" s="328">
        <v>3988728</v>
      </c>
      <c r="HN25" s="329">
        <v>4251641</v>
      </c>
      <c r="HO25" s="333">
        <v>0</v>
      </c>
      <c r="HP25" s="327">
        <v>0</v>
      </c>
      <c r="HQ25" s="328">
        <v>0</v>
      </c>
      <c r="HR25" s="326">
        <v>0</v>
      </c>
      <c r="HS25" s="327">
        <v>0</v>
      </c>
      <c r="HT25" s="327">
        <v>0</v>
      </c>
      <c r="HU25" s="327">
        <v>0</v>
      </c>
      <c r="HV25" s="327">
        <v>0</v>
      </c>
      <c r="HW25" s="327">
        <v>0</v>
      </c>
      <c r="HX25" s="331">
        <v>0</v>
      </c>
      <c r="HY25" s="330">
        <v>0</v>
      </c>
      <c r="HZ25" s="335">
        <v>0</v>
      </c>
      <c r="IA25" s="336">
        <v>61792</v>
      </c>
      <c r="IB25" s="337">
        <v>61792</v>
      </c>
      <c r="IC25" s="338">
        <v>0</v>
      </c>
      <c r="ID25" s="336">
        <v>502882</v>
      </c>
      <c r="IE25" s="339">
        <v>680450</v>
      </c>
      <c r="IF25" s="337">
        <v>1258248</v>
      </c>
      <c r="IG25" s="336">
        <v>0</v>
      </c>
      <c r="IH25" s="337">
        <v>252588</v>
      </c>
      <c r="II25" s="340">
        <v>2694168</v>
      </c>
      <c r="IJ25" s="341">
        <v>2755960</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292381</v>
      </c>
      <c r="JL25" s="345">
        <v>242367</v>
      </c>
      <c r="JM25" s="345">
        <v>56160</v>
      </c>
      <c r="JN25" s="345">
        <v>0</v>
      </c>
      <c r="JO25" s="345">
        <v>0</v>
      </c>
      <c r="JP25" s="349">
        <v>590908</v>
      </c>
      <c r="JQ25" s="347">
        <v>590908</v>
      </c>
      <c r="JR25" s="348">
        <v>0</v>
      </c>
      <c r="JS25" s="345">
        <v>0</v>
      </c>
      <c r="JT25" s="346">
        <v>0</v>
      </c>
      <c r="JU25" s="351">
        <v>0</v>
      </c>
      <c r="JV25" s="345">
        <v>0</v>
      </c>
      <c r="JW25" s="345">
        <v>0</v>
      </c>
      <c r="JX25" s="345">
        <v>89282</v>
      </c>
      <c r="JY25" s="345">
        <v>0</v>
      </c>
      <c r="JZ25" s="345">
        <v>0</v>
      </c>
      <c r="KA25" s="349">
        <v>89282</v>
      </c>
      <c r="KB25" s="347">
        <v>89282</v>
      </c>
      <c r="KC25" s="352">
        <v>0</v>
      </c>
      <c r="KD25" s="353">
        <v>61792</v>
      </c>
      <c r="KE25" s="349">
        <v>61792</v>
      </c>
      <c r="KF25" s="351">
        <v>0</v>
      </c>
      <c r="KG25" s="345">
        <v>0</v>
      </c>
      <c r="KH25" s="345">
        <v>0</v>
      </c>
      <c r="KI25" s="345">
        <v>211652</v>
      </c>
      <c r="KJ25" s="345">
        <v>0</v>
      </c>
      <c r="KK25" s="345">
        <v>252588</v>
      </c>
      <c r="KL25" s="349">
        <v>464240</v>
      </c>
      <c r="KM25" s="354">
        <v>526032</v>
      </c>
      <c r="KN25" s="342">
        <v>0</v>
      </c>
      <c r="KO25" s="343">
        <v>0</v>
      </c>
      <c r="KP25" s="344">
        <v>0</v>
      </c>
      <c r="KQ25" s="404">
        <v>0</v>
      </c>
      <c r="KR25" s="345">
        <v>210501</v>
      </c>
      <c r="KS25" s="345">
        <v>438083</v>
      </c>
      <c r="KT25" s="345">
        <v>901154</v>
      </c>
      <c r="KU25" s="345">
        <v>0</v>
      </c>
      <c r="KV25" s="345">
        <v>0</v>
      </c>
      <c r="KW25" s="349">
        <v>1549738</v>
      </c>
      <c r="KX25" s="347">
        <v>1549738</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412435</v>
      </c>
      <c r="MK25" s="345">
        <v>1578495</v>
      </c>
      <c r="ML25" s="345">
        <v>639751</v>
      </c>
      <c r="MM25" s="345">
        <v>3496895</v>
      </c>
      <c r="MN25" s="345">
        <v>1914910</v>
      </c>
      <c r="MO25" s="349">
        <v>8042486</v>
      </c>
      <c r="MP25" s="354">
        <v>8042486</v>
      </c>
      <c r="MQ25" s="348">
        <v>0</v>
      </c>
      <c r="MR25" s="345">
        <v>0</v>
      </c>
      <c r="MS25" s="349">
        <v>0</v>
      </c>
      <c r="MT25" s="404">
        <v>0</v>
      </c>
      <c r="MU25" s="345">
        <v>0</v>
      </c>
      <c r="MV25" s="345">
        <v>863782</v>
      </c>
      <c r="MW25" s="345">
        <v>461264</v>
      </c>
      <c r="MX25" s="345">
        <v>1936261</v>
      </c>
      <c r="MY25" s="345">
        <v>1914910</v>
      </c>
      <c r="MZ25" s="349">
        <v>5176217</v>
      </c>
      <c r="NA25" s="354">
        <v>5176217</v>
      </c>
      <c r="NB25" s="348">
        <v>0</v>
      </c>
      <c r="NC25" s="345">
        <v>0</v>
      </c>
      <c r="ND25" s="349">
        <v>0</v>
      </c>
      <c r="NE25" s="404">
        <v>0</v>
      </c>
      <c r="NF25" s="345">
        <v>412435</v>
      </c>
      <c r="NG25" s="345">
        <v>714713</v>
      </c>
      <c r="NH25" s="345">
        <v>167384</v>
      </c>
      <c r="NI25" s="345">
        <v>1560634</v>
      </c>
      <c r="NJ25" s="345">
        <v>0</v>
      </c>
      <c r="NK25" s="349">
        <v>2855166</v>
      </c>
      <c r="NL25" s="347">
        <v>2855166</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11103</v>
      </c>
      <c r="OE25" s="345">
        <v>0</v>
      </c>
      <c r="OF25" s="345">
        <v>0</v>
      </c>
      <c r="OG25" s="349">
        <v>11103</v>
      </c>
      <c r="OH25" s="350">
        <v>11103</v>
      </c>
      <c r="OI25" s="348">
        <v>257033</v>
      </c>
      <c r="OJ25" s="345">
        <v>773571</v>
      </c>
      <c r="OK25" s="346">
        <v>1030604</v>
      </c>
      <c r="OL25" s="351">
        <v>0</v>
      </c>
      <c r="OM25" s="345">
        <v>4110943</v>
      </c>
      <c r="ON25" s="345">
        <v>7140799</v>
      </c>
      <c r="OO25" s="345">
        <v>5662276</v>
      </c>
      <c r="OP25" s="345">
        <v>7210573</v>
      </c>
      <c r="OQ25" s="345">
        <v>4683095</v>
      </c>
      <c r="OR25" s="349">
        <v>28807686</v>
      </c>
      <c r="OS25" s="354">
        <v>29838290</v>
      </c>
    </row>
    <row r="26" spans="2:409" s="70" customFormat="1" ht="21" customHeight="1" x14ac:dyDescent="0.2">
      <c r="B26" s="106" t="s">
        <v>21</v>
      </c>
      <c r="C26" s="326">
        <v>229215</v>
      </c>
      <c r="D26" s="327">
        <v>310499</v>
      </c>
      <c r="E26" s="328">
        <v>539714</v>
      </c>
      <c r="F26" s="329">
        <v>0</v>
      </c>
      <c r="G26" s="327">
        <v>2747808</v>
      </c>
      <c r="H26" s="327">
        <v>2529852</v>
      </c>
      <c r="I26" s="327">
        <v>3434306</v>
      </c>
      <c r="J26" s="327">
        <v>3308984</v>
      </c>
      <c r="K26" s="327">
        <v>2481456</v>
      </c>
      <c r="L26" s="367">
        <v>14502406</v>
      </c>
      <c r="M26" s="330">
        <v>15042120</v>
      </c>
      <c r="N26" s="326">
        <v>39886</v>
      </c>
      <c r="O26" s="327">
        <v>129239</v>
      </c>
      <c r="P26" s="328">
        <v>169125</v>
      </c>
      <c r="Q26" s="326">
        <v>0</v>
      </c>
      <c r="R26" s="327">
        <v>975779</v>
      </c>
      <c r="S26" s="327">
        <v>1131950</v>
      </c>
      <c r="T26" s="327">
        <v>698073</v>
      </c>
      <c r="U26" s="327">
        <v>989926</v>
      </c>
      <c r="V26" s="327">
        <v>1350706</v>
      </c>
      <c r="W26" s="328">
        <v>5146434</v>
      </c>
      <c r="X26" s="330">
        <v>5315559</v>
      </c>
      <c r="Y26" s="326">
        <v>0</v>
      </c>
      <c r="Z26" s="327">
        <v>0</v>
      </c>
      <c r="AA26" s="328">
        <v>0</v>
      </c>
      <c r="AB26" s="326">
        <v>0</v>
      </c>
      <c r="AC26" s="327">
        <v>414643</v>
      </c>
      <c r="AD26" s="327">
        <v>608729</v>
      </c>
      <c r="AE26" s="327">
        <v>238852</v>
      </c>
      <c r="AF26" s="327">
        <v>625261</v>
      </c>
      <c r="AG26" s="327">
        <v>664806</v>
      </c>
      <c r="AH26" s="328">
        <v>2552291</v>
      </c>
      <c r="AI26" s="330">
        <v>2552291</v>
      </c>
      <c r="AJ26" s="326">
        <v>0</v>
      </c>
      <c r="AK26" s="327">
        <v>0</v>
      </c>
      <c r="AL26" s="328">
        <v>0</v>
      </c>
      <c r="AM26" s="326">
        <v>0</v>
      </c>
      <c r="AN26" s="327">
        <v>0</v>
      </c>
      <c r="AO26" s="327">
        <v>0</v>
      </c>
      <c r="AP26" s="327">
        <v>0</v>
      </c>
      <c r="AQ26" s="327">
        <v>32506</v>
      </c>
      <c r="AR26" s="327">
        <v>206661</v>
      </c>
      <c r="AS26" s="328">
        <v>239167</v>
      </c>
      <c r="AT26" s="330">
        <v>239167</v>
      </c>
      <c r="AU26" s="326">
        <v>0</v>
      </c>
      <c r="AV26" s="327">
        <v>0</v>
      </c>
      <c r="AW26" s="328">
        <v>0</v>
      </c>
      <c r="AX26" s="326">
        <v>0</v>
      </c>
      <c r="AY26" s="327">
        <v>376539</v>
      </c>
      <c r="AZ26" s="327">
        <v>304555</v>
      </c>
      <c r="BA26" s="327">
        <v>262898</v>
      </c>
      <c r="BB26" s="327">
        <v>103735</v>
      </c>
      <c r="BC26" s="327">
        <v>346134</v>
      </c>
      <c r="BD26" s="328">
        <v>1393861</v>
      </c>
      <c r="BE26" s="330">
        <v>1393861</v>
      </c>
      <c r="BF26" s="326">
        <v>0</v>
      </c>
      <c r="BG26" s="327">
        <v>62410</v>
      </c>
      <c r="BH26" s="331">
        <v>62410</v>
      </c>
      <c r="BI26" s="332">
        <v>0</v>
      </c>
      <c r="BJ26" s="327">
        <v>0</v>
      </c>
      <c r="BK26" s="327">
        <v>0</v>
      </c>
      <c r="BL26" s="327">
        <v>56029</v>
      </c>
      <c r="BM26" s="327">
        <v>0</v>
      </c>
      <c r="BN26" s="327">
        <v>14245</v>
      </c>
      <c r="BO26" s="328">
        <v>70274</v>
      </c>
      <c r="BP26" s="330">
        <v>132684</v>
      </c>
      <c r="BQ26" s="326">
        <v>39886</v>
      </c>
      <c r="BR26" s="327">
        <v>66829</v>
      </c>
      <c r="BS26" s="328">
        <v>106715</v>
      </c>
      <c r="BT26" s="326">
        <v>0</v>
      </c>
      <c r="BU26" s="327">
        <v>184597</v>
      </c>
      <c r="BV26" s="327">
        <v>218666</v>
      </c>
      <c r="BW26" s="327">
        <v>140294</v>
      </c>
      <c r="BX26" s="327">
        <v>228424</v>
      </c>
      <c r="BY26" s="327">
        <v>118860</v>
      </c>
      <c r="BZ26" s="328">
        <v>890841</v>
      </c>
      <c r="CA26" s="330">
        <v>997556</v>
      </c>
      <c r="CB26" s="326">
        <v>0</v>
      </c>
      <c r="CC26" s="327">
        <v>33187</v>
      </c>
      <c r="CD26" s="328">
        <v>33187</v>
      </c>
      <c r="CE26" s="326">
        <v>0</v>
      </c>
      <c r="CF26" s="327">
        <v>714532</v>
      </c>
      <c r="CG26" s="327">
        <v>821497</v>
      </c>
      <c r="CH26" s="327">
        <v>494105</v>
      </c>
      <c r="CI26" s="327">
        <v>342925</v>
      </c>
      <c r="CJ26" s="327">
        <v>396249</v>
      </c>
      <c r="CK26" s="328">
        <v>2769308</v>
      </c>
      <c r="CL26" s="330">
        <v>2802495</v>
      </c>
      <c r="CM26" s="326">
        <v>0</v>
      </c>
      <c r="CN26" s="327">
        <v>0</v>
      </c>
      <c r="CO26" s="328">
        <v>0</v>
      </c>
      <c r="CP26" s="332">
        <v>0</v>
      </c>
      <c r="CQ26" s="327">
        <v>689255</v>
      </c>
      <c r="CR26" s="327">
        <v>669685</v>
      </c>
      <c r="CS26" s="327">
        <v>401780</v>
      </c>
      <c r="CT26" s="327">
        <v>342925</v>
      </c>
      <c r="CU26" s="327">
        <v>263075</v>
      </c>
      <c r="CV26" s="328">
        <v>2366720</v>
      </c>
      <c r="CW26" s="330">
        <v>2366720</v>
      </c>
      <c r="CX26" s="326">
        <v>0</v>
      </c>
      <c r="CY26" s="327">
        <v>33187</v>
      </c>
      <c r="CZ26" s="328">
        <v>33187</v>
      </c>
      <c r="DA26" s="326">
        <v>0</v>
      </c>
      <c r="DB26" s="327">
        <v>25277</v>
      </c>
      <c r="DC26" s="327">
        <v>151812</v>
      </c>
      <c r="DD26" s="327">
        <v>92325</v>
      </c>
      <c r="DE26" s="327">
        <v>0</v>
      </c>
      <c r="DF26" s="327">
        <v>133174</v>
      </c>
      <c r="DG26" s="328">
        <v>402588</v>
      </c>
      <c r="DH26" s="330">
        <v>435775</v>
      </c>
      <c r="DI26" s="326">
        <v>0</v>
      </c>
      <c r="DJ26" s="327">
        <v>0</v>
      </c>
      <c r="DK26" s="331">
        <v>0</v>
      </c>
      <c r="DL26" s="332">
        <v>0</v>
      </c>
      <c r="DM26" s="327">
        <v>56930</v>
      </c>
      <c r="DN26" s="327">
        <v>62927</v>
      </c>
      <c r="DO26" s="327">
        <v>379067</v>
      </c>
      <c r="DP26" s="327">
        <v>0</v>
      </c>
      <c r="DQ26" s="327">
        <v>0</v>
      </c>
      <c r="DR26" s="328">
        <v>498924</v>
      </c>
      <c r="DS26" s="330">
        <v>498924</v>
      </c>
      <c r="DT26" s="326">
        <v>0</v>
      </c>
      <c r="DU26" s="327">
        <v>0</v>
      </c>
      <c r="DV26" s="328">
        <v>0</v>
      </c>
      <c r="DW26" s="326">
        <v>0</v>
      </c>
      <c r="DX26" s="327">
        <v>56930</v>
      </c>
      <c r="DY26" s="327">
        <v>62927</v>
      </c>
      <c r="DZ26" s="327">
        <v>230354</v>
      </c>
      <c r="EA26" s="327">
        <v>0</v>
      </c>
      <c r="EB26" s="327">
        <v>0</v>
      </c>
      <c r="EC26" s="328">
        <v>350211</v>
      </c>
      <c r="ED26" s="330">
        <v>350211</v>
      </c>
      <c r="EE26" s="326">
        <v>0</v>
      </c>
      <c r="EF26" s="331">
        <v>0</v>
      </c>
      <c r="EG26" s="328">
        <v>0</v>
      </c>
      <c r="EH26" s="326">
        <v>0</v>
      </c>
      <c r="EI26" s="327">
        <v>0</v>
      </c>
      <c r="EJ26" s="327">
        <v>0</v>
      </c>
      <c r="EK26" s="327">
        <v>148713</v>
      </c>
      <c r="EL26" s="327">
        <v>0</v>
      </c>
      <c r="EM26" s="327">
        <v>0</v>
      </c>
      <c r="EN26" s="331">
        <v>148713</v>
      </c>
      <c r="EO26" s="330">
        <v>148713</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41734</v>
      </c>
      <c r="FM26" s="327">
        <v>65744</v>
      </c>
      <c r="FN26" s="328">
        <v>107478</v>
      </c>
      <c r="FO26" s="326">
        <v>0</v>
      </c>
      <c r="FP26" s="327">
        <v>171969</v>
      </c>
      <c r="FQ26" s="327">
        <v>184625</v>
      </c>
      <c r="FR26" s="327">
        <v>290129</v>
      </c>
      <c r="FS26" s="327">
        <v>124026</v>
      </c>
      <c r="FT26" s="327">
        <v>148828</v>
      </c>
      <c r="FU26" s="328">
        <v>919577</v>
      </c>
      <c r="FV26" s="330">
        <v>1027055</v>
      </c>
      <c r="FW26" s="333">
        <v>41734</v>
      </c>
      <c r="FX26" s="327">
        <v>65744</v>
      </c>
      <c r="FY26" s="331">
        <v>107478</v>
      </c>
      <c r="FZ26" s="332">
        <v>0</v>
      </c>
      <c r="GA26" s="327">
        <v>118769</v>
      </c>
      <c r="GB26" s="327">
        <v>184625</v>
      </c>
      <c r="GC26" s="327">
        <v>150129</v>
      </c>
      <c r="GD26" s="327">
        <v>124026</v>
      </c>
      <c r="GE26" s="327">
        <v>85750</v>
      </c>
      <c r="GF26" s="328">
        <v>663299</v>
      </c>
      <c r="GG26" s="334">
        <v>770777</v>
      </c>
      <c r="GH26" s="333">
        <v>0</v>
      </c>
      <c r="GI26" s="327">
        <v>0</v>
      </c>
      <c r="GJ26" s="331">
        <v>0</v>
      </c>
      <c r="GK26" s="332">
        <v>0</v>
      </c>
      <c r="GL26" s="327">
        <v>0</v>
      </c>
      <c r="GM26" s="327">
        <v>0</v>
      </c>
      <c r="GN26" s="327">
        <v>0</v>
      </c>
      <c r="GO26" s="327">
        <v>0</v>
      </c>
      <c r="GP26" s="327">
        <v>63078</v>
      </c>
      <c r="GQ26" s="328">
        <v>63078</v>
      </c>
      <c r="GR26" s="330">
        <v>63078</v>
      </c>
      <c r="GS26" s="326">
        <v>0</v>
      </c>
      <c r="GT26" s="327">
        <v>0</v>
      </c>
      <c r="GU26" s="328">
        <v>0</v>
      </c>
      <c r="GV26" s="326">
        <v>0</v>
      </c>
      <c r="GW26" s="327">
        <v>53200</v>
      </c>
      <c r="GX26" s="327">
        <v>0</v>
      </c>
      <c r="GY26" s="327">
        <v>140000</v>
      </c>
      <c r="GZ26" s="327">
        <v>0</v>
      </c>
      <c r="HA26" s="327">
        <v>0</v>
      </c>
      <c r="HB26" s="331">
        <v>193200</v>
      </c>
      <c r="HC26" s="330">
        <v>193200</v>
      </c>
      <c r="HD26" s="326">
        <v>147595</v>
      </c>
      <c r="HE26" s="327">
        <v>82329</v>
      </c>
      <c r="HF26" s="331">
        <v>229924</v>
      </c>
      <c r="HG26" s="332">
        <v>0</v>
      </c>
      <c r="HH26" s="327">
        <v>828598</v>
      </c>
      <c r="HI26" s="327">
        <v>328853</v>
      </c>
      <c r="HJ26" s="327">
        <v>1572932</v>
      </c>
      <c r="HK26" s="327">
        <v>1852107</v>
      </c>
      <c r="HL26" s="327">
        <v>585673</v>
      </c>
      <c r="HM26" s="328">
        <v>5168163</v>
      </c>
      <c r="HN26" s="329">
        <v>5398087</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576327</v>
      </c>
      <c r="IE26" s="357">
        <v>351994</v>
      </c>
      <c r="IF26" s="358">
        <v>490693</v>
      </c>
      <c r="IG26" s="356">
        <v>786797</v>
      </c>
      <c r="IH26" s="358">
        <v>0</v>
      </c>
      <c r="II26" s="359">
        <v>2205811</v>
      </c>
      <c r="IJ26" s="358">
        <v>2205811</v>
      </c>
      <c r="IK26" s="342">
        <v>0</v>
      </c>
      <c r="IL26" s="343">
        <v>0</v>
      </c>
      <c r="IM26" s="344">
        <v>0</v>
      </c>
      <c r="IN26" s="404">
        <v>0</v>
      </c>
      <c r="IO26" s="345">
        <v>34685</v>
      </c>
      <c r="IP26" s="345">
        <v>0</v>
      </c>
      <c r="IQ26" s="345">
        <v>0</v>
      </c>
      <c r="IR26" s="345">
        <v>0</v>
      </c>
      <c r="IS26" s="345">
        <v>0</v>
      </c>
      <c r="IT26" s="346">
        <v>34685</v>
      </c>
      <c r="IU26" s="347">
        <v>34685</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38533</v>
      </c>
      <c r="JL26" s="345">
        <v>130336</v>
      </c>
      <c r="JM26" s="345">
        <v>95804</v>
      </c>
      <c r="JN26" s="345">
        <v>99057</v>
      </c>
      <c r="JO26" s="345">
        <v>0</v>
      </c>
      <c r="JP26" s="349">
        <v>763730</v>
      </c>
      <c r="JQ26" s="347">
        <v>763730</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3109</v>
      </c>
      <c r="KH26" s="345">
        <v>0</v>
      </c>
      <c r="KI26" s="345">
        <v>394889</v>
      </c>
      <c r="KJ26" s="345">
        <v>0</v>
      </c>
      <c r="KK26" s="345">
        <v>0</v>
      </c>
      <c r="KL26" s="349">
        <v>497998</v>
      </c>
      <c r="KM26" s="354">
        <v>497998</v>
      </c>
      <c r="KN26" s="342">
        <v>0</v>
      </c>
      <c r="KO26" s="343">
        <v>0</v>
      </c>
      <c r="KP26" s="344">
        <v>0</v>
      </c>
      <c r="KQ26" s="404">
        <v>0</v>
      </c>
      <c r="KR26" s="345">
        <v>0</v>
      </c>
      <c r="KS26" s="345">
        <v>221658</v>
      </c>
      <c r="KT26" s="345">
        <v>0</v>
      </c>
      <c r="KU26" s="345">
        <v>687740</v>
      </c>
      <c r="KV26" s="345">
        <v>0</v>
      </c>
      <c r="KW26" s="349">
        <v>909398</v>
      </c>
      <c r="KX26" s="347">
        <v>909398</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902372</v>
      </c>
      <c r="ML26" s="345">
        <v>294449</v>
      </c>
      <c r="MM26" s="345">
        <v>2882336</v>
      </c>
      <c r="MN26" s="345">
        <v>989429</v>
      </c>
      <c r="MO26" s="349">
        <v>5068586</v>
      </c>
      <c r="MP26" s="354">
        <v>5068586</v>
      </c>
      <c r="MQ26" s="348">
        <v>0</v>
      </c>
      <c r="MR26" s="345">
        <v>0</v>
      </c>
      <c r="MS26" s="349">
        <v>0</v>
      </c>
      <c r="MT26" s="404">
        <v>0</v>
      </c>
      <c r="MU26" s="345">
        <v>0</v>
      </c>
      <c r="MV26" s="345">
        <v>0</v>
      </c>
      <c r="MW26" s="345">
        <v>294449</v>
      </c>
      <c r="MX26" s="345">
        <v>1932628</v>
      </c>
      <c r="MY26" s="345">
        <v>989429</v>
      </c>
      <c r="MZ26" s="349">
        <v>3216506</v>
      </c>
      <c r="NA26" s="354">
        <v>3216506</v>
      </c>
      <c r="NB26" s="348">
        <v>0</v>
      </c>
      <c r="NC26" s="345">
        <v>0</v>
      </c>
      <c r="ND26" s="349">
        <v>0</v>
      </c>
      <c r="NE26" s="404">
        <v>0</v>
      </c>
      <c r="NF26" s="345">
        <v>0</v>
      </c>
      <c r="NG26" s="345">
        <v>902372</v>
      </c>
      <c r="NH26" s="345">
        <v>0</v>
      </c>
      <c r="NI26" s="345">
        <v>624446</v>
      </c>
      <c r="NJ26" s="345">
        <v>0</v>
      </c>
      <c r="NK26" s="349">
        <v>1526818</v>
      </c>
      <c r="NL26" s="347">
        <v>1526818</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25262</v>
      </c>
      <c r="OF26" s="345">
        <v>0</v>
      </c>
      <c r="OG26" s="349">
        <v>325262</v>
      </c>
      <c r="OH26" s="350">
        <v>325262</v>
      </c>
      <c r="OI26" s="348">
        <v>229215</v>
      </c>
      <c r="OJ26" s="345">
        <v>310499</v>
      </c>
      <c r="OK26" s="346">
        <v>539714</v>
      </c>
      <c r="OL26" s="351">
        <v>0</v>
      </c>
      <c r="OM26" s="345">
        <v>3324135</v>
      </c>
      <c r="ON26" s="345">
        <v>3784218</v>
      </c>
      <c r="OO26" s="345">
        <v>4219448</v>
      </c>
      <c r="OP26" s="345">
        <v>6978117</v>
      </c>
      <c r="OQ26" s="345">
        <v>3470885</v>
      </c>
      <c r="OR26" s="349">
        <v>21776803</v>
      </c>
      <c r="OS26" s="354">
        <v>22316517</v>
      </c>
    </row>
    <row r="27" spans="2:409" s="70" customFormat="1" ht="21" customHeight="1" x14ac:dyDescent="0.2">
      <c r="B27" s="106" t="s">
        <v>22</v>
      </c>
      <c r="C27" s="326">
        <v>68166</v>
      </c>
      <c r="D27" s="327">
        <v>121807</v>
      </c>
      <c r="E27" s="328">
        <v>189973</v>
      </c>
      <c r="F27" s="329">
        <v>0</v>
      </c>
      <c r="G27" s="327">
        <v>947368</v>
      </c>
      <c r="H27" s="327">
        <v>1185566</v>
      </c>
      <c r="I27" s="327">
        <v>1400859</v>
      </c>
      <c r="J27" s="327">
        <v>1602502</v>
      </c>
      <c r="K27" s="327">
        <v>1954117</v>
      </c>
      <c r="L27" s="367">
        <v>7090412</v>
      </c>
      <c r="M27" s="330">
        <v>7280385</v>
      </c>
      <c r="N27" s="326">
        <v>0</v>
      </c>
      <c r="O27" s="327">
        <v>25473</v>
      </c>
      <c r="P27" s="328">
        <v>25473</v>
      </c>
      <c r="Q27" s="326">
        <v>0</v>
      </c>
      <c r="R27" s="327">
        <v>291426</v>
      </c>
      <c r="S27" s="327">
        <v>106352</v>
      </c>
      <c r="T27" s="327">
        <v>212646</v>
      </c>
      <c r="U27" s="327">
        <v>378223</v>
      </c>
      <c r="V27" s="327">
        <v>1215834</v>
      </c>
      <c r="W27" s="328">
        <v>2204481</v>
      </c>
      <c r="X27" s="330">
        <v>2229954</v>
      </c>
      <c r="Y27" s="326">
        <v>0</v>
      </c>
      <c r="Z27" s="327">
        <v>0</v>
      </c>
      <c r="AA27" s="328">
        <v>0</v>
      </c>
      <c r="AB27" s="326">
        <v>0</v>
      </c>
      <c r="AC27" s="327">
        <v>81259</v>
      </c>
      <c r="AD27" s="327">
        <v>30138</v>
      </c>
      <c r="AE27" s="327">
        <v>96365</v>
      </c>
      <c r="AF27" s="327">
        <v>228804</v>
      </c>
      <c r="AG27" s="327">
        <v>484864</v>
      </c>
      <c r="AH27" s="328">
        <v>921430</v>
      </c>
      <c r="AI27" s="330">
        <v>921430</v>
      </c>
      <c r="AJ27" s="326">
        <v>0</v>
      </c>
      <c r="AK27" s="327">
        <v>0</v>
      </c>
      <c r="AL27" s="328">
        <v>0</v>
      </c>
      <c r="AM27" s="326">
        <v>0</v>
      </c>
      <c r="AN27" s="327">
        <v>0</v>
      </c>
      <c r="AO27" s="327">
        <v>0</v>
      </c>
      <c r="AP27" s="327">
        <v>0</v>
      </c>
      <c r="AQ27" s="327">
        <v>0</v>
      </c>
      <c r="AR27" s="327">
        <v>427979</v>
      </c>
      <c r="AS27" s="328">
        <v>427979</v>
      </c>
      <c r="AT27" s="330">
        <v>427979</v>
      </c>
      <c r="AU27" s="326">
        <v>0</v>
      </c>
      <c r="AV27" s="327">
        <v>0</v>
      </c>
      <c r="AW27" s="328">
        <v>0</v>
      </c>
      <c r="AX27" s="326">
        <v>0</v>
      </c>
      <c r="AY27" s="327">
        <v>142183</v>
      </c>
      <c r="AZ27" s="327">
        <v>33654</v>
      </c>
      <c r="BA27" s="327">
        <v>40492</v>
      </c>
      <c r="BB27" s="327">
        <v>35773</v>
      </c>
      <c r="BC27" s="327">
        <v>281354</v>
      </c>
      <c r="BD27" s="328">
        <v>533456</v>
      </c>
      <c r="BE27" s="330">
        <v>533456</v>
      </c>
      <c r="BF27" s="326">
        <v>0</v>
      </c>
      <c r="BG27" s="327">
        <v>0</v>
      </c>
      <c r="BH27" s="331">
        <v>0</v>
      </c>
      <c r="BI27" s="332">
        <v>0</v>
      </c>
      <c r="BJ27" s="327">
        <v>54446</v>
      </c>
      <c r="BK27" s="327">
        <v>27223</v>
      </c>
      <c r="BL27" s="327">
        <v>0</v>
      </c>
      <c r="BM27" s="327">
        <v>50240</v>
      </c>
      <c r="BN27" s="327">
        <v>0</v>
      </c>
      <c r="BO27" s="328">
        <v>131909</v>
      </c>
      <c r="BP27" s="330">
        <v>131909</v>
      </c>
      <c r="BQ27" s="326">
        <v>0</v>
      </c>
      <c r="BR27" s="327">
        <v>25473</v>
      </c>
      <c r="BS27" s="328">
        <v>25473</v>
      </c>
      <c r="BT27" s="326">
        <v>0</v>
      </c>
      <c r="BU27" s="327">
        <v>13538</v>
      </c>
      <c r="BV27" s="327">
        <v>15337</v>
      </c>
      <c r="BW27" s="327">
        <v>75789</v>
      </c>
      <c r="BX27" s="327">
        <v>63406</v>
      </c>
      <c r="BY27" s="327">
        <v>21637</v>
      </c>
      <c r="BZ27" s="328">
        <v>189707</v>
      </c>
      <c r="CA27" s="330">
        <v>215180</v>
      </c>
      <c r="CB27" s="326">
        <v>54264</v>
      </c>
      <c r="CC27" s="327">
        <v>33474</v>
      </c>
      <c r="CD27" s="328">
        <v>87738</v>
      </c>
      <c r="CE27" s="326">
        <v>0</v>
      </c>
      <c r="CF27" s="327">
        <v>182671</v>
      </c>
      <c r="CG27" s="327">
        <v>463448</v>
      </c>
      <c r="CH27" s="327">
        <v>190324</v>
      </c>
      <c r="CI27" s="327">
        <v>623139</v>
      </c>
      <c r="CJ27" s="327">
        <v>158479</v>
      </c>
      <c r="CK27" s="328">
        <v>1618061</v>
      </c>
      <c r="CL27" s="330">
        <v>1705799</v>
      </c>
      <c r="CM27" s="326">
        <v>0</v>
      </c>
      <c r="CN27" s="327">
        <v>0</v>
      </c>
      <c r="CO27" s="328">
        <v>0</v>
      </c>
      <c r="CP27" s="332">
        <v>0</v>
      </c>
      <c r="CQ27" s="327">
        <v>116096</v>
      </c>
      <c r="CR27" s="327">
        <v>269754</v>
      </c>
      <c r="CS27" s="327">
        <v>190324</v>
      </c>
      <c r="CT27" s="327">
        <v>623139</v>
      </c>
      <c r="CU27" s="327">
        <v>158479</v>
      </c>
      <c r="CV27" s="328">
        <v>1357792</v>
      </c>
      <c r="CW27" s="330">
        <v>1357792</v>
      </c>
      <c r="CX27" s="326">
        <v>54264</v>
      </c>
      <c r="CY27" s="327">
        <v>33474</v>
      </c>
      <c r="CZ27" s="328">
        <v>87738</v>
      </c>
      <c r="DA27" s="326">
        <v>0</v>
      </c>
      <c r="DB27" s="327">
        <v>66575</v>
      </c>
      <c r="DC27" s="327">
        <v>193694</v>
      </c>
      <c r="DD27" s="327">
        <v>0</v>
      </c>
      <c r="DE27" s="327">
        <v>0</v>
      </c>
      <c r="DF27" s="327">
        <v>0</v>
      </c>
      <c r="DG27" s="328">
        <v>260269</v>
      </c>
      <c r="DH27" s="330">
        <v>348007</v>
      </c>
      <c r="DI27" s="326">
        <v>0</v>
      </c>
      <c r="DJ27" s="327">
        <v>0</v>
      </c>
      <c r="DK27" s="331">
        <v>0</v>
      </c>
      <c r="DL27" s="332">
        <v>0</v>
      </c>
      <c r="DM27" s="327">
        <v>0</v>
      </c>
      <c r="DN27" s="327">
        <v>103175</v>
      </c>
      <c r="DO27" s="327">
        <v>288274</v>
      </c>
      <c r="DP27" s="327">
        <v>100517</v>
      </c>
      <c r="DQ27" s="327">
        <v>0</v>
      </c>
      <c r="DR27" s="328">
        <v>491966</v>
      </c>
      <c r="DS27" s="330">
        <v>491966</v>
      </c>
      <c r="DT27" s="326">
        <v>0</v>
      </c>
      <c r="DU27" s="327">
        <v>0</v>
      </c>
      <c r="DV27" s="328">
        <v>0</v>
      </c>
      <c r="DW27" s="326">
        <v>0</v>
      </c>
      <c r="DX27" s="327">
        <v>0</v>
      </c>
      <c r="DY27" s="327">
        <v>103175</v>
      </c>
      <c r="DZ27" s="327">
        <v>213523</v>
      </c>
      <c r="EA27" s="327">
        <v>100517</v>
      </c>
      <c r="EB27" s="327">
        <v>0</v>
      </c>
      <c r="EC27" s="328">
        <v>417215</v>
      </c>
      <c r="ED27" s="330">
        <v>417215</v>
      </c>
      <c r="EE27" s="326">
        <v>0</v>
      </c>
      <c r="EF27" s="331">
        <v>0</v>
      </c>
      <c r="EG27" s="328">
        <v>0</v>
      </c>
      <c r="EH27" s="326">
        <v>0</v>
      </c>
      <c r="EI27" s="327">
        <v>0</v>
      </c>
      <c r="EJ27" s="327">
        <v>0</v>
      </c>
      <c r="EK27" s="327">
        <v>74751</v>
      </c>
      <c r="EL27" s="327">
        <v>0</v>
      </c>
      <c r="EM27" s="327">
        <v>0</v>
      </c>
      <c r="EN27" s="331">
        <v>74751</v>
      </c>
      <c r="EO27" s="330">
        <v>7475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13902</v>
      </c>
      <c r="FM27" s="327">
        <v>62860</v>
      </c>
      <c r="FN27" s="328">
        <v>76762</v>
      </c>
      <c r="FO27" s="326">
        <v>0</v>
      </c>
      <c r="FP27" s="327">
        <v>65996</v>
      </c>
      <c r="FQ27" s="327">
        <v>168539</v>
      </c>
      <c r="FR27" s="327">
        <v>188244</v>
      </c>
      <c r="FS27" s="327">
        <v>127995</v>
      </c>
      <c r="FT27" s="327">
        <v>171248</v>
      </c>
      <c r="FU27" s="328">
        <v>722022</v>
      </c>
      <c r="FV27" s="330">
        <v>798784</v>
      </c>
      <c r="FW27" s="333">
        <v>13902</v>
      </c>
      <c r="FX27" s="327">
        <v>62860</v>
      </c>
      <c r="FY27" s="331">
        <v>76762</v>
      </c>
      <c r="FZ27" s="332">
        <v>0</v>
      </c>
      <c r="GA27" s="327">
        <v>51996</v>
      </c>
      <c r="GB27" s="327">
        <v>98525</v>
      </c>
      <c r="GC27" s="327">
        <v>59654</v>
      </c>
      <c r="GD27" s="327">
        <v>127995</v>
      </c>
      <c r="GE27" s="327">
        <v>171248</v>
      </c>
      <c r="GF27" s="328">
        <v>509418</v>
      </c>
      <c r="GG27" s="334">
        <v>586180</v>
      </c>
      <c r="GH27" s="333">
        <v>0</v>
      </c>
      <c r="GI27" s="327">
        <v>0</v>
      </c>
      <c r="GJ27" s="331">
        <v>0</v>
      </c>
      <c r="GK27" s="332">
        <v>0</v>
      </c>
      <c r="GL27" s="327">
        <v>0</v>
      </c>
      <c r="GM27" s="327">
        <v>22974</v>
      </c>
      <c r="GN27" s="327">
        <v>0</v>
      </c>
      <c r="GO27" s="327">
        <v>0</v>
      </c>
      <c r="GP27" s="327">
        <v>0</v>
      </c>
      <c r="GQ27" s="328">
        <v>22974</v>
      </c>
      <c r="GR27" s="330">
        <v>22974</v>
      </c>
      <c r="GS27" s="326">
        <v>0</v>
      </c>
      <c r="GT27" s="327">
        <v>0</v>
      </c>
      <c r="GU27" s="328">
        <v>0</v>
      </c>
      <c r="GV27" s="326">
        <v>0</v>
      </c>
      <c r="GW27" s="327">
        <v>14000</v>
      </c>
      <c r="GX27" s="327">
        <v>47040</v>
      </c>
      <c r="GY27" s="327">
        <v>128590</v>
      </c>
      <c r="GZ27" s="327">
        <v>0</v>
      </c>
      <c r="HA27" s="327">
        <v>0</v>
      </c>
      <c r="HB27" s="331">
        <v>189630</v>
      </c>
      <c r="HC27" s="330">
        <v>189630</v>
      </c>
      <c r="HD27" s="326">
        <v>0</v>
      </c>
      <c r="HE27" s="327">
        <v>0</v>
      </c>
      <c r="HF27" s="331">
        <v>0</v>
      </c>
      <c r="HG27" s="332">
        <v>0</v>
      </c>
      <c r="HH27" s="327">
        <v>407275</v>
      </c>
      <c r="HI27" s="327">
        <v>344052</v>
      </c>
      <c r="HJ27" s="327">
        <v>521371</v>
      </c>
      <c r="HK27" s="327">
        <v>372628</v>
      </c>
      <c r="HL27" s="327">
        <v>408556</v>
      </c>
      <c r="HM27" s="328">
        <v>2053882</v>
      </c>
      <c r="HN27" s="329">
        <v>2053882</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289603</v>
      </c>
      <c r="IE27" s="339">
        <v>673226</v>
      </c>
      <c r="IF27" s="337">
        <v>137879</v>
      </c>
      <c r="IG27" s="336">
        <v>246136</v>
      </c>
      <c r="IH27" s="337">
        <v>0</v>
      </c>
      <c r="II27" s="340">
        <v>1346844</v>
      </c>
      <c r="IJ27" s="341">
        <v>1346844</v>
      </c>
      <c r="IK27" s="342">
        <v>0</v>
      </c>
      <c r="IL27" s="343">
        <v>0</v>
      </c>
      <c r="IM27" s="344">
        <v>0</v>
      </c>
      <c r="IN27" s="404">
        <v>0</v>
      </c>
      <c r="IO27" s="345">
        <v>0</v>
      </c>
      <c r="IP27" s="345">
        <v>0</v>
      </c>
      <c r="IQ27" s="345">
        <v>137879</v>
      </c>
      <c r="IR27" s="345">
        <v>159607</v>
      </c>
      <c r="IS27" s="345">
        <v>0</v>
      </c>
      <c r="IT27" s="346">
        <v>297486</v>
      </c>
      <c r="IU27" s="347">
        <v>297486</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89603</v>
      </c>
      <c r="JL27" s="345">
        <v>260726</v>
      </c>
      <c r="JM27" s="345">
        <v>0</v>
      </c>
      <c r="JN27" s="345">
        <v>41302</v>
      </c>
      <c r="JO27" s="345">
        <v>0</v>
      </c>
      <c r="JP27" s="349">
        <v>591631</v>
      </c>
      <c r="JQ27" s="347">
        <v>591631</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412500</v>
      </c>
      <c r="KI27" s="345">
        <v>0</v>
      </c>
      <c r="KJ27" s="345">
        <v>45227</v>
      </c>
      <c r="KK27" s="345">
        <v>0</v>
      </c>
      <c r="KL27" s="349">
        <v>457727</v>
      </c>
      <c r="KM27" s="354">
        <v>457727</v>
      </c>
      <c r="KN27" s="342">
        <v>0</v>
      </c>
      <c r="KO27" s="343">
        <v>0</v>
      </c>
      <c r="KP27" s="344">
        <v>0</v>
      </c>
      <c r="KQ27" s="404">
        <v>0</v>
      </c>
      <c r="KR27" s="345">
        <v>0</v>
      </c>
      <c r="KS27" s="345">
        <v>0</v>
      </c>
      <c r="KT27" s="345">
        <v>0</v>
      </c>
      <c r="KU27" s="345">
        <v>0</v>
      </c>
      <c r="KV27" s="345">
        <v>0</v>
      </c>
      <c r="KW27" s="349">
        <v>0</v>
      </c>
      <c r="KX27" s="347">
        <v>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20468</v>
      </c>
      <c r="ML27" s="345">
        <v>206984</v>
      </c>
      <c r="MM27" s="345">
        <v>390498</v>
      </c>
      <c r="MN27" s="345">
        <v>0</v>
      </c>
      <c r="MO27" s="349">
        <v>1017950</v>
      </c>
      <c r="MP27" s="354">
        <v>1017950</v>
      </c>
      <c r="MQ27" s="348">
        <v>0</v>
      </c>
      <c r="MR27" s="345">
        <v>0</v>
      </c>
      <c r="MS27" s="349">
        <v>0</v>
      </c>
      <c r="MT27" s="404">
        <v>0</v>
      </c>
      <c r="MU27" s="345">
        <v>0</v>
      </c>
      <c r="MV27" s="345">
        <v>206139</v>
      </c>
      <c r="MW27" s="345">
        <v>206984</v>
      </c>
      <c r="MX27" s="345">
        <v>244876</v>
      </c>
      <c r="MY27" s="345">
        <v>0</v>
      </c>
      <c r="MZ27" s="349">
        <v>657999</v>
      </c>
      <c r="NA27" s="354">
        <v>657999</v>
      </c>
      <c r="NB27" s="348">
        <v>0</v>
      </c>
      <c r="NC27" s="345">
        <v>0</v>
      </c>
      <c r="ND27" s="349">
        <v>0</v>
      </c>
      <c r="NE27" s="404">
        <v>0</v>
      </c>
      <c r="NF27" s="345">
        <v>0</v>
      </c>
      <c r="NG27" s="345">
        <v>214329</v>
      </c>
      <c r="NH27" s="345">
        <v>0</v>
      </c>
      <c r="NI27" s="345">
        <v>145622</v>
      </c>
      <c r="NJ27" s="345">
        <v>0</v>
      </c>
      <c r="NK27" s="349">
        <v>359951</v>
      </c>
      <c r="NL27" s="347">
        <v>359951</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68166</v>
      </c>
      <c r="OJ27" s="345">
        <v>121807</v>
      </c>
      <c r="OK27" s="346">
        <v>189973</v>
      </c>
      <c r="OL27" s="351">
        <v>0</v>
      </c>
      <c r="OM27" s="345">
        <v>1236971</v>
      </c>
      <c r="ON27" s="345">
        <v>2279260</v>
      </c>
      <c r="OO27" s="345">
        <v>1745722</v>
      </c>
      <c r="OP27" s="345">
        <v>2239136</v>
      </c>
      <c r="OQ27" s="345">
        <v>1954117</v>
      </c>
      <c r="OR27" s="349">
        <v>9455206</v>
      </c>
      <c r="OS27" s="354">
        <v>9645179</v>
      </c>
    </row>
    <row r="28" spans="2:409" s="70" customFormat="1" ht="21" customHeight="1" x14ac:dyDescent="0.2">
      <c r="B28" s="106" t="s">
        <v>23</v>
      </c>
      <c r="C28" s="326">
        <v>99623</v>
      </c>
      <c r="D28" s="327">
        <v>192455</v>
      </c>
      <c r="E28" s="328">
        <v>292078</v>
      </c>
      <c r="F28" s="329">
        <v>0</v>
      </c>
      <c r="G28" s="327">
        <v>1303664</v>
      </c>
      <c r="H28" s="327">
        <v>2430559</v>
      </c>
      <c r="I28" s="327">
        <v>2059128</v>
      </c>
      <c r="J28" s="327">
        <v>2366254</v>
      </c>
      <c r="K28" s="327">
        <v>2084638</v>
      </c>
      <c r="L28" s="367">
        <v>10244243</v>
      </c>
      <c r="M28" s="330">
        <v>10536321</v>
      </c>
      <c r="N28" s="326">
        <v>72376</v>
      </c>
      <c r="O28" s="327">
        <v>100296</v>
      </c>
      <c r="P28" s="328">
        <v>172672</v>
      </c>
      <c r="Q28" s="326">
        <v>0</v>
      </c>
      <c r="R28" s="327">
        <v>146737</v>
      </c>
      <c r="S28" s="327">
        <v>771474</v>
      </c>
      <c r="T28" s="327">
        <v>1085065</v>
      </c>
      <c r="U28" s="327">
        <v>376583</v>
      </c>
      <c r="V28" s="327">
        <v>494241</v>
      </c>
      <c r="W28" s="328">
        <v>2874100</v>
      </c>
      <c r="X28" s="330">
        <v>3046772</v>
      </c>
      <c r="Y28" s="326">
        <v>0</v>
      </c>
      <c r="Z28" s="327">
        <v>0</v>
      </c>
      <c r="AA28" s="328">
        <v>0</v>
      </c>
      <c r="AB28" s="326">
        <v>0</v>
      </c>
      <c r="AC28" s="327">
        <v>0</v>
      </c>
      <c r="AD28" s="327">
        <v>168420</v>
      </c>
      <c r="AE28" s="327">
        <v>738370</v>
      </c>
      <c r="AF28" s="327">
        <v>186728</v>
      </c>
      <c r="AG28" s="327">
        <v>265976</v>
      </c>
      <c r="AH28" s="328">
        <v>1359494</v>
      </c>
      <c r="AI28" s="330">
        <v>1359494</v>
      </c>
      <c r="AJ28" s="326">
        <v>0</v>
      </c>
      <c r="AK28" s="327">
        <v>0</v>
      </c>
      <c r="AL28" s="328">
        <v>0</v>
      </c>
      <c r="AM28" s="326">
        <v>0</v>
      </c>
      <c r="AN28" s="327">
        <v>0</v>
      </c>
      <c r="AO28" s="327">
        <v>92508</v>
      </c>
      <c r="AP28" s="327">
        <v>0</v>
      </c>
      <c r="AQ28" s="327">
        <v>0</v>
      </c>
      <c r="AR28" s="327">
        <v>0</v>
      </c>
      <c r="AS28" s="328">
        <v>92508</v>
      </c>
      <c r="AT28" s="330">
        <v>92508</v>
      </c>
      <c r="AU28" s="326">
        <v>53692</v>
      </c>
      <c r="AV28" s="327">
        <v>66494</v>
      </c>
      <c r="AW28" s="328">
        <v>120186</v>
      </c>
      <c r="AX28" s="326">
        <v>0</v>
      </c>
      <c r="AY28" s="327">
        <v>93117</v>
      </c>
      <c r="AZ28" s="327">
        <v>430872</v>
      </c>
      <c r="BA28" s="327">
        <v>254848</v>
      </c>
      <c r="BB28" s="327">
        <v>21008</v>
      </c>
      <c r="BC28" s="327">
        <v>78220</v>
      </c>
      <c r="BD28" s="328">
        <v>878065</v>
      </c>
      <c r="BE28" s="330">
        <v>998251</v>
      </c>
      <c r="BF28" s="326">
        <v>18684</v>
      </c>
      <c r="BG28" s="327">
        <v>33802</v>
      </c>
      <c r="BH28" s="331">
        <v>52486</v>
      </c>
      <c r="BI28" s="332">
        <v>0</v>
      </c>
      <c r="BJ28" s="327">
        <v>0</v>
      </c>
      <c r="BK28" s="327">
        <v>0</v>
      </c>
      <c r="BL28" s="327">
        <v>0</v>
      </c>
      <c r="BM28" s="327">
        <v>0</v>
      </c>
      <c r="BN28" s="327">
        <v>0</v>
      </c>
      <c r="BO28" s="328">
        <v>0</v>
      </c>
      <c r="BP28" s="330">
        <v>52486</v>
      </c>
      <c r="BQ28" s="326">
        <v>0</v>
      </c>
      <c r="BR28" s="327">
        <v>0</v>
      </c>
      <c r="BS28" s="328">
        <v>0</v>
      </c>
      <c r="BT28" s="326">
        <v>0</v>
      </c>
      <c r="BU28" s="327">
        <v>53620</v>
      </c>
      <c r="BV28" s="327">
        <v>79674</v>
      </c>
      <c r="BW28" s="327">
        <v>91847</v>
      </c>
      <c r="BX28" s="327">
        <v>168847</v>
      </c>
      <c r="BY28" s="327">
        <v>150045</v>
      </c>
      <c r="BZ28" s="328">
        <v>544033</v>
      </c>
      <c r="CA28" s="330">
        <v>544033</v>
      </c>
      <c r="CB28" s="326">
        <v>19008</v>
      </c>
      <c r="CC28" s="327">
        <v>35683</v>
      </c>
      <c r="CD28" s="328">
        <v>54691</v>
      </c>
      <c r="CE28" s="326">
        <v>0</v>
      </c>
      <c r="CF28" s="327">
        <v>536329</v>
      </c>
      <c r="CG28" s="327">
        <v>678412</v>
      </c>
      <c r="CH28" s="327">
        <v>556315</v>
      </c>
      <c r="CI28" s="327">
        <v>186702</v>
      </c>
      <c r="CJ28" s="327">
        <v>233595</v>
      </c>
      <c r="CK28" s="328">
        <v>2191353</v>
      </c>
      <c r="CL28" s="330">
        <v>2246044</v>
      </c>
      <c r="CM28" s="326">
        <v>0</v>
      </c>
      <c r="CN28" s="327">
        <v>0</v>
      </c>
      <c r="CO28" s="328">
        <v>0</v>
      </c>
      <c r="CP28" s="332">
        <v>0</v>
      </c>
      <c r="CQ28" s="327">
        <v>472184</v>
      </c>
      <c r="CR28" s="327">
        <v>678412</v>
      </c>
      <c r="CS28" s="327">
        <v>369064</v>
      </c>
      <c r="CT28" s="327">
        <v>87553</v>
      </c>
      <c r="CU28" s="327">
        <v>139098</v>
      </c>
      <c r="CV28" s="328">
        <v>1746311</v>
      </c>
      <c r="CW28" s="330">
        <v>1746311</v>
      </c>
      <c r="CX28" s="326">
        <v>19008</v>
      </c>
      <c r="CY28" s="327">
        <v>35683</v>
      </c>
      <c r="CZ28" s="328">
        <v>54691</v>
      </c>
      <c r="DA28" s="326">
        <v>0</v>
      </c>
      <c r="DB28" s="327">
        <v>64145</v>
      </c>
      <c r="DC28" s="327">
        <v>0</v>
      </c>
      <c r="DD28" s="327">
        <v>187251</v>
      </c>
      <c r="DE28" s="327">
        <v>99149</v>
      </c>
      <c r="DF28" s="327">
        <v>94497</v>
      </c>
      <c r="DG28" s="328">
        <v>445042</v>
      </c>
      <c r="DH28" s="330">
        <v>499733</v>
      </c>
      <c r="DI28" s="326">
        <v>0</v>
      </c>
      <c r="DJ28" s="327">
        <v>0</v>
      </c>
      <c r="DK28" s="331">
        <v>0</v>
      </c>
      <c r="DL28" s="332">
        <v>0</v>
      </c>
      <c r="DM28" s="327">
        <v>128062</v>
      </c>
      <c r="DN28" s="327">
        <v>332476</v>
      </c>
      <c r="DO28" s="327">
        <v>217100</v>
      </c>
      <c r="DP28" s="327">
        <v>0</v>
      </c>
      <c r="DQ28" s="327">
        <v>0</v>
      </c>
      <c r="DR28" s="328">
        <v>677638</v>
      </c>
      <c r="DS28" s="330">
        <v>677638</v>
      </c>
      <c r="DT28" s="326">
        <v>0</v>
      </c>
      <c r="DU28" s="327">
        <v>0</v>
      </c>
      <c r="DV28" s="328">
        <v>0</v>
      </c>
      <c r="DW28" s="326">
        <v>0</v>
      </c>
      <c r="DX28" s="327">
        <v>128062</v>
      </c>
      <c r="DY28" s="327">
        <v>332476</v>
      </c>
      <c r="DZ28" s="327">
        <v>217100</v>
      </c>
      <c r="EA28" s="327">
        <v>0</v>
      </c>
      <c r="EB28" s="327">
        <v>0</v>
      </c>
      <c r="EC28" s="328">
        <v>677638</v>
      </c>
      <c r="ED28" s="330">
        <v>677638</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8239</v>
      </c>
      <c r="FM28" s="327">
        <v>56476</v>
      </c>
      <c r="FN28" s="328">
        <v>64715</v>
      </c>
      <c r="FO28" s="326">
        <v>0</v>
      </c>
      <c r="FP28" s="327">
        <v>68236</v>
      </c>
      <c r="FQ28" s="327">
        <v>330127</v>
      </c>
      <c r="FR28" s="327">
        <v>200648</v>
      </c>
      <c r="FS28" s="327">
        <v>80143</v>
      </c>
      <c r="FT28" s="327">
        <v>115409</v>
      </c>
      <c r="FU28" s="328">
        <v>794563</v>
      </c>
      <c r="FV28" s="330">
        <v>859278</v>
      </c>
      <c r="FW28" s="333">
        <v>8239</v>
      </c>
      <c r="FX28" s="327">
        <v>56476</v>
      </c>
      <c r="FY28" s="331">
        <v>64715</v>
      </c>
      <c r="FZ28" s="332">
        <v>0</v>
      </c>
      <c r="GA28" s="327">
        <v>55916</v>
      </c>
      <c r="GB28" s="327">
        <v>180194</v>
      </c>
      <c r="GC28" s="327">
        <v>182798</v>
      </c>
      <c r="GD28" s="327">
        <v>80143</v>
      </c>
      <c r="GE28" s="327">
        <v>115409</v>
      </c>
      <c r="GF28" s="328">
        <v>614460</v>
      </c>
      <c r="GG28" s="334">
        <v>679175</v>
      </c>
      <c r="GH28" s="333">
        <v>0</v>
      </c>
      <c r="GI28" s="327">
        <v>0</v>
      </c>
      <c r="GJ28" s="331">
        <v>0</v>
      </c>
      <c r="GK28" s="332">
        <v>0</v>
      </c>
      <c r="GL28" s="327">
        <v>12320</v>
      </c>
      <c r="GM28" s="327">
        <v>9933</v>
      </c>
      <c r="GN28" s="327">
        <v>17850</v>
      </c>
      <c r="GO28" s="327">
        <v>0</v>
      </c>
      <c r="GP28" s="327">
        <v>0</v>
      </c>
      <c r="GQ28" s="328">
        <v>40103</v>
      </c>
      <c r="GR28" s="330">
        <v>40103</v>
      </c>
      <c r="GS28" s="326">
        <v>0</v>
      </c>
      <c r="GT28" s="327">
        <v>0</v>
      </c>
      <c r="GU28" s="328">
        <v>0</v>
      </c>
      <c r="GV28" s="326">
        <v>0</v>
      </c>
      <c r="GW28" s="327">
        <v>0</v>
      </c>
      <c r="GX28" s="327">
        <v>140000</v>
      </c>
      <c r="GY28" s="327">
        <v>0</v>
      </c>
      <c r="GZ28" s="327">
        <v>0</v>
      </c>
      <c r="HA28" s="327">
        <v>0</v>
      </c>
      <c r="HB28" s="331">
        <v>140000</v>
      </c>
      <c r="HC28" s="330">
        <v>140000</v>
      </c>
      <c r="HD28" s="326">
        <v>0</v>
      </c>
      <c r="HE28" s="327">
        <v>0</v>
      </c>
      <c r="HF28" s="331">
        <v>0</v>
      </c>
      <c r="HG28" s="332">
        <v>0</v>
      </c>
      <c r="HH28" s="327">
        <v>424300</v>
      </c>
      <c r="HI28" s="327">
        <v>318070</v>
      </c>
      <c r="HJ28" s="327">
        <v>0</v>
      </c>
      <c r="HK28" s="327">
        <v>1722826</v>
      </c>
      <c r="HL28" s="327">
        <v>1241393</v>
      </c>
      <c r="HM28" s="328">
        <v>3706589</v>
      </c>
      <c r="HN28" s="329">
        <v>3706589</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264344</v>
      </c>
      <c r="IE28" s="357">
        <v>388212</v>
      </c>
      <c r="IF28" s="358">
        <v>863545</v>
      </c>
      <c r="IG28" s="356">
        <v>226276</v>
      </c>
      <c r="IH28" s="358">
        <v>312639</v>
      </c>
      <c r="II28" s="359">
        <v>2055016</v>
      </c>
      <c r="IJ28" s="358">
        <v>2055016</v>
      </c>
      <c r="IK28" s="342">
        <v>0</v>
      </c>
      <c r="IL28" s="343">
        <v>0</v>
      </c>
      <c r="IM28" s="344">
        <v>0</v>
      </c>
      <c r="IN28" s="404">
        <v>0</v>
      </c>
      <c r="IO28" s="345">
        <v>0</v>
      </c>
      <c r="IP28" s="345">
        <v>0</v>
      </c>
      <c r="IQ28" s="345">
        <v>0</v>
      </c>
      <c r="IR28" s="345">
        <v>0</v>
      </c>
      <c r="IS28" s="345">
        <v>269267</v>
      </c>
      <c r="IT28" s="346">
        <v>269267</v>
      </c>
      <c r="IU28" s="347">
        <v>269267</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51866</v>
      </c>
      <c r="JL28" s="345">
        <v>170240</v>
      </c>
      <c r="JM28" s="345">
        <v>200136</v>
      </c>
      <c r="JN28" s="345">
        <v>0</v>
      </c>
      <c r="JO28" s="345">
        <v>0</v>
      </c>
      <c r="JP28" s="349">
        <v>422242</v>
      </c>
      <c r="JQ28" s="347">
        <v>422242</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12478</v>
      </c>
      <c r="KS28" s="345">
        <v>217972</v>
      </c>
      <c r="KT28" s="345">
        <v>663409</v>
      </c>
      <c r="KU28" s="345">
        <v>0</v>
      </c>
      <c r="KV28" s="345">
        <v>0</v>
      </c>
      <c r="KW28" s="349">
        <v>1093859</v>
      </c>
      <c r="KX28" s="347">
        <v>1093859</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226276</v>
      </c>
      <c r="MC28" s="345">
        <v>43372</v>
      </c>
      <c r="MD28" s="349">
        <v>269648</v>
      </c>
      <c r="ME28" s="350">
        <v>269648</v>
      </c>
      <c r="MF28" s="348">
        <v>0</v>
      </c>
      <c r="MG28" s="345">
        <v>0</v>
      </c>
      <c r="MH28" s="349">
        <v>0</v>
      </c>
      <c r="MI28" s="404">
        <v>0</v>
      </c>
      <c r="MJ28" s="345">
        <v>0</v>
      </c>
      <c r="MK28" s="345">
        <v>0</v>
      </c>
      <c r="ML28" s="345">
        <v>683888</v>
      </c>
      <c r="MM28" s="345">
        <v>1121516</v>
      </c>
      <c r="MN28" s="345">
        <v>1326261</v>
      </c>
      <c r="MO28" s="349">
        <v>3131665</v>
      </c>
      <c r="MP28" s="354">
        <v>3131665</v>
      </c>
      <c r="MQ28" s="348">
        <v>0</v>
      </c>
      <c r="MR28" s="345">
        <v>0</v>
      </c>
      <c r="MS28" s="349">
        <v>0</v>
      </c>
      <c r="MT28" s="404">
        <v>0</v>
      </c>
      <c r="MU28" s="345">
        <v>0</v>
      </c>
      <c r="MV28" s="345">
        <v>0</v>
      </c>
      <c r="MW28" s="345">
        <v>683888</v>
      </c>
      <c r="MX28" s="345">
        <v>681375</v>
      </c>
      <c r="MY28" s="345">
        <v>734410</v>
      </c>
      <c r="MZ28" s="349">
        <v>2099673</v>
      </c>
      <c r="NA28" s="354">
        <v>2099673</v>
      </c>
      <c r="NB28" s="348">
        <v>0</v>
      </c>
      <c r="NC28" s="345">
        <v>0</v>
      </c>
      <c r="ND28" s="349">
        <v>0</v>
      </c>
      <c r="NE28" s="404">
        <v>0</v>
      </c>
      <c r="NF28" s="345">
        <v>0</v>
      </c>
      <c r="NG28" s="345">
        <v>0</v>
      </c>
      <c r="NH28" s="345">
        <v>0</v>
      </c>
      <c r="NI28" s="345">
        <v>440141</v>
      </c>
      <c r="NJ28" s="345">
        <v>250436</v>
      </c>
      <c r="NK28" s="349">
        <v>690577</v>
      </c>
      <c r="NL28" s="347">
        <v>690577</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41415</v>
      </c>
      <c r="OG28" s="349">
        <v>341415</v>
      </c>
      <c r="OH28" s="350">
        <v>341415</v>
      </c>
      <c r="OI28" s="348">
        <v>99623</v>
      </c>
      <c r="OJ28" s="345">
        <v>192455</v>
      </c>
      <c r="OK28" s="346">
        <v>292078</v>
      </c>
      <c r="OL28" s="351">
        <v>0</v>
      </c>
      <c r="OM28" s="345">
        <v>1568008</v>
      </c>
      <c r="ON28" s="345">
        <v>2818771</v>
      </c>
      <c r="OO28" s="345">
        <v>3606561</v>
      </c>
      <c r="OP28" s="345">
        <v>3714046</v>
      </c>
      <c r="OQ28" s="345">
        <v>3723538</v>
      </c>
      <c r="OR28" s="349">
        <v>15430924</v>
      </c>
      <c r="OS28" s="354">
        <v>15723002</v>
      </c>
    </row>
    <row r="29" spans="2:409" s="70" customFormat="1" ht="21" customHeight="1" x14ac:dyDescent="0.2">
      <c r="B29" s="106" t="s">
        <v>24</v>
      </c>
      <c r="C29" s="326">
        <v>264253</v>
      </c>
      <c r="D29" s="327">
        <v>571752</v>
      </c>
      <c r="E29" s="328">
        <v>836005</v>
      </c>
      <c r="F29" s="329">
        <v>0</v>
      </c>
      <c r="G29" s="327">
        <v>1809112</v>
      </c>
      <c r="H29" s="327">
        <v>2590039</v>
      </c>
      <c r="I29" s="327">
        <v>1706550</v>
      </c>
      <c r="J29" s="327">
        <v>1887158</v>
      </c>
      <c r="K29" s="327">
        <v>2335307</v>
      </c>
      <c r="L29" s="367">
        <v>10328166</v>
      </c>
      <c r="M29" s="330">
        <v>11164171</v>
      </c>
      <c r="N29" s="326">
        <v>22140</v>
      </c>
      <c r="O29" s="327">
        <v>128347</v>
      </c>
      <c r="P29" s="328">
        <v>150487</v>
      </c>
      <c r="Q29" s="326">
        <v>0</v>
      </c>
      <c r="R29" s="327">
        <v>433485</v>
      </c>
      <c r="S29" s="327">
        <v>693586</v>
      </c>
      <c r="T29" s="327">
        <v>541436</v>
      </c>
      <c r="U29" s="327">
        <v>797771</v>
      </c>
      <c r="V29" s="327">
        <v>796489</v>
      </c>
      <c r="W29" s="328">
        <v>3262767</v>
      </c>
      <c r="X29" s="330">
        <v>3413254</v>
      </c>
      <c r="Y29" s="326">
        <v>0</v>
      </c>
      <c r="Z29" s="327">
        <v>0</v>
      </c>
      <c r="AA29" s="328">
        <v>0</v>
      </c>
      <c r="AB29" s="326">
        <v>0</v>
      </c>
      <c r="AC29" s="327">
        <v>170927</v>
      </c>
      <c r="AD29" s="327">
        <v>249513</v>
      </c>
      <c r="AE29" s="327">
        <v>226122</v>
      </c>
      <c r="AF29" s="327">
        <v>236992</v>
      </c>
      <c r="AG29" s="327">
        <v>387809</v>
      </c>
      <c r="AH29" s="328">
        <v>1271363</v>
      </c>
      <c r="AI29" s="330">
        <v>1271363</v>
      </c>
      <c r="AJ29" s="326">
        <v>0</v>
      </c>
      <c r="AK29" s="327">
        <v>0</v>
      </c>
      <c r="AL29" s="328">
        <v>0</v>
      </c>
      <c r="AM29" s="326">
        <v>0</v>
      </c>
      <c r="AN29" s="327">
        <v>0</v>
      </c>
      <c r="AO29" s="327">
        <v>53077</v>
      </c>
      <c r="AP29" s="327">
        <v>32886</v>
      </c>
      <c r="AQ29" s="327">
        <v>0</v>
      </c>
      <c r="AR29" s="327">
        <v>105145</v>
      </c>
      <c r="AS29" s="328">
        <v>191108</v>
      </c>
      <c r="AT29" s="330">
        <v>191108</v>
      </c>
      <c r="AU29" s="326">
        <v>10576</v>
      </c>
      <c r="AV29" s="327">
        <v>112786</v>
      </c>
      <c r="AW29" s="328">
        <v>123362</v>
      </c>
      <c r="AX29" s="326">
        <v>0</v>
      </c>
      <c r="AY29" s="327">
        <v>146743</v>
      </c>
      <c r="AZ29" s="327">
        <v>253866</v>
      </c>
      <c r="BA29" s="327">
        <v>163281</v>
      </c>
      <c r="BB29" s="327">
        <v>408459</v>
      </c>
      <c r="BC29" s="327">
        <v>146521</v>
      </c>
      <c r="BD29" s="328">
        <v>1118870</v>
      </c>
      <c r="BE29" s="330">
        <v>1242232</v>
      </c>
      <c r="BF29" s="326">
        <v>0</v>
      </c>
      <c r="BG29" s="327">
        <v>0</v>
      </c>
      <c r="BH29" s="331">
        <v>0</v>
      </c>
      <c r="BI29" s="332">
        <v>0</v>
      </c>
      <c r="BJ29" s="327">
        <v>0</v>
      </c>
      <c r="BK29" s="327">
        <v>0</v>
      </c>
      <c r="BL29" s="327">
        <v>0</v>
      </c>
      <c r="BM29" s="327">
        <v>0</v>
      </c>
      <c r="BN29" s="327">
        <v>19191</v>
      </c>
      <c r="BO29" s="328">
        <v>19191</v>
      </c>
      <c r="BP29" s="330">
        <v>19191</v>
      </c>
      <c r="BQ29" s="326">
        <v>11564</v>
      </c>
      <c r="BR29" s="327">
        <v>15561</v>
      </c>
      <c r="BS29" s="328">
        <v>27125</v>
      </c>
      <c r="BT29" s="326">
        <v>0</v>
      </c>
      <c r="BU29" s="327">
        <v>115815</v>
      </c>
      <c r="BV29" s="327">
        <v>137130</v>
      </c>
      <c r="BW29" s="327">
        <v>119147</v>
      </c>
      <c r="BX29" s="327">
        <v>152320</v>
      </c>
      <c r="BY29" s="327">
        <v>137823</v>
      </c>
      <c r="BZ29" s="328">
        <v>662235</v>
      </c>
      <c r="CA29" s="330">
        <v>689360</v>
      </c>
      <c r="CB29" s="326">
        <v>35581</v>
      </c>
      <c r="CC29" s="327">
        <v>35660</v>
      </c>
      <c r="CD29" s="328">
        <v>71241</v>
      </c>
      <c r="CE29" s="326">
        <v>0</v>
      </c>
      <c r="CF29" s="327">
        <v>505591</v>
      </c>
      <c r="CG29" s="327">
        <v>421645</v>
      </c>
      <c r="CH29" s="327">
        <v>258448</v>
      </c>
      <c r="CI29" s="327">
        <v>157975</v>
      </c>
      <c r="CJ29" s="327">
        <v>430896</v>
      </c>
      <c r="CK29" s="328">
        <v>1774555</v>
      </c>
      <c r="CL29" s="330">
        <v>1845796</v>
      </c>
      <c r="CM29" s="326">
        <v>0</v>
      </c>
      <c r="CN29" s="327">
        <v>0</v>
      </c>
      <c r="CO29" s="328">
        <v>0</v>
      </c>
      <c r="CP29" s="332">
        <v>0</v>
      </c>
      <c r="CQ29" s="327">
        <v>296505</v>
      </c>
      <c r="CR29" s="327">
        <v>282657</v>
      </c>
      <c r="CS29" s="327">
        <v>145713</v>
      </c>
      <c r="CT29" s="327">
        <v>34987</v>
      </c>
      <c r="CU29" s="327">
        <v>164725</v>
      </c>
      <c r="CV29" s="328">
        <v>924587</v>
      </c>
      <c r="CW29" s="330">
        <v>924587</v>
      </c>
      <c r="CX29" s="326">
        <v>35581</v>
      </c>
      <c r="CY29" s="327">
        <v>35660</v>
      </c>
      <c r="CZ29" s="328">
        <v>71241</v>
      </c>
      <c r="DA29" s="326">
        <v>0</v>
      </c>
      <c r="DB29" s="327">
        <v>209086</v>
      </c>
      <c r="DC29" s="327">
        <v>138988</v>
      </c>
      <c r="DD29" s="327">
        <v>112735</v>
      </c>
      <c r="DE29" s="327">
        <v>122988</v>
      </c>
      <c r="DF29" s="327">
        <v>266171</v>
      </c>
      <c r="DG29" s="328">
        <v>849968</v>
      </c>
      <c r="DH29" s="330">
        <v>921209</v>
      </c>
      <c r="DI29" s="326">
        <v>0</v>
      </c>
      <c r="DJ29" s="327">
        <v>20311</v>
      </c>
      <c r="DK29" s="331">
        <v>20311</v>
      </c>
      <c r="DL29" s="332">
        <v>0</v>
      </c>
      <c r="DM29" s="327">
        <v>0</v>
      </c>
      <c r="DN29" s="327">
        <v>0</v>
      </c>
      <c r="DO29" s="327">
        <v>68867</v>
      </c>
      <c r="DP29" s="327">
        <v>0</v>
      </c>
      <c r="DQ29" s="327">
        <v>92730</v>
      </c>
      <c r="DR29" s="328">
        <v>161597</v>
      </c>
      <c r="DS29" s="330">
        <v>181908</v>
      </c>
      <c r="DT29" s="326">
        <v>0</v>
      </c>
      <c r="DU29" s="327">
        <v>20311</v>
      </c>
      <c r="DV29" s="328">
        <v>20311</v>
      </c>
      <c r="DW29" s="326">
        <v>0</v>
      </c>
      <c r="DX29" s="327">
        <v>0</v>
      </c>
      <c r="DY29" s="327">
        <v>0</v>
      </c>
      <c r="DZ29" s="327">
        <v>68867</v>
      </c>
      <c r="EA29" s="327">
        <v>0</v>
      </c>
      <c r="EB29" s="327">
        <v>92730</v>
      </c>
      <c r="EC29" s="328">
        <v>161597</v>
      </c>
      <c r="ED29" s="330">
        <v>181908</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108066</v>
      </c>
      <c r="FM29" s="327">
        <v>163856</v>
      </c>
      <c r="FN29" s="328">
        <v>271922</v>
      </c>
      <c r="FO29" s="326">
        <v>0</v>
      </c>
      <c r="FP29" s="327">
        <v>85050</v>
      </c>
      <c r="FQ29" s="327">
        <v>218778</v>
      </c>
      <c r="FR29" s="327">
        <v>112700</v>
      </c>
      <c r="FS29" s="327">
        <v>160741</v>
      </c>
      <c r="FT29" s="327">
        <v>147511</v>
      </c>
      <c r="FU29" s="328">
        <v>724780</v>
      </c>
      <c r="FV29" s="330">
        <v>996702</v>
      </c>
      <c r="FW29" s="333">
        <v>16576</v>
      </c>
      <c r="FX29" s="327">
        <v>35406</v>
      </c>
      <c r="FY29" s="331">
        <v>51982</v>
      </c>
      <c r="FZ29" s="332">
        <v>0</v>
      </c>
      <c r="GA29" s="327">
        <v>36750</v>
      </c>
      <c r="GB29" s="327">
        <v>185514</v>
      </c>
      <c r="GC29" s="327">
        <v>112700</v>
      </c>
      <c r="GD29" s="327">
        <v>160741</v>
      </c>
      <c r="GE29" s="327">
        <v>147511</v>
      </c>
      <c r="GF29" s="328">
        <v>643216</v>
      </c>
      <c r="GG29" s="334">
        <v>695198</v>
      </c>
      <c r="GH29" s="333">
        <v>0</v>
      </c>
      <c r="GI29" s="327">
        <v>0</v>
      </c>
      <c r="GJ29" s="331">
        <v>0</v>
      </c>
      <c r="GK29" s="332">
        <v>0</v>
      </c>
      <c r="GL29" s="327">
        <v>0</v>
      </c>
      <c r="GM29" s="327">
        <v>33264</v>
      </c>
      <c r="GN29" s="327">
        <v>0</v>
      </c>
      <c r="GO29" s="327">
        <v>0</v>
      </c>
      <c r="GP29" s="327">
        <v>0</v>
      </c>
      <c r="GQ29" s="328">
        <v>33264</v>
      </c>
      <c r="GR29" s="330">
        <v>33264</v>
      </c>
      <c r="GS29" s="326">
        <v>91490</v>
      </c>
      <c r="GT29" s="327">
        <v>128450</v>
      </c>
      <c r="GU29" s="328">
        <v>219940</v>
      </c>
      <c r="GV29" s="326">
        <v>0</v>
      </c>
      <c r="GW29" s="327">
        <v>48300</v>
      </c>
      <c r="GX29" s="327">
        <v>0</v>
      </c>
      <c r="GY29" s="327">
        <v>0</v>
      </c>
      <c r="GZ29" s="327">
        <v>0</v>
      </c>
      <c r="HA29" s="327">
        <v>0</v>
      </c>
      <c r="HB29" s="331">
        <v>48300</v>
      </c>
      <c r="HC29" s="330">
        <v>268240</v>
      </c>
      <c r="HD29" s="326">
        <v>98466</v>
      </c>
      <c r="HE29" s="327">
        <v>223578</v>
      </c>
      <c r="HF29" s="331">
        <v>322044</v>
      </c>
      <c r="HG29" s="332">
        <v>0</v>
      </c>
      <c r="HH29" s="327">
        <v>784986</v>
      </c>
      <c r="HI29" s="327">
        <v>1256030</v>
      </c>
      <c r="HJ29" s="327">
        <v>725099</v>
      </c>
      <c r="HK29" s="327">
        <v>770671</v>
      </c>
      <c r="HL29" s="327">
        <v>867681</v>
      </c>
      <c r="HM29" s="328">
        <v>4404467</v>
      </c>
      <c r="HN29" s="329">
        <v>4726511</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189653</v>
      </c>
      <c r="IE29" s="339">
        <v>359632</v>
      </c>
      <c r="IF29" s="337">
        <v>0</v>
      </c>
      <c r="IG29" s="336">
        <v>1077491</v>
      </c>
      <c r="IH29" s="337">
        <v>459362</v>
      </c>
      <c r="II29" s="340">
        <v>2086138</v>
      </c>
      <c r="IJ29" s="341">
        <v>2086138</v>
      </c>
      <c r="IK29" s="342">
        <v>0</v>
      </c>
      <c r="IL29" s="343">
        <v>0</v>
      </c>
      <c r="IM29" s="344">
        <v>0</v>
      </c>
      <c r="IN29" s="404">
        <v>0</v>
      </c>
      <c r="IO29" s="345">
        <v>0</v>
      </c>
      <c r="IP29" s="345">
        <v>0</v>
      </c>
      <c r="IQ29" s="345">
        <v>0</v>
      </c>
      <c r="IR29" s="345">
        <v>726244</v>
      </c>
      <c r="IS29" s="345">
        <v>0</v>
      </c>
      <c r="IT29" s="346">
        <v>726244</v>
      </c>
      <c r="IU29" s="347">
        <v>726244</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22436</v>
      </c>
      <c r="JM29" s="345">
        <v>0</v>
      </c>
      <c r="JN29" s="345">
        <v>146255</v>
      </c>
      <c r="JO29" s="345">
        <v>0</v>
      </c>
      <c r="JP29" s="349">
        <v>168691</v>
      </c>
      <c r="JQ29" s="347">
        <v>168691</v>
      </c>
      <c r="JR29" s="348">
        <v>0</v>
      </c>
      <c r="JS29" s="345">
        <v>0</v>
      </c>
      <c r="JT29" s="346">
        <v>0</v>
      </c>
      <c r="JU29" s="351">
        <v>0</v>
      </c>
      <c r="JV29" s="345">
        <v>0</v>
      </c>
      <c r="JW29" s="345">
        <v>0</v>
      </c>
      <c r="JX29" s="345">
        <v>0</v>
      </c>
      <c r="JY29" s="345">
        <v>0</v>
      </c>
      <c r="JZ29" s="345">
        <v>185761</v>
      </c>
      <c r="KA29" s="349">
        <v>185761</v>
      </c>
      <c r="KB29" s="347">
        <v>185761</v>
      </c>
      <c r="KC29" s="352">
        <v>0</v>
      </c>
      <c r="KD29" s="353">
        <v>0</v>
      </c>
      <c r="KE29" s="349">
        <v>0</v>
      </c>
      <c r="KF29" s="351">
        <v>0</v>
      </c>
      <c r="KG29" s="345">
        <v>189653</v>
      </c>
      <c r="KH29" s="345">
        <v>128624</v>
      </c>
      <c r="KI29" s="345">
        <v>0</v>
      </c>
      <c r="KJ29" s="345">
        <v>204992</v>
      </c>
      <c r="KK29" s="345">
        <v>49280</v>
      </c>
      <c r="KL29" s="349">
        <v>572549</v>
      </c>
      <c r="KM29" s="354">
        <v>572549</v>
      </c>
      <c r="KN29" s="342">
        <v>0</v>
      </c>
      <c r="KO29" s="343">
        <v>0</v>
      </c>
      <c r="KP29" s="344">
        <v>0</v>
      </c>
      <c r="KQ29" s="404">
        <v>0</v>
      </c>
      <c r="KR29" s="345">
        <v>0</v>
      </c>
      <c r="KS29" s="345">
        <v>208572</v>
      </c>
      <c r="KT29" s="345">
        <v>0</v>
      </c>
      <c r="KU29" s="345">
        <v>0</v>
      </c>
      <c r="KV29" s="345">
        <v>224321</v>
      </c>
      <c r="KW29" s="349">
        <v>432893</v>
      </c>
      <c r="KX29" s="347">
        <v>432893</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314317</v>
      </c>
      <c r="MK29" s="345">
        <v>0</v>
      </c>
      <c r="ML29" s="345">
        <v>708924</v>
      </c>
      <c r="MM29" s="345">
        <v>734618</v>
      </c>
      <c r="MN29" s="345">
        <v>70984</v>
      </c>
      <c r="MO29" s="349">
        <v>1828843</v>
      </c>
      <c r="MP29" s="354">
        <v>1828843</v>
      </c>
      <c r="MQ29" s="348">
        <v>0</v>
      </c>
      <c r="MR29" s="345">
        <v>0</v>
      </c>
      <c r="MS29" s="349">
        <v>0</v>
      </c>
      <c r="MT29" s="404">
        <v>0</v>
      </c>
      <c r="MU29" s="345">
        <v>0</v>
      </c>
      <c r="MV29" s="345">
        <v>0</v>
      </c>
      <c r="MW29" s="345">
        <v>226735</v>
      </c>
      <c r="MX29" s="345">
        <v>734618</v>
      </c>
      <c r="MY29" s="345">
        <v>70984</v>
      </c>
      <c r="MZ29" s="349">
        <v>1032337</v>
      </c>
      <c r="NA29" s="354">
        <v>1032337</v>
      </c>
      <c r="NB29" s="348">
        <v>0</v>
      </c>
      <c r="NC29" s="345">
        <v>0</v>
      </c>
      <c r="ND29" s="349">
        <v>0</v>
      </c>
      <c r="NE29" s="404">
        <v>0</v>
      </c>
      <c r="NF29" s="345">
        <v>314317</v>
      </c>
      <c r="NG29" s="345">
        <v>0</v>
      </c>
      <c r="NH29" s="345">
        <v>482189</v>
      </c>
      <c r="NI29" s="345">
        <v>0</v>
      </c>
      <c r="NJ29" s="345">
        <v>0</v>
      </c>
      <c r="NK29" s="349">
        <v>796506</v>
      </c>
      <c r="NL29" s="347">
        <v>796506</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264253</v>
      </c>
      <c r="OJ29" s="345">
        <v>571752</v>
      </c>
      <c r="OK29" s="346">
        <v>836005</v>
      </c>
      <c r="OL29" s="351">
        <v>0</v>
      </c>
      <c r="OM29" s="345">
        <v>2313082</v>
      </c>
      <c r="ON29" s="345">
        <v>2949671</v>
      </c>
      <c r="OO29" s="345">
        <v>2415474</v>
      </c>
      <c r="OP29" s="345">
        <v>3699267</v>
      </c>
      <c r="OQ29" s="345">
        <v>2865653</v>
      </c>
      <c r="OR29" s="349">
        <v>14243147</v>
      </c>
      <c r="OS29" s="354">
        <v>15079152</v>
      </c>
    </row>
    <row r="30" spans="2:409" s="70" customFormat="1" ht="21" customHeight="1" x14ac:dyDescent="0.2">
      <c r="B30" s="106" t="s">
        <v>25</v>
      </c>
      <c r="C30" s="326">
        <v>75669</v>
      </c>
      <c r="D30" s="327">
        <v>191961</v>
      </c>
      <c r="E30" s="328">
        <v>267630</v>
      </c>
      <c r="F30" s="329">
        <v>0</v>
      </c>
      <c r="G30" s="327">
        <v>520384</v>
      </c>
      <c r="H30" s="327">
        <v>929224</v>
      </c>
      <c r="I30" s="327">
        <v>1140410</v>
      </c>
      <c r="J30" s="327">
        <v>415165</v>
      </c>
      <c r="K30" s="327">
        <v>227215</v>
      </c>
      <c r="L30" s="367">
        <v>3232398</v>
      </c>
      <c r="M30" s="330">
        <v>3500028</v>
      </c>
      <c r="N30" s="326">
        <v>61921</v>
      </c>
      <c r="O30" s="327">
        <v>124796</v>
      </c>
      <c r="P30" s="328">
        <v>186717</v>
      </c>
      <c r="Q30" s="326">
        <v>0</v>
      </c>
      <c r="R30" s="327">
        <v>95316</v>
      </c>
      <c r="S30" s="327">
        <v>10213</v>
      </c>
      <c r="T30" s="327">
        <v>295604</v>
      </c>
      <c r="U30" s="327">
        <v>208883</v>
      </c>
      <c r="V30" s="327">
        <v>186055</v>
      </c>
      <c r="W30" s="328">
        <v>796071</v>
      </c>
      <c r="X30" s="330">
        <v>982788</v>
      </c>
      <c r="Y30" s="326">
        <v>0</v>
      </c>
      <c r="Z30" s="327">
        <v>0</v>
      </c>
      <c r="AA30" s="328">
        <v>0</v>
      </c>
      <c r="AB30" s="326">
        <v>0</v>
      </c>
      <c r="AC30" s="327">
        <v>69214</v>
      </c>
      <c r="AD30" s="327">
        <v>0</v>
      </c>
      <c r="AE30" s="327">
        <v>93218</v>
      </c>
      <c r="AF30" s="327">
        <v>197368</v>
      </c>
      <c r="AG30" s="327">
        <v>1897</v>
      </c>
      <c r="AH30" s="328">
        <v>361697</v>
      </c>
      <c r="AI30" s="330">
        <v>361697</v>
      </c>
      <c r="AJ30" s="326">
        <v>0</v>
      </c>
      <c r="AK30" s="327">
        <v>0</v>
      </c>
      <c r="AL30" s="328">
        <v>0</v>
      </c>
      <c r="AM30" s="326">
        <v>0</v>
      </c>
      <c r="AN30" s="327">
        <v>0</v>
      </c>
      <c r="AO30" s="327">
        <v>0</v>
      </c>
      <c r="AP30" s="327">
        <v>92508</v>
      </c>
      <c r="AQ30" s="327">
        <v>0</v>
      </c>
      <c r="AR30" s="327">
        <v>92508</v>
      </c>
      <c r="AS30" s="328">
        <v>185016</v>
      </c>
      <c r="AT30" s="330">
        <v>185016</v>
      </c>
      <c r="AU30" s="326">
        <v>49643</v>
      </c>
      <c r="AV30" s="327">
        <v>115745</v>
      </c>
      <c r="AW30" s="328">
        <v>165388</v>
      </c>
      <c r="AX30" s="326">
        <v>0</v>
      </c>
      <c r="AY30" s="327">
        <v>3520</v>
      </c>
      <c r="AZ30" s="327">
        <v>0</v>
      </c>
      <c r="BA30" s="327">
        <v>63139</v>
      </c>
      <c r="BB30" s="327">
        <v>0</v>
      </c>
      <c r="BC30" s="327">
        <v>67507</v>
      </c>
      <c r="BD30" s="328">
        <v>134166</v>
      </c>
      <c r="BE30" s="330">
        <v>299554</v>
      </c>
      <c r="BF30" s="326">
        <v>0</v>
      </c>
      <c r="BG30" s="327">
        <v>0</v>
      </c>
      <c r="BH30" s="331">
        <v>0</v>
      </c>
      <c r="BI30" s="332">
        <v>0</v>
      </c>
      <c r="BJ30" s="327">
        <v>0</v>
      </c>
      <c r="BK30" s="327">
        <v>0</v>
      </c>
      <c r="BL30" s="327">
        <v>0</v>
      </c>
      <c r="BM30" s="327">
        <v>0</v>
      </c>
      <c r="BN30" s="327">
        <v>0</v>
      </c>
      <c r="BO30" s="328">
        <v>0</v>
      </c>
      <c r="BP30" s="330">
        <v>0</v>
      </c>
      <c r="BQ30" s="326">
        <v>12278</v>
      </c>
      <c r="BR30" s="327">
        <v>9051</v>
      </c>
      <c r="BS30" s="328">
        <v>21329</v>
      </c>
      <c r="BT30" s="326">
        <v>0</v>
      </c>
      <c r="BU30" s="327">
        <v>22582</v>
      </c>
      <c r="BV30" s="327">
        <v>10213</v>
      </c>
      <c r="BW30" s="327">
        <v>46739</v>
      </c>
      <c r="BX30" s="327">
        <v>11515</v>
      </c>
      <c r="BY30" s="327">
        <v>24143</v>
      </c>
      <c r="BZ30" s="328">
        <v>115192</v>
      </c>
      <c r="CA30" s="330">
        <v>136521</v>
      </c>
      <c r="CB30" s="326">
        <v>0</v>
      </c>
      <c r="CC30" s="327">
        <v>0</v>
      </c>
      <c r="CD30" s="328">
        <v>0</v>
      </c>
      <c r="CE30" s="326">
        <v>0</v>
      </c>
      <c r="CF30" s="327">
        <v>187228</v>
      </c>
      <c r="CG30" s="327">
        <v>295957</v>
      </c>
      <c r="CH30" s="327">
        <v>303621</v>
      </c>
      <c r="CI30" s="327">
        <v>0</v>
      </c>
      <c r="CJ30" s="327">
        <v>0</v>
      </c>
      <c r="CK30" s="328">
        <v>786806</v>
      </c>
      <c r="CL30" s="330">
        <v>786806</v>
      </c>
      <c r="CM30" s="326">
        <v>0</v>
      </c>
      <c r="CN30" s="327">
        <v>0</v>
      </c>
      <c r="CO30" s="328">
        <v>0</v>
      </c>
      <c r="CP30" s="332">
        <v>0</v>
      </c>
      <c r="CQ30" s="327">
        <v>54026</v>
      </c>
      <c r="CR30" s="327">
        <v>196047</v>
      </c>
      <c r="CS30" s="327">
        <v>201775</v>
      </c>
      <c r="CT30" s="327">
        <v>0</v>
      </c>
      <c r="CU30" s="327">
        <v>0</v>
      </c>
      <c r="CV30" s="328">
        <v>451848</v>
      </c>
      <c r="CW30" s="330">
        <v>451848</v>
      </c>
      <c r="CX30" s="326">
        <v>0</v>
      </c>
      <c r="CY30" s="327">
        <v>0</v>
      </c>
      <c r="CZ30" s="328">
        <v>0</v>
      </c>
      <c r="DA30" s="326">
        <v>0</v>
      </c>
      <c r="DB30" s="327">
        <v>133202</v>
      </c>
      <c r="DC30" s="327">
        <v>99910</v>
      </c>
      <c r="DD30" s="327">
        <v>101846</v>
      </c>
      <c r="DE30" s="327">
        <v>0</v>
      </c>
      <c r="DF30" s="327">
        <v>0</v>
      </c>
      <c r="DG30" s="328">
        <v>334958</v>
      </c>
      <c r="DH30" s="330">
        <v>334958</v>
      </c>
      <c r="DI30" s="326">
        <v>0</v>
      </c>
      <c r="DJ30" s="327">
        <v>0</v>
      </c>
      <c r="DK30" s="331">
        <v>0</v>
      </c>
      <c r="DL30" s="332">
        <v>0</v>
      </c>
      <c r="DM30" s="327">
        <v>76885</v>
      </c>
      <c r="DN30" s="327">
        <v>252661</v>
      </c>
      <c r="DO30" s="327">
        <v>31600</v>
      </c>
      <c r="DP30" s="327">
        <v>0</v>
      </c>
      <c r="DQ30" s="327">
        <v>0</v>
      </c>
      <c r="DR30" s="328">
        <v>361146</v>
      </c>
      <c r="DS30" s="330">
        <v>361146</v>
      </c>
      <c r="DT30" s="326">
        <v>0</v>
      </c>
      <c r="DU30" s="327">
        <v>0</v>
      </c>
      <c r="DV30" s="328">
        <v>0</v>
      </c>
      <c r="DW30" s="326">
        <v>0</v>
      </c>
      <c r="DX30" s="327">
        <v>76885</v>
      </c>
      <c r="DY30" s="327">
        <v>252661</v>
      </c>
      <c r="DZ30" s="327">
        <v>31600</v>
      </c>
      <c r="EA30" s="327">
        <v>0</v>
      </c>
      <c r="EB30" s="327">
        <v>0</v>
      </c>
      <c r="EC30" s="328">
        <v>361146</v>
      </c>
      <c r="ED30" s="330">
        <v>361146</v>
      </c>
      <c r="EE30" s="326">
        <v>0</v>
      </c>
      <c r="EF30" s="331">
        <v>0</v>
      </c>
      <c r="EG30" s="328">
        <v>0</v>
      </c>
      <c r="EH30" s="326">
        <v>0</v>
      </c>
      <c r="EI30" s="327">
        <v>0</v>
      </c>
      <c r="EJ30" s="327">
        <v>0</v>
      </c>
      <c r="EK30" s="327">
        <v>0</v>
      </c>
      <c r="EL30" s="327">
        <v>0</v>
      </c>
      <c r="EM30" s="327">
        <v>0</v>
      </c>
      <c r="EN30" s="331">
        <v>0</v>
      </c>
      <c r="EO30" s="330">
        <v>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13748</v>
      </c>
      <c r="FM30" s="327">
        <v>67165</v>
      </c>
      <c r="FN30" s="328">
        <v>80913</v>
      </c>
      <c r="FO30" s="326">
        <v>0</v>
      </c>
      <c r="FP30" s="327">
        <v>9660</v>
      </c>
      <c r="FQ30" s="327">
        <v>52626</v>
      </c>
      <c r="FR30" s="327">
        <v>162687</v>
      </c>
      <c r="FS30" s="327">
        <v>18046</v>
      </c>
      <c r="FT30" s="327">
        <v>41160</v>
      </c>
      <c r="FU30" s="328">
        <v>284179</v>
      </c>
      <c r="FV30" s="330">
        <v>365092</v>
      </c>
      <c r="FW30" s="333">
        <v>13748</v>
      </c>
      <c r="FX30" s="327">
        <v>47565</v>
      </c>
      <c r="FY30" s="331">
        <v>61313</v>
      </c>
      <c r="FZ30" s="332">
        <v>0</v>
      </c>
      <c r="GA30" s="327">
        <v>9660</v>
      </c>
      <c r="GB30" s="327">
        <v>52626</v>
      </c>
      <c r="GC30" s="327">
        <v>115717</v>
      </c>
      <c r="GD30" s="327">
        <v>18046</v>
      </c>
      <c r="GE30" s="327">
        <v>41160</v>
      </c>
      <c r="GF30" s="328">
        <v>237209</v>
      </c>
      <c r="GG30" s="334">
        <v>298522</v>
      </c>
      <c r="GH30" s="333">
        <v>0</v>
      </c>
      <c r="GI30" s="327">
        <v>19600</v>
      </c>
      <c r="GJ30" s="331">
        <v>19600</v>
      </c>
      <c r="GK30" s="332">
        <v>0</v>
      </c>
      <c r="GL30" s="327">
        <v>0</v>
      </c>
      <c r="GM30" s="327">
        <v>0</v>
      </c>
      <c r="GN30" s="327">
        <v>46970</v>
      </c>
      <c r="GO30" s="327">
        <v>0</v>
      </c>
      <c r="GP30" s="327">
        <v>0</v>
      </c>
      <c r="GQ30" s="328">
        <v>46970</v>
      </c>
      <c r="GR30" s="330">
        <v>66570</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151295</v>
      </c>
      <c r="HI30" s="327">
        <v>317767</v>
      </c>
      <c r="HJ30" s="327">
        <v>346898</v>
      </c>
      <c r="HK30" s="327">
        <v>188236</v>
      </c>
      <c r="HL30" s="327">
        <v>0</v>
      </c>
      <c r="HM30" s="328">
        <v>1004196</v>
      </c>
      <c r="HN30" s="329">
        <v>1004196</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297646</v>
      </c>
      <c r="IE30" s="357">
        <v>91048</v>
      </c>
      <c r="IF30" s="358">
        <v>24790</v>
      </c>
      <c r="IG30" s="356">
        <v>0</v>
      </c>
      <c r="IH30" s="358">
        <v>0</v>
      </c>
      <c r="II30" s="359">
        <v>413484</v>
      </c>
      <c r="IJ30" s="358">
        <v>413484</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98620</v>
      </c>
      <c r="JL30" s="345">
        <v>91048</v>
      </c>
      <c r="JM30" s="345">
        <v>24790</v>
      </c>
      <c r="JN30" s="345">
        <v>0</v>
      </c>
      <c r="JO30" s="345">
        <v>0</v>
      </c>
      <c r="JP30" s="349">
        <v>214458</v>
      </c>
      <c r="JQ30" s="347">
        <v>214458</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199026</v>
      </c>
      <c r="KS30" s="345">
        <v>0</v>
      </c>
      <c r="KT30" s="345">
        <v>0</v>
      </c>
      <c r="KU30" s="345">
        <v>0</v>
      </c>
      <c r="KV30" s="345">
        <v>0</v>
      </c>
      <c r="KW30" s="349">
        <v>199026</v>
      </c>
      <c r="KX30" s="347">
        <v>199026</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241731</v>
      </c>
      <c r="MK30" s="345">
        <v>1067022</v>
      </c>
      <c r="ML30" s="345">
        <v>736962</v>
      </c>
      <c r="MM30" s="345">
        <v>706535</v>
      </c>
      <c r="MN30" s="345">
        <v>1000052</v>
      </c>
      <c r="MO30" s="349">
        <v>3752302</v>
      </c>
      <c r="MP30" s="354">
        <v>3752302</v>
      </c>
      <c r="MQ30" s="348">
        <v>0</v>
      </c>
      <c r="MR30" s="345">
        <v>0</v>
      </c>
      <c r="MS30" s="349">
        <v>0</v>
      </c>
      <c r="MT30" s="404">
        <v>0</v>
      </c>
      <c r="MU30" s="345">
        <v>0</v>
      </c>
      <c r="MV30" s="345">
        <v>0</v>
      </c>
      <c r="MW30" s="345">
        <v>410743</v>
      </c>
      <c r="MX30" s="345">
        <v>445834</v>
      </c>
      <c r="MY30" s="345">
        <v>750845</v>
      </c>
      <c r="MZ30" s="349">
        <v>1607422</v>
      </c>
      <c r="NA30" s="354">
        <v>1607422</v>
      </c>
      <c r="NB30" s="348">
        <v>0</v>
      </c>
      <c r="NC30" s="345">
        <v>0</v>
      </c>
      <c r="ND30" s="349">
        <v>0</v>
      </c>
      <c r="NE30" s="404">
        <v>0</v>
      </c>
      <c r="NF30" s="345">
        <v>241731</v>
      </c>
      <c r="NG30" s="345">
        <v>1067022</v>
      </c>
      <c r="NH30" s="345">
        <v>326219</v>
      </c>
      <c r="NI30" s="345">
        <v>260701</v>
      </c>
      <c r="NJ30" s="345">
        <v>249207</v>
      </c>
      <c r="NK30" s="349">
        <v>2144880</v>
      </c>
      <c r="NL30" s="347">
        <v>2144880</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75669</v>
      </c>
      <c r="OJ30" s="345">
        <v>191961</v>
      </c>
      <c r="OK30" s="346">
        <v>267630</v>
      </c>
      <c r="OL30" s="351">
        <v>0</v>
      </c>
      <c r="OM30" s="345">
        <v>1059761</v>
      </c>
      <c r="ON30" s="345">
        <v>2087294</v>
      </c>
      <c r="OO30" s="345">
        <v>1902162</v>
      </c>
      <c r="OP30" s="345">
        <v>1121700</v>
      </c>
      <c r="OQ30" s="345">
        <v>1227267</v>
      </c>
      <c r="OR30" s="349">
        <v>7398184</v>
      </c>
      <c r="OS30" s="354">
        <v>7665814</v>
      </c>
    </row>
    <row r="31" spans="2:409" s="70" customFormat="1" ht="21" customHeight="1" x14ac:dyDescent="0.2">
      <c r="B31" s="106" t="s">
        <v>26</v>
      </c>
      <c r="C31" s="326">
        <v>70303</v>
      </c>
      <c r="D31" s="327">
        <v>318882</v>
      </c>
      <c r="E31" s="328">
        <v>389185</v>
      </c>
      <c r="F31" s="329">
        <v>0</v>
      </c>
      <c r="G31" s="327">
        <v>1997790</v>
      </c>
      <c r="H31" s="327">
        <v>1170275</v>
      </c>
      <c r="I31" s="327">
        <v>1063011</v>
      </c>
      <c r="J31" s="327">
        <v>631625</v>
      </c>
      <c r="K31" s="327">
        <v>1471554</v>
      </c>
      <c r="L31" s="367">
        <v>6334255</v>
      </c>
      <c r="M31" s="330">
        <v>6723440</v>
      </c>
      <c r="N31" s="326">
        <v>17164</v>
      </c>
      <c r="O31" s="327">
        <v>72384</v>
      </c>
      <c r="P31" s="328">
        <v>89548</v>
      </c>
      <c r="Q31" s="326">
        <v>0</v>
      </c>
      <c r="R31" s="327">
        <v>326031</v>
      </c>
      <c r="S31" s="327">
        <v>467579</v>
      </c>
      <c r="T31" s="327">
        <v>374509</v>
      </c>
      <c r="U31" s="327">
        <v>53340</v>
      </c>
      <c r="V31" s="327">
        <v>689112</v>
      </c>
      <c r="W31" s="328">
        <v>1910571</v>
      </c>
      <c r="X31" s="330">
        <v>2000119</v>
      </c>
      <c r="Y31" s="326">
        <v>0</v>
      </c>
      <c r="Z31" s="327">
        <v>0</v>
      </c>
      <c r="AA31" s="328">
        <v>0</v>
      </c>
      <c r="AB31" s="326">
        <v>0</v>
      </c>
      <c r="AC31" s="327">
        <v>50194</v>
      </c>
      <c r="AD31" s="327">
        <v>211581</v>
      </c>
      <c r="AE31" s="327">
        <v>124658</v>
      </c>
      <c r="AF31" s="327">
        <v>0</v>
      </c>
      <c r="AG31" s="327">
        <v>341131</v>
      </c>
      <c r="AH31" s="328">
        <v>727564</v>
      </c>
      <c r="AI31" s="330">
        <v>727564</v>
      </c>
      <c r="AJ31" s="326">
        <v>0</v>
      </c>
      <c r="AK31" s="327">
        <v>0</v>
      </c>
      <c r="AL31" s="328">
        <v>0</v>
      </c>
      <c r="AM31" s="326">
        <v>0</v>
      </c>
      <c r="AN31" s="327">
        <v>0</v>
      </c>
      <c r="AO31" s="327">
        <v>0</v>
      </c>
      <c r="AP31" s="327">
        <v>0</v>
      </c>
      <c r="AQ31" s="327">
        <v>0</v>
      </c>
      <c r="AR31" s="327">
        <v>95946</v>
      </c>
      <c r="AS31" s="328">
        <v>95946</v>
      </c>
      <c r="AT31" s="330">
        <v>95946</v>
      </c>
      <c r="AU31" s="326">
        <v>0</v>
      </c>
      <c r="AV31" s="327">
        <v>18066</v>
      </c>
      <c r="AW31" s="328">
        <v>18066</v>
      </c>
      <c r="AX31" s="326">
        <v>0</v>
      </c>
      <c r="AY31" s="327">
        <v>111230</v>
      </c>
      <c r="AZ31" s="327">
        <v>239198</v>
      </c>
      <c r="BA31" s="327">
        <v>116805</v>
      </c>
      <c r="BB31" s="327">
        <v>0</v>
      </c>
      <c r="BC31" s="327">
        <v>194719</v>
      </c>
      <c r="BD31" s="328">
        <v>661952</v>
      </c>
      <c r="BE31" s="330">
        <v>680018</v>
      </c>
      <c r="BF31" s="326">
        <v>0</v>
      </c>
      <c r="BG31" s="327">
        <v>54318</v>
      </c>
      <c r="BH31" s="331">
        <v>54318</v>
      </c>
      <c r="BI31" s="332">
        <v>0</v>
      </c>
      <c r="BJ31" s="327">
        <v>44368</v>
      </c>
      <c r="BK31" s="327">
        <v>0</v>
      </c>
      <c r="BL31" s="327">
        <v>34563</v>
      </c>
      <c r="BM31" s="327">
        <v>0</v>
      </c>
      <c r="BN31" s="327">
        <v>0</v>
      </c>
      <c r="BO31" s="328">
        <v>78931</v>
      </c>
      <c r="BP31" s="330">
        <v>133249</v>
      </c>
      <c r="BQ31" s="326">
        <v>17164</v>
      </c>
      <c r="BR31" s="327">
        <v>0</v>
      </c>
      <c r="BS31" s="328">
        <v>17164</v>
      </c>
      <c r="BT31" s="326">
        <v>0</v>
      </c>
      <c r="BU31" s="327">
        <v>120239</v>
      </c>
      <c r="BV31" s="327">
        <v>16800</v>
      </c>
      <c r="BW31" s="327">
        <v>98483</v>
      </c>
      <c r="BX31" s="327">
        <v>53340</v>
      </c>
      <c r="BY31" s="327">
        <v>57316</v>
      </c>
      <c r="BZ31" s="328">
        <v>346178</v>
      </c>
      <c r="CA31" s="330">
        <v>363342</v>
      </c>
      <c r="CB31" s="326">
        <v>0</v>
      </c>
      <c r="CC31" s="327">
        <v>0</v>
      </c>
      <c r="CD31" s="328">
        <v>0</v>
      </c>
      <c r="CE31" s="326">
        <v>0</v>
      </c>
      <c r="CF31" s="327">
        <v>464116</v>
      </c>
      <c r="CG31" s="327">
        <v>218085</v>
      </c>
      <c r="CH31" s="327">
        <v>67592</v>
      </c>
      <c r="CI31" s="327">
        <v>0</v>
      </c>
      <c r="CJ31" s="327">
        <v>73660</v>
      </c>
      <c r="CK31" s="328">
        <v>823453</v>
      </c>
      <c r="CL31" s="330">
        <v>823453</v>
      </c>
      <c r="CM31" s="326">
        <v>0</v>
      </c>
      <c r="CN31" s="327">
        <v>0</v>
      </c>
      <c r="CO31" s="328">
        <v>0</v>
      </c>
      <c r="CP31" s="332">
        <v>0</v>
      </c>
      <c r="CQ31" s="327">
        <v>464116</v>
      </c>
      <c r="CR31" s="327">
        <v>82622</v>
      </c>
      <c r="CS31" s="327">
        <v>51149</v>
      </c>
      <c r="CT31" s="327">
        <v>0</v>
      </c>
      <c r="CU31" s="327">
        <v>73660</v>
      </c>
      <c r="CV31" s="328">
        <v>671547</v>
      </c>
      <c r="CW31" s="330">
        <v>671547</v>
      </c>
      <c r="CX31" s="326">
        <v>0</v>
      </c>
      <c r="CY31" s="327">
        <v>0</v>
      </c>
      <c r="CZ31" s="328">
        <v>0</v>
      </c>
      <c r="DA31" s="326">
        <v>0</v>
      </c>
      <c r="DB31" s="327">
        <v>0</v>
      </c>
      <c r="DC31" s="327">
        <v>135463</v>
      </c>
      <c r="DD31" s="327">
        <v>16443</v>
      </c>
      <c r="DE31" s="327">
        <v>0</v>
      </c>
      <c r="DF31" s="327">
        <v>0</v>
      </c>
      <c r="DG31" s="328">
        <v>151906</v>
      </c>
      <c r="DH31" s="330">
        <v>151906</v>
      </c>
      <c r="DI31" s="326">
        <v>0</v>
      </c>
      <c r="DJ31" s="327">
        <v>0</v>
      </c>
      <c r="DK31" s="331">
        <v>0</v>
      </c>
      <c r="DL31" s="332">
        <v>0</v>
      </c>
      <c r="DM31" s="327">
        <v>134828</v>
      </c>
      <c r="DN31" s="327">
        <v>46133</v>
      </c>
      <c r="DO31" s="327">
        <v>0</v>
      </c>
      <c r="DP31" s="327">
        <v>0</v>
      </c>
      <c r="DQ31" s="327">
        <v>0</v>
      </c>
      <c r="DR31" s="328">
        <v>180961</v>
      </c>
      <c r="DS31" s="330">
        <v>180961</v>
      </c>
      <c r="DT31" s="326">
        <v>0</v>
      </c>
      <c r="DU31" s="327">
        <v>0</v>
      </c>
      <c r="DV31" s="328">
        <v>0</v>
      </c>
      <c r="DW31" s="326">
        <v>0</v>
      </c>
      <c r="DX31" s="327">
        <v>134828</v>
      </c>
      <c r="DY31" s="327">
        <v>46133</v>
      </c>
      <c r="DZ31" s="327">
        <v>0</v>
      </c>
      <c r="EA31" s="327">
        <v>0</v>
      </c>
      <c r="EB31" s="327">
        <v>0</v>
      </c>
      <c r="EC31" s="328">
        <v>180961</v>
      </c>
      <c r="ED31" s="330">
        <v>180961</v>
      </c>
      <c r="EE31" s="326">
        <v>0</v>
      </c>
      <c r="EF31" s="331">
        <v>0</v>
      </c>
      <c r="EG31" s="328">
        <v>0</v>
      </c>
      <c r="EH31" s="326">
        <v>0</v>
      </c>
      <c r="EI31" s="327">
        <v>0</v>
      </c>
      <c r="EJ31" s="327">
        <v>0</v>
      </c>
      <c r="EK31" s="327">
        <v>0</v>
      </c>
      <c r="EL31" s="327">
        <v>0</v>
      </c>
      <c r="EM31" s="327">
        <v>0</v>
      </c>
      <c r="EN31" s="331">
        <v>0</v>
      </c>
      <c r="EO31" s="330">
        <v>0</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159026</v>
      </c>
      <c r="FN31" s="328">
        <v>162526</v>
      </c>
      <c r="FO31" s="326">
        <v>0</v>
      </c>
      <c r="FP31" s="327">
        <v>86499</v>
      </c>
      <c r="FQ31" s="327">
        <v>125818</v>
      </c>
      <c r="FR31" s="327">
        <v>61915</v>
      </c>
      <c r="FS31" s="327">
        <v>0</v>
      </c>
      <c r="FT31" s="327">
        <v>72450</v>
      </c>
      <c r="FU31" s="328">
        <v>346682</v>
      </c>
      <c r="FV31" s="330">
        <v>509208</v>
      </c>
      <c r="FW31" s="333">
        <v>3500</v>
      </c>
      <c r="FX31" s="327">
        <v>19026</v>
      </c>
      <c r="FY31" s="331">
        <v>22526</v>
      </c>
      <c r="FZ31" s="332">
        <v>0</v>
      </c>
      <c r="GA31" s="327">
        <v>25284</v>
      </c>
      <c r="GB31" s="327">
        <v>106414</v>
      </c>
      <c r="GC31" s="327">
        <v>61915</v>
      </c>
      <c r="GD31" s="327">
        <v>0</v>
      </c>
      <c r="GE31" s="327">
        <v>72450</v>
      </c>
      <c r="GF31" s="328">
        <v>266063</v>
      </c>
      <c r="GG31" s="334">
        <v>288589</v>
      </c>
      <c r="GH31" s="333">
        <v>0</v>
      </c>
      <c r="GI31" s="327">
        <v>0</v>
      </c>
      <c r="GJ31" s="331">
        <v>0</v>
      </c>
      <c r="GK31" s="332">
        <v>0</v>
      </c>
      <c r="GL31" s="327">
        <v>28875</v>
      </c>
      <c r="GM31" s="327">
        <v>19404</v>
      </c>
      <c r="GN31" s="327">
        <v>0</v>
      </c>
      <c r="GO31" s="327">
        <v>0</v>
      </c>
      <c r="GP31" s="327">
        <v>0</v>
      </c>
      <c r="GQ31" s="328">
        <v>48279</v>
      </c>
      <c r="GR31" s="330">
        <v>48279</v>
      </c>
      <c r="GS31" s="326">
        <v>0</v>
      </c>
      <c r="GT31" s="327">
        <v>140000</v>
      </c>
      <c r="GU31" s="328">
        <v>140000</v>
      </c>
      <c r="GV31" s="326">
        <v>0</v>
      </c>
      <c r="GW31" s="327">
        <v>32340</v>
      </c>
      <c r="GX31" s="327">
        <v>0</v>
      </c>
      <c r="GY31" s="327">
        <v>0</v>
      </c>
      <c r="GZ31" s="327">
        <v>0</v>
      </c>
      <c r="HA31" s="327">
        <v>0</v>
      </c>
      <c r="HB31" s="331">
        <v>32340</v>
      </c>
      <c r="HC31" s="330">
        <v>172340</v>
      </c>
      <c r="HD31" s="326">
        <v>49639</v>
      </c>
      <c r="HE31" s="327">
        <v>87472</v>
      </c>
      <c r="HF31" s="331">
        <v>137111</v>
      </c>
      <c r="HG31" s="332">
        <v>0</v>
      </c>
      <c r="HH31" s="327">
        <v>986316</v>
      </c>
      <c r="HI31" s="327">
        <v>312660</v>
      </c>
      <c r="HJ31" s="327">
        <v>558995</v>
      </c>
      <c r="HK31" s="327">
        <v>578285</v>
      </c>
      <c r="HL31" s="327">
        <v>636332</v>
      </c>
      <c r="HM31" s="328">
        <v>3072588</v>
      </c>
      <c r="HN31" s="329">
        <v>3209699</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4628</v>
      </c>
      <c r="IE31" s="339">
        <v>431052</v>
      </c>
      <c r="IF31" s="337">
        <v>762930</v>
      </c>
      <c r="IG31" s="336">
        <v>0</v>
      </c>
      <c r="IH31" s="337">
        <v>0</v>
      </c>
      <c r="II31" s="340">
        <v>1218610</v>
      </c>
      <c r="IJ31" s="341">
        <v>1218610</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4628</v>
      </c>
      <c r="JL31" s="345">
        <v>59574</v>
      </c>
      <c r="JM31" s="345">
        <v>143866</v>
      </c>
      <c r="JN31" s="345">
        <v>0</v>
      </c>
      <c r="JO31" s="345">
        <v>0</v>
      </c>
      <c r="JP31" s="349">
        <v>228068</v>
      </c>
      <c r="JQ31" s="347">
        <v>228068</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157599</v>
      </c>
      <c r="KI31" s="345">
        <v>0</v>
      </c>
      <c r="KJ31" s="345">
        <v>0</v>
      </c>
      <c r="KK31" s="345">
        <v>0</v>
      </c>
      <c r="KL31" s="349">
        <v>157599</v>
      </c>
      <c r="KM31" s="354">
        <v>157599</v>
      </c>
      <c r="KN31" s="342">
        <v>0</v>
      </c>
      <c r="KO31" s="343">
        <v>0</v>
      </c>
      <c r="KP31" s="344">
        <v>0</v>
      </c>
      <c r="KQ31" s="404">
        <v>0</v>
      </c>
      <c r="KR31" s="345">
        <v>0</v>
      </c>
      <c r="KS31" s="345">
        <v>213879</v>
      </c>
      <c r="KT31" s="345">
        <v>619064</v>
      </c>
      <c r="KU31" s="345">
        <v>0</v>
      </c>
      <c r="KV31" s="345">
        <v>0</v>
      </c>
      <c r="KW31" s="349">
        <v>832943</v>
      </c>
      <c r="KX31" s="347">
        <v>832943</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35828</v>
      </c>
      <c r="ML31" s="345">
        <v>445921</v>
      </c>
      <c r="MM31" s="345">
        <v>481143</v>
      </c>
      <c r="MN31" s="345">
        <v>196633</v>
      </c>
      <c r="MO31" s="349">
        <v>1159525</v>
      </c>
      <c r="MP31" s="354">
        <v>1159525</v>
      </c>
      <c r="MQ31" s="348">
        <v>0</v>
      </c>
      <c r="MR31" s="345">
        <v>0</v>
      </c>
      <c r="MS31" s="349">
        <v>0</v>
      </c>
      <c r="MT31" s="404">
        <v>0</v>
      </c>
      <c r="MU31" s="345">
        <v>0</v>
      </c>
      <c r="MV31" s="345">
        <v>0</v>
      </c>
      <c r="MW31" s="345">
        <v>214307</v>
      </c>
      <c r="MX31" s="345">
        <v>230284</v>
      </c>
      <c r="MY31" s="345">
        <v>196633</v>
      </c>
      <c r="MZ31" s="349">
        <v>641224</v>
      </c>
      <c r="NA31" s="354">
        <v>641224</v>
      </c>
      <c r="NB31" s="348">
        <v>0</v>
      </c>
      <c r="NC31" s="345">
        <v>0</v>
      </c>
      <c r="ND31" s="349">
        <v>0</v>
      </c>
      <c r="NE31" s="404">
        <v>0</v>
      </c>
      <c r="NF31" s="345">
        <v>0</v>
      </c>
      <c r="NG31" s="345">
        <v>35828</v>
      </c>
      <c r="NH31" s="345">
        <v>231614</v>
      </c>
      <c r="NI31" s="345">
        <v>250859</v>
      </c>
      <c r="NJ31" s="345">
        <v>0</v>
      </c>
      <c r="NK31" s="349">
        <v>518301</v>
      </c>
      <c r="NL31" s="347">
        <v>518301</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70303</v>
      </c>
      <c r="OJ31" s="345">
        <v>318882</v>
      </c>
      <c r="OK31" s="346">
        <v>389185</v>
      </c>
      <c r="OL31" s="351">
        <v>0</v>
      </c>
      <c r="OM31" s="345">
        <v>2022418</v>
      </c>
      <c r="ON31" s="345">
        <v>1637155</v>
      </c>
      <c r="OO31" s="345">
        <v>2271862</v>
      </c>
      <c r="OP31" s="345">
        <v>1112768</v>
      </c>
      <c r="OQ31" s="345">
        <v>1668187</v>
      </c>
      <c r="OR31" s="349">
        <v>8712390</v>
      </c>
      <c r="OS31" s="354">
        <v>9101575</v>
      </c>
    </row>
    <row r="32" spans="2:409" s="70" customFormat="1" ht="21" customHeight="1" x14ac:dyDescent="0.2">
      <c r="B32" s="106" t="s">
        <v>27</v>
      </c>
      <c r="C32" s="326">
        <v>50712</v>
      </c>
      <c r="D32" s="327">
        <v>285926</v>
      </c>
      <c r="E32" s="328">
        <v>336638</v>
      </c>
      <c r="F32" s="329">
        <v>0</v>
      </c>
      <c r="G32" s="327">
        <v>884971</v>
      </c>
      <c r="H32" s="327">
        <v>1431359</v>
      </c>
      <c r="I32" s="327">
        <v>1479343</v>
      </c>
      <c r="J32" s="327">
        <v>1096225</v>
      </c>
      <c r="K32" s="327">
        <v>465269</v>
      </c>
      <c r="L32" s="367">
        <v>5357167</v>
      </c>
      <c r="M32" s="330">
        <v>5693805</v>
      </c>
      <c r="N32" s="326">
        <v>17315</v>
      </c>
      <c r="O32" s="327">
        <v>86397</v>
      </c>
      <c r="P32" s="328">
        <v>103712</v>
      </c>
      <c r="Q32" s="326">
        <v>0</v>
      </c>
      <c r="R32" s="327">
        <v>53404</v>
      </c>
      <c r="S32" s="327">
        <v>564266</v>
      </c>
      <c r="T32" s="327">
        <v>705645</v>
      </c>
      <c r="U32" s="327">
        <v>382095</v>
      </c>
      <c r="V32" s="327">
        <v>35966</v>
      </c>
      <c r="W32" s="328">
        <v>1741376</v>
      </c>
      <c r="X32" s="330">
        <v>1845088</v>
      </c>
      <c r="Y32" s="326">
        <v>0</v>
      </c>
      <c r="Z32" s="327">
        <v>0</v>
      </c>
      <c r="AA32" s="328">
        <v>0</v>
      </c>
      <c r="AB32" s="326">
        <v>0</v>
      </c>
      <c r="AC32" s="327">
        <v>33643</v>
      </c>
      <c r="AD32" s="327">
        <v>385209</v>
      </c>
      <c r="AE32" s="327">
        <v>471679</v>
      </c>
      <c r="AF32" s="327">
        <v>103464</v>
      </c>
      <c r="AG32" s="327">
        <v>0</v>
      </c>
      <c r="AH32" s="328">
        <v>993995</v>
      </c>
      <c r="AI32" s="330">
        <v>993995</v>
      </c>
      <c r="AJ32" s="326">
        <v>0</v>
      </c>
      <c r="AK32" s="327">
        <v>0</v>
      </c>
      <c r="AL32" s="328">
        <v>0</v>
      </c>
      <c r="AM32" s="326">
        <v>0</v>
      </c>
      <c r="AN32" s="327">
        <v>0</v>
      </c>
      <c r="AO32" s="327">
        <v>0</v>
      </c>
      <c r="AP32" s="327">
        <v>40043</v>
      </c>
      <c r="AQ32" s="327">
        <v>92150</v>
      </c>
      <c r="AR32" s="327">
        <v>0</v>
      </c>
      <c r="AS32" s="328">
        <v>132193</v>
      </c>
      <c r="AT32" s="330">
        <v>132193</v>
      </c>
      <c r="AU32" s="326">
        <v>17315</v>
      </c>
      <c r="AV32" s="327">
        <v>86397</v>
      </c>
      <c r="AW32" s="328">
        <v>103712</v>
      </c>
      <c r="AX32" s="326">
        <v>0</v>
      </c>
      <c r="AY32" s="327">
        <v>0</v>
      </c>
      <c r="AZ32" s="327">
        <v>115483</v>
      </c>
      <c r="BA32" s="327">
        <v>130923</v>
      </c>
      <c r="BB32" s="327">
        <v>157599</v>
      </c>
      <c r="BC32" s="327">
        <v>0</v>
      </c>
      <c r="BD32" s="328">
        <v>404005</v>
      </c>
      <c r="BE32" s="330">
        <v>507717</v>
      </c>
      <c r="BF32" s="326">
        <v>0</v>
      </c>
      <c r="BG32" s="327">
        <v>0</v>
      </c>
      <c r="BH32" s="331">
        <v>0</v>
      </c>
      <c r="BI32" s="332">
        <v>0</v>
      </c>
      <c r="BJ32" s="327">
        <v>0</v>
      </c>
      <c r="BK32" s="327">
        <v>0</v>
      </c>
      <c r="BL32" s="327">
        <v>0</v>
      </c>
      <c r="BM32" s="327">
        <v>0</v>
      </c>
      <c r="BN32" s="327">
        <v>0</v>
      </c>
      <c r="BO32" s="328">
        <v>0</v>
      </c>
      <c r="BP32" s="330">
        <v>0</v>
      </c>
      <c r="BQ32" s="326">
        <v>0</v>
      </c>
      <c r="BR32" s="327">
        <v>0</v>
      </c>
      <c r="BS32" s="328">
        <v>0</v>
      </c>
      <c r="BT32" s="326">
        <v>0</v>
      </c>
      <c r="BU32" s="327">
        <v>19761</v>
      </c>
      <c r="BV32" s="327">
        <v>63574</v>
      </c>
      <c r="BW32" s="327">
        <v>63000</v>
      </c>
      <c r="BX32" s="327">
        <v>28882</v>
      </c>
      <c r="BY32" s="327">
        <v>35966</v>
      </c>
      <c r="BZ32" s="328">
        <v>211183</v>
      </c>
      <c r="CA32" s="330">
        <v>211183</v>
      </c>
      <c r="CB32" s="326">
        <v>17997</v>
      </c>
      <c r="CC32" s="327">
        <v>34014</v>
      </c>
      <c r="CD32" s="328">
        <v>52011</v>
      </c>
      <c r="CE32" s="326">
        <v>0</v>
      </c>
      <c r="CF32" s="327">
        <v>233163</v>
      </c>
      <c r="CG32" s="327">
        <v>323322</v>
      </c>
      <c r="CH32" s="327">
        <v>228972</v>
      </c>
      <c r="CI32" s="327">
        <v>93527</v>
      </c>
      <c r="CJ32" s="327">
        <v>0</v>
      </c>
      <c r="CK32" s="328">
        <v>878984</v>
      </c>
      <c r="CL32" s="330">
        <v>930995</v>
      </c>
      <c r="CM32" s="326">
        <v>0</v>
      </c>
      <c r="CN32" s="327">
        <v>0</v>
      </c>
      <c r="CO32" s="328">
        <v>0</v>
      </c>
      <c r="CP32" s="332">
        <v>0</v>
      </c>
      <c r="CQ32" s="327">
        <v>116681</v>
      </c>
      <c r="CR32" s="327">
        <v>205265</v>
      </c>
      <c r="CS32" s="327">
        <v>154957</v>
      </c>
      <c r="CT32" s="327">
        <v>93527</v>
      </c>
      <c r="CU32" s="327">
        <v>0</v>
      </c>
      <c r="CV32" s="328">
        <v>570430</v>
      </c>
      <c r="CW32" s="330">
        <v>570430</v>
      </c>
      <c r="CX32" s="326">
        <v>17997</v>
      </c>
      <c r="CY32" s="327">
        <v>34014</v>
      </c>
      <c r="CZ32" s="328">
        <v>52011</v>
      </c>
      <c r="DA32" s="326">
        <v>0</v>
      </c>
      <c r="DB32" s="327">
        <v>116482</v>
      </c>
      <c r="DC32" s="327">
        <v>118057</v>
      </c>
      <c r="DD32" s="327">
        <v>74015</v>
      </c>
      <c r="DE32" s="327">
        <v>0</v>
      </c>
      <c r="DF32" s="327">
        <v>0</v>
      </c>
      <c r="DG32" s="328">
        <v>308554</v>
      </c>
      <c r="DH32" s="330">
        <v>360565</v>
      </c>
      <c r="DI32" s="326">
        <v>0</v>
      </c>
      <c r="DJ32" s="327">
        <v>0</v>
      </c>
      <c r="DK32" s="331">
        <v>0</v>
      </c>
      <c r="DL32" s="332">
        <v>0</v>
      </c>
      <c r="DM32" s="327">
        <v>37512</v>
      </c>
      <c r="DN32" s="327">
        <v>0</v>
      </c>
      <c r="DO32" s="327">
        <v>78629</v>
      </c>
      <c r="DP32" s="327">
        <v>173713</v>
      </c>
      <c r="DQ32" s="327">
        <v>0</v>
      </c>
      <c r="DR32" s="328">
        <v>289854</v>
      </c>
      <c r="DS32" s="330">
        <v>289854</v>
      </c>
      <c r="DT32" s="326">
        <v>0</v>
      </c>
      <c r="DU32" s="327">
        <v>0</v>
      </c>
      <c r="DV32" s="328">
        <v>0</v>
      </c>
      <c r="DW32" s="326">
        <v>0</v>
      </c>
      <c r="DX32" s="327">
        <v>37512</v>
      </c>
      <c r="DY32" s="327">
        <v>0</v>
      </c>
      <c r="DZ32" s="327">
        <v>78629</v>
      </c>
      <c r="EA32" s="327">
        <v>173713</v>
      </c>
      <c r="EB32" s="327">
        <v>0</v>
      </c>
      <c r="EC32" s="328">
        <v>289854</v>
      </c>
      <c r="ED32" s="330">
        <v>289854</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5400</v>
      </c>
      <c r="FM32" s="327">
        <v>165515</v>
      </c>
      <c r="FN32" s="328">
        <v>180915</v>
      </c>
      <c r="FO32" s="326">
        <v>0</v>
      </c>
      <c r="FP32" s="327">
        <v>5950</v>
      </c>
      <c r="FQ32" s="327">
        <v>66430</v>
      </c>
      <c r="FR32" s="327">
        <v>116914</v>
      </c>
      <c r="FS32" s="327">
        <v>68215</v>
      </c>
      <c r="FT32" s="327">
        <v>0</v>
      </c>
      <c r="FU32" s="328">
        <v>257509</v>
      </c>
      <c r="FV32" s="330">
        <v>438424</v>
      </c>
      <c r="FW32" s="333">
        <v>15400</v>
      </c>
      <c r="FX32" s="327">
        <v>81970</v>
      </c>
      <c r="FY32" s="331">
        <v>97370</v>
      </c>
      <c r="FZ32" s="332">
        <v>0</v>
      </c>
      <c r="GA32" s="327">
        <v>5950</v>
      </c>
      <c r="GB32" s="327">
        <v>66430</v>
      </c>
      <c r="GC32" s="327">
        <v>116914</v>
      </c>
      <c r="GD32" s="327">
        <v>68215</v>
      </c>
      <c r="GE32" s="327">
        <v>0</v>
      </c>
      <c r="GF32" s="328">
        <v>257509</v>
      </c>
      <c r="GG32" s="334">
        <v>354879</v>
      </c>
      <c r="GH32" s="333">
        <v>0</v>
      </c>
      <c r="GI32" s="327">
        <v>0</v>
      </c>
      <c r="GJ32" s="331">
        <v>0</v>
      </c>
      <c r="GK32" s="332">
        <v>0</v>
      </c>
      <c r="GL32" s="327">
        <v>0</v>
      </c>
      <c r="GM32" s="327">
        <v>0</v>
      </c>
      <c r="GN32" s="327">
        <v>0</v>
      </c>
      <c r="GO32" s="327">
        <v>0</v>
      </c>
      <c r="GP32" s="327">
        <v>0</v>
      </c>
      <c r="GQ32" s="328">
        <v>0</v>
      </c>
      <c r="GR32" s="330">
        <v>0</v>
      </c>
      <c r="GS32" s="326">
        <v>0</v>
      </c>
      <c r="GT32" s="327">
        <v>83545</v>
      </c>
      <c r="GU32" s="328">
        <v>83545</v>
      </c>
      <c r="GV32" s="326">
        <v>0</v>
      </c>
      <c r="GW32" s="327">
        <v>0</v>
      </c>
      <c r="GX32" s="327">
        <v>0</v>
      </c>
      <c r="GY32" s="327">
        <v>0</v>
      </c>
      <c r="GZ32" s="327">
        <v>0</v>
      </c>
      <c r="HA32" s="327">
        <v>0</v>
      </c>
      <c r="HB32" s="331">
        <v>0</v>
      </c>
      <c r="HC32" s="330">
        <v>83545</v>
      </c>
      <c r="HD32" s="326">
        <v>0</v>
      </c>
      <c r="HE32" s="327">
        <v>0</v>
      </c>
      <c r="HF32" s="331">
        <v>0</v>
      </c>
      <c r="HG32" s="332">
        <v>0</v>
      </c>
      <c r="HH32" s="327">
        <v>554942</v>
      </c>
      <c r="HI32" s="327">
        <v>477341</v>
      </c>
      <c r="HJ32" s="327">
        <v>349183</v>
      </c>
      <c r="HK32" s="327">
        <v>378675</v>
      </c>
      <c r="HL32" s="327">
        <v>429303</v>
      </c>
      <c r="HM32" s="328">
        <v>2189444</v>
      </c>
      <c r="HN32" s="329">
        <v>2189444</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33302</v>
      </c>
      <c r="IE32" s="357">
        <v>112272</v>
      </c>
      <c r="IF32" s="358">
        <v>443051</v>
      </c>
      <c r="IG32" s="356">
        <v>0</v>
      </c>
      <c r="IH32" s="358">
        <v>0</v>
      </c>
      <c r="II32" s="359">
        <v>688625</v>
      </c>
      <c r="IJ32" s="358">
        <v>688625</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33302</v>
      </c>
      <c r="JL32" s="345">
        <v>63543</v>
      </c>
      <c r="JM32" s="345">
        <v>25312</v>
      </c>
      <c r="JN32" s="345">
        <v>0</v>
      </c>
      <c r="JO32" s="345">
        <v>0</v>
      </c>
      <c r="JP32" s="349">
        <v>222157</v>
      </c>
      <c r="JQ32" s="347">
        <v>222157</v>
      </c>
      <c r="JR32" s="348">
        <v>0</v>
      </c>
      <c r="JS32" s="345">
        <v>0</v>
      </c>
      <c r="JT32" s="346">
        <v>0</v>
      </c>
      <c r="JU32" s="351">
        <v>0</v>
      </c>
      <c r="JV32" s="345">
        <v>0</v>
      </c>
      <c r="JW32" s="345">
        <v>48729</v>
      </c>
      <c r="JX32" s="345">
        <v>95860</v>
      </c>
      <c r="JY32" s="345">
        <v>0</v>
      </c>
      <c r="JZ32" s="345">
        <v>0</v>
      </c>
      <c r="KA32" s="349">
        <v>144589</v>
      </c>
      <c r="KB32" s="347">
        <v>144589</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0</v>
      </c>
      <c r="KV32" s="345">
        <v>0</v>
      </c>
      <c r="KW32" s="349">
        <v>0</v>
      </c>
      <c r="KX32" s="347">
        <v>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0</v>
      </c>
      <c r="LZ32" s="345">
        <v>0</v>
      </c>
      <c r="MA32" s="345">
        <v>321879</v>
      </c>
      <c r="MB32" s="345">
        <v>0</v>
      </c>
      <c r="MC32" s="345">
        <v>0</v>
      </c>
      <c r="MD32" s="349">
        <v>321879</v>
      </c>
      <c r="ME32" s="350">
        <v>321879</v>
      </c>
      <c r="MF32" s="348">
        <v>0</v>
      </c>
      <c r="MG32" s="345">
        <v>0</v>
      </c>
      <c r="MH32" s="349">
        <v>0</v>
      </c>
      <c r="MI32" s="404">
        <v>0</v>
      </c>
      <c r="MJ32" s="345">
        <v>190695</v>
      </c>
      <c r="MK32" s="345">
        <v>0</v>
      </c>
      <c r="ML32" s="345">
        <v>203520</v>
      </c>
      <c r="MM32" s="345">
        <v>225130</v>
      </c>
      <c r="MN32" s="345">
        <v>535759</v>
      </c>
      <c r="MO32" s="349">
        <v>1155104</v>
      </c>
      <c r="MP32" s="354">
        <v>1155104</v>
      </c>
      <c r="MQ32" s="348">
        <v>0</v>
      </c>
      <c r="MR32" s="345">
        <v>0</v>
      </c>
      <c r="MS32" s="349">
        <v>0</v>
      </c>
      <c r="MT32" s="404">
        <v>0</v>
      </c>
      <c r="MU32" s="345">
        <v>0</v>
      </c>
      <c r="MV32" s="345">
        <v>0</v>
      </c>
      <c r="MW32" s="345">
        <v>203520</v>
      </c>
      <c r="MX32" s="345">
        <v>225130</v>
      </c>
      <c r="MY32" s="345">
        <v>238394</v>
      </c>
      <c r="MZ32" s="349">
        <v>667044</v>
      </c>
      <c r="NA32" s="354">
        <v>667044</v>
      </c>
      <c r="NB32" s="348">
        <v>0</v>
      </c>
      <c r="NC32" s="345">
        <v>0</v>
      </c>
      <c r="ND32" s="349">
        <v>0</v>
      </c>
      <c r="NE32" s="404">
        <v>0</v>
      </c>
      <c r="NF32" s="345">
        <v>190695</v>
      </c>
      <c r="NG32" s="345">
        <v>0</v>
      </c>
      <c r="NH32" s="345">
        <v>0</v>
      </c>
      <c r="NI32" s="345">
        <v>0</v>
      </c>
      <c r="NJ32" s="345">
        <v>297365</v>
      </c>
      <c r="NK32" s="349">
        <v>488060</v>
      </c>
      <c r="NL32" s="347">
        <v>488060</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0</v>
      </c>
      <c r="OG32" s="349">
        <v>0</v>
      </c>
      <c r="OH32" s="350">
        <v>0</v>
      </c>
      <c r="OI32" s="348">
        <v>50712</v>
      </c>
      <c r="OJ32" s="345">
        <v>285926</v>
      </c>
      <c r="OK32" s="346">
        <v>336638</v>
      </c>
      <c r="OL32" s="351">
        <v>0</v>
      </c>
      <c r="OM32" s="345">
        <v>1208968</v>
      </c>
      <c r="ON32" s="345">
        <v>1543631</v>
      </c>
      <c r="OO32" s="345">
        <v>2125914</v>
      </c>
      <c r="OP32" s="345">
        <v>1321355</v>
      </c>
      <c r="OQ32" s="345">
        <v>1001028</v>
      </c>
      <c r="OR32" s="349">
        <v>7200896</v>
      </c>
      <c r="OS32" s="354">
        <v>7537534</v>
      </c>
    </row>
    <row r="33" spans="2:409" s="70" customFormat="1" ht="21" customHeight="1" x14ac:dyDescent="0.2">
      <c r="B33" s="106" t="s">
        <v>28</v>
      </c>
      <c r="C33" s="326">
        <v>0</v>
      </c>
      <c r="D33" s="327">
        <v>7700</v>
      </c>
      <c r="E33" s="328">
        <v>7700</v>
      </c>
      <c r="F33" s="329">
        <v>0</v>
      </c>
      <c r="G33" s="327">
        <v>46228</v>
      </c>
      <c r="H33" s="327">
        <v>194616</v>
      </c>
      <c r="I33" s="327">
        <v>409061</v>
      </c>
      <c r="J33" s="327">
        <v>298041</v>
      </c>
      <c r="K33" s="327">
        <v>219567</v>
      </c>
      <c r="L33" s="367">
        <v>1167513</v>
      </c>
      <c r="M33" s="330">
        <v>1175213</v>
      </c>
      <c r="N33" s="326">
        <v>0</v>
      </c>
      <c r="O33" s="327">
        <v>0</v>
      </c>
      <c r="P33" s="328">
        <v>0</v>
      </c>
      <c r="Q33" s="326">
        <v>0</v>
      </c>
      <c r="R33" s="327">
        <v>41468</v>
      </c>
      <c r="S33" s="327">
        <v>105608</v>
      </c>
      <c r="T33" s="327">
        <v>23753</v>
      </c>
      <c r="U33" s="327">
        <v>85002</v>
      </c>
      <c r="V33" s="327">
        <v>18312</v>
      </c>
      <c r="W33" s="328">
        <v>274143</v>
      </c>
      <c r="X33" s="330">
        <v>274143</v>
      </c>
      <c r="Y33" s="326">
        <v>0</v>
      </c>
      <c r="Z33" s="327">
        <v>0</v>
      </c>
      <c r="AA33" s="328">
        <v>0</v>
      </c>
      <c r="AB33" s="326">
        <v>0</v>
      </c>
      <c r="AC33" s="327">
        <v>34230</v>
      </c>
      <c r="AD33" s="327">
        <v>42618</v>
      </c>
      <c r="AE33" s="327">
        <v>0</v>
      </c>
      <c r="AF33" s="327">
        <v>68811</v>
      </c>
      <c r="AG33" s="327">
        <v>0</v>
      </c>
      <c r="AH33" s="328">
        <v>145659</v>
      </c>
      <c r="AI33" s="330">
        <v>145659</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0</v>
      </c>
      <c r="AZ33" s="327">
        <v>49438</v>
      </c>
      <c r="BA33" s="327">
        <v>12588</v>
      </c>
      <c r="BB33" s="327">
        <v>0</v>
      </c>
      <c r="BC33" s="327">
        <v>0</v>
      </c>
      <c r="BD33" s="328">
        <v>62026</v>
      </c>
      <c r="BE33" s="330">
        <v>62026</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38</v>
      </c>
      <c r="BV33" s="327">
        <v>13552</v>
      </c>
      <c r="BW33" s="327">
        <v>11165</v>
      </c>
      <c r="BX33" s="327">
        <v>16191</v>
      </c>
      <c r="BY33" s="327">
        <v>18312</v>
      </c>
      <c r="BZ33" s="328">
        <v>66458</v>
      </c>
      <c r="CA33" s="330">
        <v>66458</v>
      </c>
      <c r="CB33" s="326">
        <v>0</v>
      </c>
      <c r="CC33" s="327">
        <v>0</v>
      </c>
      <c r="CD33" s="328">
        <v>0</v>
      </c>
      <c r="CE33" s="326">
        <v>0</v>
      </c>
      <c r="CF33" s="327">
        <v>0</v>
      </c>
      <c r="CG33" s="327">
        <v>52902</v>
      </c>
      <c r="CH33" s="327">
        <v>265424</v>
      </c>
      <c r="CI33" s="327">
        <v>0</v>
      </c>
      <c r="CJ33" s="327">
        <v>0</v>
      </c>
      <c r="CK33" s="328">
        <v>318326</v>
      </c>
      <c r="CL33" s="330">
        <v>318326</v>
      </c>
      <c r="CM33" s="326">
        <v>0</v>
      </c>
      <c r="CN33" s="327">
        <v>0</v>
      </c>
      <c r="CO33" s="328">
        <v>0</v>
      </c>
      <c r="CP33" s="332">
        <v>0</v>
      </c>
      <c r="CQ33" s="327">
        <v>0</v>
      </c>
      <c r="CR33" s="327">
        <v>52902</v>
      </c>
      <c r="CS33" s="327">
        <v>205986</v>
      </c>
      <c r="CT33" s="327">
        <v>0</v>
      </c>
      <c r="CU33" s="327">
        <v>0</v>
      </c>
      <c r="CV33" s="328">
        <v>258888</v>
      </c>
      <c r="CW33" s="330">
        <v>258888</v>
      </c>
      <c r="CX33" s="326">
        <v>0</v>
      </c>
      <c r="CY33" s="327">
        <v>0</v>
      </c>
      <c r="CZ33" s="328">
        <v>0</v>
      </c>
      <c r="DA33" s="326">
        <v>0</v>
      </c>
      <c r="DB33" s="327">
        <v>0</v>
      </c>
      <c r="DC33" s="327">
        <v>0</v>
      </c>
      <c r="DD33" s="327">
        <v>59438</v>
      </c>
      <c r="DE33" s="327">
        <v>0</v>
      </c>
      <c r="DF33" s="327">
        <v>0</v>
      </c>
      <c r="DG33" s="328">
        <v>59438</v>
      </c>
      <c r="DH33" s="330">
        <v>59438</v>
      </c>
      <c r="DI33" s="326">
        <v>0</v>
      </c>
      <c r="DJ33" s="327">
        <v>0</v>
      </c>
      <c r="DK33" s="331">
        <v>0</v>
      </c>
      <c r="DL33" s="332">
        <v>0</v>
      </c>
      <c r="DM33" s="327">
        <v>0</v>
      </c>
      <c r="DN33" s="327">
        <v>0</v>
      </c>
      <c r="DO33" s="327">
        <v>50045</v>
      </c>
      <c r="DP33" s="327">
        <v>0</v>
      </c>
      <c r="DQ33" s="327">
        <v>0</v>
      </c>
      <c r="DR33" s="328">
        <v>50045</v>
      </c>
      <c r="DS33" s="330">
        <v>50045</v>
      </c>
      <c r="DT33" s="326">
        <v>0</v>
      </c>
      <c r="DU33" s="327">
        <v>0</v>
      </c>
      <c r="DV33" s="328">
        <v>0</v>
      </c>
      <c r="DW33" s="326">
        <v>0</v>
      </c>
      <c r="DX33" s="327">
        <v>0</v>
      </c>
      <c r="DY33" s="327">
        <v>0</v>
      </c>
      <c r="DZ33" s="327">
        <v>50045</v>
      </c>
      <c r="EA33" s="327">
        <v>0</v>
      </c>
      <c r="EB33" s="327">
        <v>0</v>
      </c>
      <c r="EC33" s="328">
        <v>50045</v>
      </c>
      <c r="ED33" s="330">
        <v>50045</v>
      </c>
      <c r="EE33" s="326">
        <v>0</v>
      </c>
      <c r="EF33" s="331">
        <v>0</v>
      </c>
      <c r="EG33" s="328">
        <v>0</v>
      </c>
      <c r="EH33" s="326">
        <v>0</v>
      </c>
      <c r="EI33" s="327">
        <v>0</v>
      </c>
      <c r="EJ33" s="327">
        <v>0</v>
      </c>
      <c r="EK33" s="327">
        <v>0</v>
      </c>
      <c r="EL33" s="327">
        <v>0</v>
      </c>
      <c r="EM33" s="327">
        <v>0</v>
      </c>
      <c r="EN33" s="331">
        <v>0</v>
      </c>
      <c r="EO33" s="330">
        <v>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4760</v>
      </c>
      <c r="FQ33" s="327">
        <v>36106</v>
      </c>
      <c r="FR33" s="327">
        <v>11480</v>
      </c>
      <c r="FS33" s="327">
        <v>21350</v>
      </c>
      <c r="FT33" s="327">
        <v>0</v>
      </c>
      <c r="FU33" s="328">
        <v>73696</v>
      </c>
      <c r="FV33" s="330">
        <v>81396</v>
      </c>
      <c r="FW33" s="333">
        <v>0</v>
      </c>
      <c r="FX33" s="327">
        <v>7700</v>
      </c>
      <c r="FY33" s="331">
        <v>7700</v>
      </c>
      <c r="FZ33" s="332">
        <v>0</v>
      </c>
      <c r="GA33" s="327">
        <v>4760</v>
      </c>
      <c r="GB33" s="327">
        <v>36106</v>
      </c>
      <c r="GC33" s="327">
        <v>11480</v>
      </c>
      <c r="GD33" s="327">
        <v>21350</v>
      </c>
      <c r="GE33" s="327">
        <v>0</v>
      </c>
      <c r="GF33" s="328">
        <v>73696</v>
      </c>
      <c r="GG33" s="334">
        <v>81396</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58359</v>
      </c>
      <c r="HK33" s="327">
        <v>191689</v>
      </c>
      <c r="HL33" s="327">
        <v>201255</v>
      </c>
      <c r="HM33" s="328">
        <v>451303</v>
      </c>
      <c r="HN33" s="329">
        <v>451303</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55839</v>
      </c>
      <c r="IE33" s="339">
        <v>244849</v>
      </c>
      <c r="IF33" s="337">
        <v>226137</v>
      </c>
      <c r="IG33" s="336">
        <v>0</v>
      </c>
      <c r="IH33" s="337">
        <v>0</v>
      </c>
      <c r="II33" s="340">
        <v>626825</v>
      </c>
      <c r="IJ33" s="341">
        <v>626825</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55839</v>
      </c>
      <c r="JL33" s="345">
        <v>24938</v>
      </c>
      <c r="JM33" s="345">
        <v>0</v>
      </c>
      <c r="JN33" s="345">
        <v>0</v>
      </c>
      <c r="JO33" s="345">
        <v>0</v>
      </c>
      <c r="JP33" s="349">
        <v>180777</v>
      </c>
      <c r="JQ33" s="347">
        <v>180777</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19911</v>
      </c>
      <c r="KT33" s="345">
        <v>226137</v>
      </c>
      <c r="KU33" s="345">
        <v>0</v>
      </c>
      <c r="KV33" s="345">
        <v>0</v>
      </c>
      <c r="KW33" s="349">
        <v>446048</v>
      </c>
      <c r="KX33" s="347">
        <v>446048</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15225</v>
      </c>
      <c r="MM33" s="345">
        <v>0</v>
      </c>
      <c r="MN33" s="345">
        <v>0</v>
      </c>
      <c r="MO33" s="349">
        <v>15225</v>
      </c>
      <c r="MP33" s="354">
        <v>15225</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15225</v>
      </c>
      <c r="NI33" s="345">
        <v>0</v>
      </c>
      <c r="NJ33" s="345">
        <v>0</v>
      </c>
      <c r="NK33" s="349">
        <v>15225</v>
      </c>
      <c r="NL33" s="347">
        <v>15225</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7700</v>
      </c>
      <c r="OK33" s="346">
        <v>7700</v>
      </c>
      <c r="OL33" s="351">
        <v>0</v>
      </c>
      <c r="OM33" s="345">
        <v>202067</v>
      </c>
      <c r="ON33" s="345">
        <v>439465</v>
      </c>
      <c r="OO33" s="345">
        <v>650423</v>
      </c>
      <c r="OP33" s="345">
        <v>298041</v>
      </c>
      <c r="OQ33" s="345">
        <v>219567</v>
      </c>
      <c r="OR33" s="349">
        <v>1809563</v>
      </c>
      <c r="OS33" s="354">
        <v>1817263</v>
      </c>
    </row>
    <row r="34" spans="2:409" s="70" customFormat="1" ht="21" customHeight="1" x14ac:dyDescent="0.2">
      <c r="B34" s="106" t="s">
        <v>29</v>
      </c>
      <c r="C34" s="326">
        <v>63287</v>
      </c>
      <c r="D34" s="327">
        <v>75174</v>
      </c>
      <c r="E34" s="328">
        <v>138461</v>
      </c>
      <c r="F34" s="329">
        <v>0</v>
      </c>
      <c r="G34" s="327">
        <v>353870</v>
      </c>
      <c r="H34" s="327">
        <v>401127</v>
      </c>
      <c r="I34" s="327">
        <v>311163</v>
      </c>
      <c r="J34" s="327">
        <v>469158</v>
      </c>
      <c r="K34" s="327">
        <v>199570</v>
      </c>
      <c r="L34" s="367">
        <v>1734888</v>
      </c>
      <c r="M34" s="330">
        <v>1873349</v>
      </c>
      <c r="N34" s="326">
        <v>16940</v>
      </c>
      <c r="O34" s="327">
        <v>62574</v>
      </c>
      <c r="P34" s="328">
        <v>79514</v>
      </c>
      <c r="Q34" s="326">
        <v>0</v>
      </c>
      <c r="R34" s="327">
        <v>213678</v>
      </c>
      <c r="S34" s="327">
        <v>200610</v>
      </c>
      <c r="T34" s="327">
        <v>159528</v>
      </c>
      <c r="U34" s="327">
        <v>154646</v>
      </c>
      <c r="V34" s="327">
        <v>0</v>
      </c>
      <c r="W34" s="328">
        <v>728462</v>
      </c>
      <c r="X34" s="330">
        <v>807976</v>
      </c>
      <c r="Y34" s="326">
        <v>0</v>
      </c>
      <c r="Z34" s="327">
        <v>0</v>
      </c>
      <c r="AA34" s="328">
        <v>0</v>
      </c>
      <c r="AB34" s="326">
        <v>0</v>
      </c>
      <c r="AC34" s="327">
        <v>51502</v>
      </c>
      <c r="AD34" s="327">
        <v>152296</v>
      </c>
      <c r="AE34" s="327">
        <v>0</v>
      </c>
      <c r="AF34" s="327">
        <v>101169</v>
      </c>
      <c r="AG34" s="327">
        <v>0</v>
      </c>
      <c r="AH34" s="328">
        <v>304967</v>
      </c>
      <c r="AI34" s="330">
        <v>304967</v>
      </c>
      <c r="AJ34" s="326">
        <v>0</v>
      </c>
      <c r="AK34" s="327">
        <v>0</v>
      </c>
      <c r="AL34" s="328">
        <v>0</v>
      </c>
      <c r="AM34" s="326">
        <v>0</v>
      </c>
      <c r="AN34" s="327">
        <v>0</v>
      </c>
      <c r="AO34" s="327">
        <v>0</v>
      </c>
      <c r="AP34" s="327">
        <v>0</v>
      </c>
      <c r="AQ34" s="327">
        <v>0</v>
      </c>
      <c r="AR34" s="327">
        <v>0</v>
      </c>
      <c r="AS34" s="328">
        <v>0</v>
      </c>
      <c r="AT34" s="330">
        <v>0</v>
      </c>
      <c r="AU34" s="326">
        <v>16940</v>
      </c>
      <c r="AV34" s="327">
        <v>48706</v>
      </c>
      <c r="AW34" s="328">
        <v>65646</v>
      </c>
      <c r="AX34" s="326">
        <v>0</v>
      </c>
      <c r="AY34" s="327">
        <v>135142</v>
      </c>
      <c r="AZ34" s="327">
        <v>36295</v>
      </c>
      <c r="BA34" s="327">
        <v>159528</v>
      </c>
      <c r="BB34" s="327">
        <v>0</v>
      </c>
      <c r="BC34" s="327">
        <v>0</v>
      </c>
      <c r="BD34" s="328">
        <v>330965</v>
      </c>
      <c r="BE34" s="330">
        <v>396611</v>
      </c>
      <c r="BF34" s="326">
        <v>0</v>
      </c>
      <c r="BG34" s="327">
        <v>13868</v>
      </c>
      <c r="BH34" s="331">
        <v>13868</v>
      </c>
      <c r="BI34" s="332">
        <v>0</v>
      </c>
      <c r="BJ34" s="327">
        <v>0</v>
      </c>
      <c r="BK34" s="327">
        <v>0</v>
      </c>
      <c r="BL34" s="327">
        <v>0</v>
      </c>
      <c r="BM34" s="327">
        <v>20416</v>
      </c>
      <c r="BN34" s="327">
        <v>0</v>
      </c>
      <c r="BO34" s="328">
        <v>20416</v>
      </c>
      <c r="BP34" s="330">
        <v>34284</v>
      </c>
      <c r="BQ34" s="326">
        <v>0</v>
      </c>
      <c r="BR34" s="327">
        <v>0</v>
      </c>
      <c r="BS34" s="328">
        <v>0</v>
      </c>
      <c r="BT34" s="326">
        <v>0</v>
      </c>
      <c r="BU34" s="327">
        <v>27034</v>
      </c>
      <c r="BV34" s="327">
        <v>12019</v>
      </c>
      <c r="BW34" s="327">
        <v>0</v>
      </c>
      <c r="BX34" s="327">
        <v>33061</v>
      </c>
      <c r="BY34" s="327">
        <v>0</v>
      </c>
      <c r="BZ34" s="328">
        <v>72114</v>
      </c>
      <c r="CA34" s="330">
        <v>72114</v>
      </c>
      <c r="CB34" s="326">
        <v>0</v>
      </c>
      <c r="CC34" s="327">
        <v>0</v>
      </c>
      <c r="CD34" s="328">
        <v>0</v>
      </c>
      <c r="CE34" s="326">
        <v>0</v>
      </c>
      <c r="CF34" s="327">
        <v>138092</v>
      </c>
      <c r="CG34" s="327">
        <v>0</v>
      </c>
      <c r="CH34" s="327">
        <v>104357</v>
      </c>
      <c r="CI34" s="327">
        <v>74314</v>
      </c>
      <c r="CJ34" s="327">
        <v>0</v>
      </c>
      <c r="CK34" s="328">
        <v>316763</v>
      </c>
      <c r="CL34" s="330">
        <v>316763</v>
      </c>
      <c r="CM34" s="326">
        <v>0</v>
      </c>
      <c r="CN34" s="327">
        <v>0</v>
      </c>
      <c r="CO34" s="328">
        <v>0</v>
      </c>
      <c r="CP34" s="332">
        <v>0</v>
      </c>
      <c r="CQ34" s="327">
        <v>82831</v>
      </c>
      <c r="CR34" s="327">
        <v>0</v>
      </c>
      <c r="CS34" s="327">
        <v>0</v>
      </c>
      <c r="CT34" s="327">
        <v>0</v>
      </c>
      <c r="CU34" s="327">
        <v>0</v>
      </c>
      <c r="CV34" s="328">
        <v>82831</v>
      </c>
      <c r="CW34" s="330">
        <v>82831</v>
      </c>
      <c r="CX34" s="326">
        <v>0</v>
      </c>
      <c r="CY34" s="327">
        <v>0</v>
      </c>
      <c r="CZ34" s="328">
        <v>0</v>
      </c>
      <c r="DA34" s="326">
        <v>0</v>
      </c>
      <c r="DB34" s="327">
        <v>55261</v>
      </c>
      <c r="DC34" s="327">
        <v>0</v>
      </c>
      <c r="DD34" s="327">
        <v>104357</v>
      </c>
      <c r="DE34" s="327">
        <v>74314</v>
      </c>
      <c r="DF34" s="327">
        <v>0</v>
      </c>
      <c r="DG34" s="328">
        <v>233932</v>
      </c>
      <c r="DH34" s="330">
        <v>233932</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0</v>
      </c>
      <c r="FM34" s="327">
        <v>12600</v>
      </c>
      <c r="FN34" s="328">
        <v>12600</v>
      </c>
      <c r="FO34" s="326">
        <v>0</v>
      </c>
      <c r="FP34" s="327">
        <v>2100</v>
      </c>
      <c r="FQ34" s="327">
        <v>42784</v>
      </c>
      <c r="FR34" s="327">
        <v>47278</v>
      </c>
      <c r="FS34" s="327">
        <v>52766</v>
      </c>
      <c r="FT34" s="327">
        <v>0</v>
      </c>
      <c r="FU34" s="328">
        <v>144928</v>
      </c>
      <c r="FV34" s="330">
        <v>157528</v>
      </c>
      <c r="FW34" s="333">
        <v>0</v>
      </c>
      <c r="FX34" s="327">
        <v>12600</v>
      </c>
      <c r="FY34" s="331">
        <v>12600</v>
      </c>
      <c r="FZ34" s="332">
        <v>0</v>
      </c>
      <c r="GA34" s="327">
        <v>2100</v>
      </c>
      <c r="GB34" s="327">
        <v>42784</v>
      </c>
      <c r="GC34" s="327">
        <v>47278</v>
      </c>
      <c r="GD34" s="327">
        <v>52766</v>
      </c>
      <c r="GE34" s="327">
        <v>0</v>
      </c>
      <c r="GF34" s="328">
        <v>144928</v>
      </c>
      <c r="GG34" s="334">
        <v>157528</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46347</v>
      </c>
      <c r="HE34" s="327">
        <v>0</v>
      </c>
      <c r="HF34" s="331">
        <v>46347</v>
      </c>
      <c r="HG34" s="332">
        <v>0</v>
      </c>
      <c r="HH34" s="327">
        <v>0</v>
      </c>
      <c r="HI34" s="327">
        <v>157733</v>
      </c>
      <c r="HJ34" s="327">
        <v>0</v>
      </c>
      <c r="HK34" s="327">
        <v>187432</v>
      </c>
      <c r="HL34" s="327">
        <v>199570</v>
      </c>
      <c r="HM34" s="328">
        <v>544735</v>
      </c>
      <c r="HN34" s="329">
        <v>591082</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328314</v>
      </c>
      <c r="IE34" s="357">
        <v>313705</v>
      </c>
      <c r="IF34" s="358">
        <v>70189</v>
      </c>
      <c r="IG34" s="356">
        <v>244196</v>
      </c>
      <c r="IH34" s="358">
        <v>0</v>
      </c>
      <c r="II34" s="359">
        <v>956404</v>
      </c>
      <c r="IJ34" s="358">
        <v>956404</v>
      </c>
      <c r="IK34" s="342">
        <v>0</v>
      </c>
      <c r="IL34" s="343">
        <v>0</v>
      </c>
      <c r="IM34" s="344">
        <v>0</v>
      </c>
      <c r="IN34" s="404">
        <v>0</v>
      </c>
      <c r="IO34" s="345">
        <v>52507</v>
      </c>
      <c r="IP34" s="345">
        <v>0</v>
      </c>
      <c r="IQ34" s="345">
        <v>0</v>
      </c>
      <c r="IR34" s="345">
        <v>0</v>
      </c>
      <c r="IS34" s="345">
        <v>0</v>
      </c>
      <c r="IT34" s="346">
        <v>52507</v>
      </c>
      <c r="IU34" s="347">
        <v>52507</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43729</v>
      </c>
      <c r="JL34" s="345">
        <v>0</v>
      </c>
      <c r="JM34" s="345">
        <v>70189</v>
      </c>
      <c r="JN34" s="345">
        <v>5083</v>
      </c>
      <c r="JO34" s="345">
        <v>0</v>
      </c>
      <c r="JP34" s="349">
        <v>119001</v>
      </c>
      <c r="JQ34" s="347">
        <v>119001</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232078</v>
      </c>
      <c r="KH34" s="345">
        <v>313705</v>
      </c>
      <c r="KI34" s="345">
        <v>0</v>
      </c>
      <c r="KJ34" s="345">
        <v>0</v>
      </c>
      <c r="KK34" s="345">
        <v>0</v>
      </c>
      <c r="KL34" s="349">
        <v>545783</v>
      </c>
      <c r="KM34" s="354">
        <v>545783</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39113</v>
      </c>
      <c r="LR34" s="345">
        <v>0</v>
      </c>
      <c r="LS34" s="349">
        <v>239113</v>
      </c>
      <c r="LT34" s="347">
        <v>239113</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47758</v>
      </c>
      <c r="MN34" s="345">
        <v>532392</v>
      </c>
      <c r="MO34" s="349">
        <v>780150</v>
      </c>
      <c r="MP34" s="354">
        <v>780150</v>
      </c>
      <c r="MQ34" s="348">
        <v>0</v>
      </c>
      <c r="MR34" s="345">
        <v>0</v>
      </c>
      <c r="MS34" s="349">
        <v>0</v>
      </c>
      <c r="MT34" s="404">
        <v>0</v>
      </c>
      <c r="MU34" s="345">
        <v>0</v>
      </c>
      <c r="MV34" s="345">
        <v>0</v>
      </c>
      <c r="MW34" s="345">
        <v>0</v>
      </c>
      <c r="MX34" s="345">
        <v>247758</v>
      </c>
      <c r="MY34" s="345">
        <v>0</v>
      </c>
      <c r="MZ34" s="349">
        <v>247758</v>
      </c>
      <c r="NA34" s="354">
        <v>247758</v>
      </c>
      <c r="NB34" s="348">
        <v>0</v>
      </c>
      <c r="NC34" s="345">
        <v>0</v>
      </c>
      <c r="ND34" s="349">
        <v>0</v>
      </c>
      <c r="NE34" s="404">
        <v>0</v>
      </c>
      <c r="NF34" s="345">
        <v>0</v>
      </c>
      <c r="NG34" s="345">
        <v>0</v>
      </c>
      <c r="NH34" s="345">
        <v>0</v>
      </c>
      <c r="NI34" s="345">
        <v>0</v>
      </c>
      <c r="NJ34" s="345">
        <v>532392</v>
      </c>
      <c r="NK34" s="349">
        <v>532392</v>
      </c>
      <c r="NL34" s="347">
        <v>532392</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63287</v>
      </c>
      <c r="OJ34" s="345">
        <v>75174</v>
      </c>
      <c r="OK34" s="346">
        <v>138461</v>
      </c>
      <c r="OL34" s="351">
        <v>0</v>
      </c>
      <c r="OM34" s="345">
        <v>682184</v>
      </c>
      <c r="ON34" s="345">
        <v>714832</v>
      </c>
      <c r="OO34" s="345">
        <v>381352</v>
      </c>
      <c r="OP34" s="345">
        <v>961112</v>
      </c>
      <c r="OQ34" s="345">
        <v>731962</v>
      </c>
      <c r="OR34" s="349">
        <v>3471442</v>
      </c>
      <c r="OS34" s="354">
        <v>3609903</v>
      </c>
    </row>
    <row r="35" spans="2:409" s="70" customFormat="1" ht="21" customHeight="1" x14ac:dyDescent="0.2">
      <c r="B35" s="106" t="s">
        <v>30</v>
      </c>
      <c r="C35" s="326">
        <v>7910</v>
      </c>
      <c r="D35" s="327">
        <v>0</v>
      </c>
      <c r="E35" s="368">
        <v>7910</v>
      </c>
      <c r="F35" s="370">
        <v>0</v>
      </c>
      <c r="G35" s="369">
        <v>296992</v>
      </c>
      <c r="H35" s="369">
        <v>302226</v>
      </c>
      <c r="I35" s="369">
        <v>621468</v>
      </c>
      <c r="J35" s="369">
        <v>373416</v>
      </c>
      <c r="K35" s="369">
        <v>0</v>
      </c>
      <c r="L35" s="370">
        <v>1594102</v>
      </c>
      <c r="M35" s="330">
        <v>1602012</v>
      </c>
      <c r="N35" s="326">
        <v>0</v>
      </c>
      <c r="O35" s="327">
        <v>0</v>
      </c>
      <c r="P35" s="328">
        <v>0</v>
      </c>
      <c r="Q35" s="326">
        <v>0</v>
      </c>
      <c r="R35" s="327">
        <v>79310</v>
      </c>
      <c r="S35" s="327">
        <v>145422</v>
      </c>
      <c r="T35" s="327">
        <v>217300</v>
      </c>
      <c r="U35" s="327">
        <v>31115</v>
      </c>
      <c r="V35" s="327">
        <v>0</v>
      </c>
      <c r="W35" s="328">
        <v>473147</v>
      </c>
      <c r="X35" s="330">
        <v>473147</v>
      </c>
      <c r="Y35" s="326">
        <v>0</v>
      </c>
      <c r="Z35" s="327">
        <v>0</v>
      </c>
      <c r="AA35" s="328">
        <v>0</v>
      </c>
      <c r="AB35" s="326">
        <v>0</v>
      </c>
      <c r="AC35" s="327">
        <v>36477</v>
      </c>
      <c r="AD35" s="327">
        <v>70227</v>
      </c>
      <c r="AE35" s="327">
        <v>119175</v>
      </c>
      <c r="AF35" s="327">
        <v>31115</v>
      </c>
      <c r="AG35" s="327">
        <v>0</v>
      </c>
      <c r="AH35" s="328">
        <v>256994</v>
      </c>
      <c r="AI35" s="330">
        <v>256994</v>
      </c>
      <c r="AJ35" s="326">
        <v>0</v>
      </c>
      <c r="AK35" s="327">
        <v>0</v>
      </c>
      <c r="AL35" s="328">
        <v>0</v>
      </c>
      <c r="AM35" s="326">
        <v>0</v>
      </c>
      <c r="AN35" s="327">
        <v>0</v>
      </c>
      <c r="AO35" s="327">
        <v>0</v>
      </c>
      <c r="AP35" s="327">
        <v>40823</v>
      </c>
      <c r="AQ35" s="327">
        <v>0</v>
      </c>
      <c r="AR35" s="327">
        <v>0</v>
      </c>
      <c r="AS35" s="328">
        <v>40823</v>
      </c>
      <c r="AT35" s="330">
        <v>40823</v>
      </c>
      <c r="AU35" s="326">
        <v>0</v>
      </c>
      <c r="AV35" s="327">
        <v>0</v>
      </c>
      <c r="AW35" s="328">
        <v>0</v>
      </c>
      <c r="AX35" s="326">
        <v>0</v>
      </c>
      <c r="AY35" s="327">
        <v>20678</v>
      </c>
      <c r="AZ35" s="327">
        <v>27248</v>
      </c>
      <c r="BA35" s="327">
        <v>40502</v>
      </c>
      <c r="BB35" s="327">
        <v>0</v>
      </c>
      <c r="BC35" s="327">
        <v>0</v>
      </c>
      <c r="BD35" s="328">
        <v>88428</v>
      </c>
      <c r="BE35" s="330">
        <v>88428</v>
      </c>
      <c r="BF35" s="326">
        <v>0</v>
      </c>
      <c r="BG35" s="327">
        <v>0</v>
      </c>
      <c r="BH35" s="331">
        <v>0</v>
      </c>
      <c r="BI35" s="332">
        <v>0</v>
      </c>
      <c r="BJ35" s="327">
        <v>0</v>
      </c>
      <c r="BK35" s="327">
        <v>32582</v>
      </c>
      <c r="BL35" s="327">
        <v>0</v>
      </c>
      <c r="BM35" s="327">
        <v>0</v>
      </c>
      <c r="BN35" s="327">
        <v>0</v>
      </c>
      <c r="BO35" s="328">
        <v>32582</v>
      </c>
      <c r="BP35" s="330">
        <v>32582</v>
      </c>
      <c r="BQ35" s="326">
        <v>0</v>
      </c>
      <c r="BR35" s="327">
        <v>0</v>
      </c>
      <c r="BS35" s="328">
        <v>0</v>
      </c>
      <c r="BT35" s="326">
        <v>0</v>
      </c>
      <c r="BU35" s="327">
        <v>22155</v>
      </c>
      <c r="BV35" s="327">
        <v>15365</v>
      </c>
      <c r="BW35" s="327">
        <v>16800</v>
      </c>
      <c r="BX35" s="327">
        <v>0</v>
      </c>
      <c r="BY35" s="327">
        <v>0</v>
      </c>
      <c r="BZ35" s="328">
        <v>54320</v>
      </c>
      <c r="CA35" s="330">
        <v>54320</v>
      </c>
      <c r="CB35" s="326">
        <v>0</v>
      </c>
      <c r="CC35" s="327">
        <v>0</v>
      </c>
      <c r="CD35" s="328">
        <v>0</v>
      </c>
      <c r="CE35" s="326">
        <v>0</v>
      </c>
      <c r="CF35" s="327">
        <v>76796</v>
      </c>
      <c r="CG35" s="327">
        <v>21994</v>
      </c>
      <c r="CH35" s="327">
        <v>28161</v>
      </c>
      <c r="CI35" s="327">
        <v>120705</v>
      </c>
      <c r="CJ35" s="327">
        <v>0</v>
      </c>
      <c r="CK35" s="328">
        <v>247656</v>
      </c>
      <c r="CL35" s="330">
        <v>247656</v>
      </c>
      <c r="CM35" s="326">
        <v>0</v>
      </c>
      <c r="CN35" s="327">
        <v>0</v>
      </c>
      <c r="CO35" s="328">
        <v>0</v>
      </c>
      <c r="CP35" s="332">
        <v>0</v>
      </c>
      <c r="CQ35" s="327">
        <v>33112</v>
      </c>
      <c r="CR35" s="327">
        <v>21994</v>
      </c>
      <c r="CS35" s="327">
        <v>28161</v>
      </c>
      <c r="CT35" s="327">
        <v>0</v>
      </c>
      <c r="CU35" s="327">
        <v>0</v>
      </c>
      <c r="CV35" s="328">
        <v>83267</v>
      </c>
      <c r="CW35" s="330">
        <v>83267</v>
      </c>
      <c r="CX35" s="326">
        <v>0</v>
      </c>
      <c r="CY35" s="327">
        <v>0</v>
      </c>
      <c r="CZ35" s="328">
        <v>0</v>
      </c>
      <c r="DA35" s="326">
        <v>0</v>
      </c>
      <c r="DB35" s="327">
        <v>43684</v>
      </c>
      <c r="DC35" s="327">
        <v>0</v>
      </c>
      <c r="DD35" s="327">
        <v>0</v>
      </c>
      <c r="DE35" s="327">
        <v>120705</v>
      </c>
      <c r="DF35" s="327">
        <v>0</v>
      </c>
      <c r="DG35" s="328">
        <v>164389</v>
      </c>
      <c r="DH35" s="330">
        <v>164389</v>
      </c>
      <c r="DI35" s="326">
        <v>0</v>
      </c>
      <c r="DJ35" s="327">
        <v>0</v>
      </c>
      <c r="DK35" s="331">
        <v>0</v>
      </c>
      <c r="DL35" s="332">
        <v>0</v>
      </c>
      <c r="DM35" s="327">
        <v>0</v>
      </c>
      <c r="DN35" s="327">
        <v>0</v>
      </c>
      <c r="DO35" s="327">
        <v>0</v>
      </c>
      <c r="DP35" s="327">
        <v>152772</v>
      </c>
      <c r="DQ35" s="327">
        <v>0</v>
      </c>
      <c r="DR35" s="328">
        <v>152772</v>
      </c>
      <c r="DS35" s="330">
        <v>152772</v>
      </c>
      <c r="DT35" s="326">
        <v>0</v>
      </c>
      <c r="DU35" s="327">
        <v>0</v>
      </c>
      <c r="DV35" s="328">
        <v>0</v>
      </c>
      <c r="DW35" s="326">
        <v>0</v>
      </c>
      <c r="DX35" s="327">
        <v>0</v>
      </c>
      <c r="DY35" s="327">
        <v>0</v>
      </c>
      <c r="DZ35" s="327">
        <v>0</v>
      </c>
      <c r="EA35" s="327">
        <v>152772</v>
      </c>
      <c r="EB35" s="327">
        <v>0</v>
      </c>
      <c r="EC35" s="328">
        <v>152772</v>
      </c>
      <c r="ED35" s="330">
        <v>152772</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7910</v>
      </c>
      <c r="FM35" s="327">
        <v>0</v>
      </c>
      <c r="FN35" s="328">
        <v>7910</v>
      </c>
      <c r="FO35" s="326">
        <v>0</v>
      </c>
      <c r="FP35" s="327">
        <v>0</v>
      </c>
      <c r="FQ35" s="327">
        <v>31976</v>
      </c>
      <c r="FR35" s="327">
        <v>33299</v>
      </c>
      <c r="FS35" s="327">
        <v>68824</v>
      </c>
      <c r="FT35" s="327">
        <v>0</v>
      </c>
      <c r="FU35" s="328">
        <v>134099</v>
      </c>
      <c r="FV35" s="330">
        <v>142009</v>
      </c>
      <c r="FW35" s="333">
        <v>7910</v>
      </c>
      <c r="FX35" s="327">
        <v>0</v>
      </c>
      <c r="FY35" s="331">
        <v>7910</v>
      </c>
      <c r="FZ35" s="332">
        <v>0</v>
      </c>
      <c r="GA35" s="327">
        <v>0</v>
      </c>
      <c r="GB35" s="327">
        <v>31976</v>
      </c>
      <c r="GC35" s="327">
        <v>33299</v>
      </c>
      <c r="GD35" s="327">
        <v>68824</v>
      </c>
      <c r="GE35" s="327">
        <v>0</v>
      </c>
      <c r="GF35" s="328">
        <v>134099</v>
      </c>
      <c r="GG35" s="334">
        <v>142009</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140886</v>
      </c>
      <c r="HI35" s="327">
        <v>102834</v>
      </c>
      <c r="HJ35" s="327">
        <v>342708</v>
      </c>
      <c r="HK35" s="327">
        <v>0</v>
      </c>
      <c r="HL35" s="327">
        <v>0</v>
      </c>
      <c r="HM35" s="328">
        <v>586428</v>
      </c>
      <c r="HN35" s="329">
        <v>586428</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47621</v>
      </c>
      <c r="IE35" s="339">
        <v>48729</v>
      </c>
      <c r="IF35" s="337">
        <v>0</v>
      </c>
      <c r="IG35" s="336">
        <v>149548</v>
      </c>
      <c r="IH35" s="337">
        <v>0</v>
      </c>
      <c r="II35" s="340">
        <v>245898</v>
      </c>
      <c r="IJ35" s="341">
        <v>245898</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0</v>
      </c>
      <c r="JN35" s="345">
        <v>149548</v>
      </c>
      <c r="JO35" s="345">
        <v>0</v>
      </c>
      <c r="JP35" s="349">
        <v>149548</v>
      </c>
      <c r="JQ35" s="347">
        <v>149548</v>
      </c>
      <c r="JR35" s="348">
        <v>0</v>
      </c>
      <c r="JS35" s="345">
        <v>0</v>
      </c>
      <c r="JT35" s="346">
        <v>0</v>
      </c>
      <c r="JU35" s="351">
        <v>0</v>
      </c>
      <c r="JV35" s="345">
        <v>0</v>
      </c>
      <c r="JW35" s="345">
        <v>48729</v>
      </c>
      <c r="JX35" s="345">
        <v>0</v>
      </c>
      <c r="JY35" s="345">
        <v>0</v>
      </c>
      <c r="JZ35" s="345">
        <v>0</v>
      </c>
      <c r="KA35" s="349">
        <v>48729</v>
      </c>
      <c r="KB35" s="347">
        <v>48729</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47621</v>
      </c>
      <c r="KS35" s="345">
        <v>0</v>
      </c>
      <c r="KT35" s="345">
        <v>0</v>
      </c>
      <c r="KU35" s="345">
        <v>0</v>
      </c>
      <c r="KV35" s="345">
        <v>0</v>
      </c>
      <c r="KW35" s="349">
        <v>47621</v>
      </c>
      <c r="KX35" s="347">
        <v>47621</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0</v>
      </c>
      <c r="ML35" s="345">
        <v>0</v>
      </c>
      <c r="MM35" s="345">
        <v>236278</v>
      </c>
      <c r="MN35" s="345">
        <v>259403</v>
      </c>
      <c r="MO35" s="349">
        <v>495681</v>
      </c>
      <c r="MP35" s="354">
        <v>495681</v>
      </c>
      <c r="MQ35" s="348">
        <v>0</v>
      </c>
      <c r="MR35" s="345">
        <v>0</v>
      </c>
      <c r="MS35" s="349">
        <v>0</v>
      </c>
      <c r="MT35" s="404">
        <v>0</v>
      </c>
      <c r="MU35" s="345">
        <v>0</v>
      </c>
      <c r="MV35" s="345">
        <v>0</v>
      </c>
      <c r="MW35" s="345">
        <v>0</v>
      </c>
      <c r="MX35" s="345">
        <v>236278</v>
      </c>
      <c r="MY35" s="345">
        <v>259403</v>
      </c>
      <c r="MZ35" s="349">
        <v>495681</v>
      </c>
      <c r="NA35" s="354">
        <v>495681</v>
      </c>
      <c r="NB35" s="348">
        <v>0</v>
      </c>
      <c r="NC35" s="345">
        <v>0</v>
      </c>
      <c r="ND35" s="349">
        <v>0</v>
      </c>
      <c r="NE35" s="404">
        <v>0</v>
      </c>
      <c r="NF35" s="345">
        <v>0</v>
      </c>
      <c r="NG35" s="345">
        <v>0</v>
      </c>
      <c r="NH35" s="345">
        <v>0</v>
      </c>
      <c r="NI35" s="345">
        <v>0</v>
      </c>
      <c r="NJ35" s="345">
        <v>0</v>
      </c>
      <c r="NK35" s="349">
        <v>0</v>
      </c>
      <c r="NL35" s="347">
        <v>0</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7910</v>
      </c>
      <c r="OJ35" s="345">
        <v>0</v>
      </c>
      <c r="OK35" s="346">
        <v>7910</v>
      </c>
      <c r="OL35" s="351">
        <v>0</v>
      </c>
      <c r="OM35" s="345">
        <v>344613</v>
      </c>
      <c r="ON35" s="345">
        <v>350955</v>
      </c>
      <c r="OO35" s="345">
        <v>621468</v>
      </c>
      <c r="OP35" s="345">
        <v>759242</v>
      </c>
      <c r="OQ35" s="345">
        <v>259403</v>
      </c>
      <c r="OR35" s="349">
        <v>2335681</v>
      </c>
      <c r="OS35" s="354">
        <v>2343591</v>
      </c>
    </row>
    <row r="36" spans="2:409" s="70" customFormat="1" ht="21" customHeight="1" x14ac:dyDescent="0.2">
      <c r="B36" s="106" t="s">
        <v>31</v>
      </c>
      <c r="C36" s="326">
        <v>4480</v>
      </c>
      <c r="D36" s="327">
        <v>2100</v>
      </c>
      <c r="E36" s="328">
        <v>6580</v>
      </c>
      <c r="F36" s="329">
        <v>0</v>
      </c>
      <c r="G36" s="327">
        <v>230113</v>
      </c>
      <c r="H36" s="327">
        <v>248188</v>
      </c>
      <c r="I36" s="327">
        <v>524494</v>
      </c>
      <c r="J36" s="327">
        <v>0</v>
      </c>
      <c r="K36" s="327">
        <v>230953</v>
      </c>
      <c r="L36" s="367">
        <v>1233748</v>
      </c>
      <c r="M36" s="330">
        <v>1240328</v>
      </c>
      <c r="N36" s="326">
        <v>0</v>
      </c>
      <c r="O36" s="327">
        <v>0</v>
      </c>
      <c r="P36" s="328">
        <v>0</v>
      </c>
      <c r="Q36" s="326">
        <v>0</v>
      </c>
      <c r="R36" s="327">
        <v>95687</v>
      </c>
      <c r="S36" s="327">
        <v>9338</v>
      </c>
      <c r="T36" s="327">
        <v>135996</v>
      </c>
      <c r="U36" s="327">
        <v>0</v>
      </c>
      <c r="V36" s="327">
        <v>169178</v>
      </c>
      <c r="W36" s="328">
        <v>410199</v>
      </c>
      <c r="X36" s="330">
        <v>410199</v>
      </c>
      <c r="Y36" s="326">
        <v>0</v>
      </c>
      <c r="Z36" s="327">
        <v>0</v>
      </c>
      <c r="AA36" s="328">
        <v>0</v>
      </c>
      <c r="AB36" s="326">
        <v>0</v>
      </c>
      <c r="AC36" s="327">
        <v>13814</v>
      </c>
      <c r="AD36" s="327">
        <v>0</v>
      </c>
      <c r="AE36" s="327">
        <v>0</v>
      </c>
      <c r="AF36" s="327">
        <v>0</v>
      </c>
      <c r="AG36" s="327">
        <v>0</v>
      </c>
      <c r="AH36" s="328">
        <v>13814</v>
      </c>
      <c r="AI36" s="330">
        <v>13814</v>
      </c>
      <c r="AJ36" s="326">
        <v>0</v>
      </c>
      <c r="AK36" s="327">
        <v>0</v>
      </c>
      <c r="AL36" s="328">
        <v>0</v>
      </c>
      <c r="AM36" s="326">
        <v>0</v>
      </c>
      <c r="AN36" s="327">
        <v>0</v>
      </c>
      <c r="AO36" s="327">
        <v>0</v>
      </c>
      <c r="AP36" s="327">
        <v>0</v>
      </c>
      <c r="AQ36" s="327">
        <v>0</v>
      </c>
      <c r="AR36" s="327">
        <v>88272</v>
      </c>
      <c r="AS36" s="328">
        <v>88272</v>
      </c>
      <c r="AT36" s="330">
        <v>88272</v>
      </c>
      <c r="AU36" s="326">
        <v>0</v>
      </c>
      <c r="AV36" s="327">
        <v>0</v>
      </c>
      <c r="AW36" s="328">
        <v>0</v>
      </c>
      <c r="AX36" s="326">
        <v>0</v>
      </c>
      <c r="AY36" s="327">
        <v>81873</v>
      </c>
      <c r="AZ36" s="327">
        <v>0</v>
      </c>
      <c r="BA36" s="327">
        <v>131824</v>
      </c>
      <c r="BB36" s="327">
        <v>0</v>
      </c>
      <c r="BC36" s="327">
        <v>72415</v>
      </c>
      <c r="BD36" s="328">
        <v>286112</v>
      </c>
      <c r="BE36" s="330">
        <v>286112</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9338</v>
      </c>
      <c r="BW36" s="327">
        <v>4172</v>
      </c>
      <c r="BX36" s="327">
        <v>0</v>
      </c>
      <c r="BY36" s="327">
        <v>8491</v>
      </c>
      <c r="BZ36" s="328">
        <v>22001</v>
      </c>
      <c r="CA36" s="330">
        <v>22001</v>
      </c>
      <c r="CB36" s="326">
        <v>0</v>
      </c>
      <c r="CC36" s="327">
        <v>0</v>
      </c>
      <c r="CD36" s="328">
        <v>0</v>
      </c>
      <c r="CE36" s="326">
        <v>0</v>
      </c>
      <c r="CF36" s="327">
        <v>86966</v>
      </c>
      <c r="CG36" s="327">
        <v>113560</v>
      </c>
      <c r="CH36" s="327">
        <v>348563</v>
      </c>
      <c r="CI36" s="327">
        <v>0</v>
      </c>
      <c r="CJ36" s="327">
        <v>0</v>
      </c>
      <c r="CK36" s="328">
        <v>549089</v>
      </c>
      <c r="CL36" s="330">
        <v>549089</v>
      </c>
      <c r="CM36" s="326">
        <v>0</v>
      </c>
      <c r="CN36" s="327">
        <v>0</v>
      </c>
      <c r="CO36" s="328">
        <v>0</v>
      </c>
      <c r="CP36" s="332">
        <v>0</v>
      </c>
      <c r="CQ36" s="327">
        <v>70786</v>
      </c>
      <c r="CR36" s="327">
        <v>113560</v>
      </c>
      <c r="CS36" s="327">
        <v>169906</v>
      </c>
      <c r="CT36" s="327">
        <v>0</v>
      </c>
      <c r="CU36" s="327">
        <v>0</v>
      </c>
      <c r="CV36" s="328">
        <v>354252</v>
      </c>
      <c r="CW36" s="330">
        <v>354252</v>
      </c>
      <c r="CX36" s="326">
        <v>0</v>
      </c>
      <c r="CY36" s="327">
        <v>0</v>
      </c>
      <c r="CZ36" s="328">
        <v>0</v>
      </c>
      <c r="DA36" s="326">
        <v>0</v>
      </c>
      <c r="DB36" s="327">
        <v>16180</v>
      </c>
      <c r="DC36" s="327">
        <v>0</v>
      </c>
      <c r="DD36" s="327">
        <v>178657</v>
      </c>
      <c r="DE36" s="327">
        <v>0</v>
      </c>
      <c r="DF36" s="327">
        <v>0</v>
      </c>
      <c r="DG36" s="328">
        <v>194837</v>
      </c>
      <c r="DH36" s="330">
        <v>194837</v>
      </c>
      <c r="DI36" s="326">
        <v>0</v>
      </c>
      <c r="DJ36" s="327">
        <v>0</v>
      </c>
      <c r="DK36" s="331">
        <v>0</v>
      </c>
      <c r="DL36" s="332">
        <v>0</v>
      </c>
      <c r="DM36" s="327">
        <v>0</v>
      </c>
      <c r="DN36" s="327">
        <v>0</v>
      </c>
      <c r="DO36" s="327">
        <v>0</v>
      </c>
      <c r="DP36" s="327">
        <v>0</v>
      </c>
      <c r="DQ36" s="327">
        <v>0</v>
      </c>
      <c r="DR36" s="328">
        <v>0</v>
      </c>
      <c r="DS36" s="330">
        <v>0</v>
      </c>
      <c r="DT36" s="326">
        <v>0</v>
      </c>
      <c r="DU36" s="327">
        <v>0</v>
      </c>
      <c r="DV36" s="328">
        <v>0</v>
      </c>
      <c r="DW36" s="326">
        <v>0</v>
      </c>
      <c r="DX36" s="327">
        <v>0</v>
      </c>
      <c r="DY36" s="327">
        <v>0</v>
      </c>
      <c r="DZ36" s="327">
        <v>0</v>
      </c>
      <c r="EA36" s="327">
        <v>0</v>
      </c>
      <c r="EB36" s="327">
        <v>0</v>
      </c>
      <c r="EC36" s="328">
        <v>0</v>
      </c>
      <c r="ED36" s="330">
        <v>0</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2100</v>
      </c>
      <c r="FN36" s="328">
        <v>6580</v>
      </c>
      <c r="FO36" s="326">
        <v>0</v>
      </c>
      <c r="FP36" s="327">
        <v>47460</v>
      </c>
      <c r="FQ36" s="327">
        <v>6300</v>
      </c>
      <c r="FR36" s="327">
        <v>39935</v>
      </c>
      <c r="FS36" s="327">
        <v>0</v>
      </c>
      <c r="FT36" s="327">
        <v>61775</v>
      </c>
      <c r="FU36" s="328">
        <v>155470</v>
      </c>
      <c r="FV36" s="330">
        <v>162050</v>
      </c>
      <c r="FW36" s="333">
        <v>4480</v>
      </c>
      <c r="FX36" s="327">
        <v>2100</v>
      </c>
      <c r="FY36" s="331">
        <v>6580</v>
      </c>
      <c r="FZ36" s="332">
        <v>0</v>
      </c>
      <c r="GA36" s="327">
        <v>8050</v>
      </c>
      <c r="GB36" s="327">
        <v>6300</v>
      </c>
      <c r="GC36" s="327">
        <v>39935</v>
      </c>
      <c r="GD36" s="327">
        <v>0</v>
      </c>
      <c r="GE36" s="327">
        <v>61775</v>
      </c>
      <c r="GF36" s="328">
        <v>116060</v>
      </c>
      <c r="GG36" s="334">
        <v>122640</v>
      </c>
      <c r="GH36" s="333">
        <v>0</v>
      </c>
      <c r="GI36" s="327">
        <v>0</v>
      </c>
      <c r="GJ36" s="331">
        <v>0</v>
      </c>
      <c r="GK36" s="332">
        <v>0</v>
      </c>
      <c r="GL36" s="327">
        <v>21700</v>
      </c>
      <c r="GM36" s="327">
        <v>0</v>
      </c>
      <c r="GN36" s="327">
        <v>0</v>
      </c>
      <c r="GO36" s="327">
        <v>0</v>
      </c>
      <c r="GP36" s="327">
        <v>0</v>
      </c>
      <c r="GQ36" s="328">
        <v>21700</v>
      </c>
      <c r="GR36" s="330">
        <v>21700</v>
      </c>
      <c r="GS36" s="326">
        <v>0</v>
      </c>
      <c r="GT36" s="327">
        <v>0</v>
      </c>
      <c r="GU36" s="328">
        <v>0</v>
      </c>
      <c r="GV36" s="326">
        <v>0</v>
      </c>
      <c r="GW36" s="327">
        <v>17710</v>
      </c>
      <c r="GX36" s="327">
        <v>0</v>
      </c>
      <c r="GY36" s="327">
        <v>0</v>
      </c>
      <c r="GZ36" s="327">
        <v>0</v>
      </c>
      <c r="HA36" s="327">
        <v>0</v>
      </c>
      <c r="HB36" s="331">
        <v>17710</v>
      </c>
      <c r="HC36" s="330">
        <v>17710</v>
      </c>
      <c r="HD36" s="326">
        <v>0</v>
      </c>
      <c r="HE36" s="327">
        <v>0</v>
      </c>
      <c r="HF36" s="331">
        <v>0</v>
      </c>
      <c r="HG36" s="332">
        <v>0</v>
      </c>
      <c r="HH36" s="327">
        <v>0</v>
      </c>
      <c r="HI36" s="327">
        <v>118990</v>
      </c>
      <c r="HJ36" s="327">
        <v>0</v>
      </c>
      <c r="HK36" s="327">
        <v>0</v>
      </c>
      <c r="HL36" s="327">
        <v>0</v>
      </c>
      <c r="HM36" s="328">
        <v>118990</v>
      </c>
      <c r="HN36" s="329">
        <v>11899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31933</v>
      </c>
      <c r="IE36" s="357">
        <v>20072</v>
      </c>
      <c r="IF36" s="358">
        <v>354373</v>
      </c>
      <c r="IG36" s="356">
        <v>0</v>
      </c>
      <c r="IH36" s="358">
        <v>0</v>
      </c>
      <c r="II36" s="359">
        <v>406378</v>
      </c>
      <c r="IJ36" s="358">
        <v>406378</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31933</v>
      </c>
      <c r="JL36" s="345">
        <v>20072</v>
      </c>
      <c r="JM36" s="345">
        <v>143360</v>
      </c>
      <c r="JN36" s="345">
        <v>0</v>
      </c>
      <c r="JO36" s="345">
        <v>0</v>
      </c>
      <c r="JP36" s="349">
        <v>195365</v>
      </c>
      <c r="JQ36" s="347">
        <v>195365</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211013</v>
      </c>
      <c r="KJ36" s="345">
        <v>0</v>
      </c>
      <c r="KK36" s="345">
        <v>0</v>
      </c>
      <c r="KL36" s="349">
        <v>211013</v>
      </c>
      <c r="KM36" s="354">
        <v>211013</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900991</v>
      </c>
      <c r="MM36" s="345">
        <v>69730</v>
      </c>
      <c r="MN36" s="345">
        <v>233247</v>
      </c>
      <c r="MO36" s="349">
        <v>1203968</v>
      </c>
      <c r="MP36" s="354">
        <v>1203968</v>
      </c>
      <c r="MQ36" s="348">
        <v>0</v>
      </c>
      <c r="MR36" s="345">
        <v>0</v>
      </c>
      <c r="MS36" s="349">
        <v>0</v>
      </c>
      <c r="MT36" s="404">
        <v>0</v>
      </c>
      <c r="MU36" s="345">
        <v>0</v>
      </c>
      <c r="MV36" s="345">
        <v>0</v>
      </c>
      <c r="MW36" s="345">
        <v>211428</v>
      </c>
      <c r="MX36" s="345">
        <v>0</v>
      </c>
      <c r="MY36" s="345">
        <v>233247</v>
      </c>
      <c r="MZ36" s="349">
        <v>444675</v>
      </c>
      <c r="NA36" s="354">
        <v>444675</v>
      </c>
      <c r="NB36" s="348">
        <v>0</v>
      </c>
      <c r="NC36" s="345">
        <v>0</v>
      </c>
      <c r="ND36" s="349">
        <v>0</v>
      </c>
      <c r="NE36" s="404">
        <v>0</v>
      </c>
      <c r="NF36" s="345">
        <v>0</v>
      </c>
      <c r="NG36" s="345">
        <v>0</v>
      </c>
      <c r="NH36" s="345">
        <v>689563</v>
      </c>
      <c r="NI36" s="345">
        <v>69730</v>
      </c>
      <c r="NJ36" s="345">
        <v>0</v>
      </c>
      <c r="NK36" s="349">
        <v>759293</v>
      </c>
      <c r="NL36" s="347">
        <v>759293</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2100</v>
      </c>
      <c r="OK36" s="346">
        <v>6580</v>
      </c>
      <c r="OL36" s="351">
        <v>0</v>
      </c>
      <c r="OM36" s="345">
        <v>262046</v>
      </c>
      <c r="ON36" s="345">
        <v>268260</v>
      </c>
      <c r="OO36" s="345">
        <v>1779858</v>
      </c>
      <c r="OP36" s="345">
        <v>69730</v>
      </c>
      <c r="OQ36" s="345">
        <v>464200</v>
      </c>
      <c r="OR36" s="349">
        <v>2844094</v>
      </c>
      <c r="OS36" s="354">
        <v>2850674</v>
      </c>
    </row>
    <row r="37" spans="2:409" s="70" customFormat="1" ht="21" customHeight="1" x14ac:dyDescent="0.2">
      <c r="B37" s="106" t="s">
        <v>32</v>
      </c>
      <c r="C37" s="326">
        <v>30156</v>
      </c>
      <c r="D37" s="327">
        <v>100772</v>
      </c>
      <c r="E37" s="368">
        <v>130928</v>
      </c>
      <c r="F37" s="370">
        <v>0</v>
      </c>
      <c r="G37" s="369">
        <v>254394</v>
      </c>
      <c r="H37" s="369">
        <v>542377</v>
      </c>
      <c r="I37" s="369">
        <v>283998</v>
      </c>
      <c r="J37" s="369">
        <v>870640</v>
      </c>
      <c r="K37" s="369">
        <v>1263072</v>
      </c>
      <c r="L37" s="370">
        <v>3214481</v>
      </c>
      <c r="M37" s="330">
        <v>3345409</v>
      </c>
      <c r="N37" s="326">
        <v>17136</v>
      </c>
      <c r="O37" s="327">
        <v>49322</v>
      </c>
      <c r="P37" s="328">
        <v>66458</v>
      </c>
      <c r="Q37" s="326">
        <v>0</v>
      </c>
      <c r="R37" s="327">
        <v>65268</v>
      </c>
      <c r="S37" s="327">
        <v>131600</v>
      </c>
      <c r="T37" s="327">
        <v>59030</v>
      </c>
      <c r="U37" s="327">
        <v>19377</v>
      </c>
      <c r="V37" s="327">
        <v>89355</v>
      </c>
      <c r="W37" s="328">
        <v>364630</v>
      </c>
      <c r="X37" s="330">
        <v>431088</v>
      </c>
      <c r="Y37" s="326">
        <v>0</v>
      </c>
      <c r="Z37" s="327">
        <v>0</v>
      </c>
      <c r="AA37" s="328">
        <v>0</v>
      </c>
      <c r="AB37" s="326">
        <v>0</v>
      </c>
      <c r="AC37" s="327">
        <v>34258</v>
      </c>
      <c r="AD37" s="327">
        <v>30947</v>
      </c>
      <c r="AE37" s="327">
        <v>8425</v>
      </c>
      <c r="AF37" s="327">
        <v>0</v>
      </c>
      <c r="AG37" s="327">
        <v>0</v>
      </c>
      <c r="AH37" s="328">
        <v>73630</v>
      </c>
      <c r="AI37" s="330">
        <v>73630</v>
      </c>
      <c r="AJ37" s="326">
        <v>0</v>
      </c>
      <c r="AK37" s="327">
        <v>0</v>
      </c>
      <c r="AL37" s="328">
        <v>0</v>
      </c>
      <c r="AM37" s="326">
        <v>0</v>
      </c>
      <c r="AN37" s="327">
        <v>0</v>
      </c>
      <c r="AO37" s="327">
        <v>0</v>
      </c>
      <c r="AP37" s="327">
        <v>0</v>
      </c>
      <c r="AQ37" s="327">
        <v>0</v>
      </c>
      <c r="AR37" s="327">
        <v>0</v>
      </c>
      <c r="AS37" s="328">
        <v>0</v>
      </c>
      <c r="AT37" s="330">
        <v>0</v>
      </c>
      <c r="AU37" s="326">
        <v>17136</v>
      </c>
      <c r="AV37" s="327">
        <v>49322</v>
      </c>
      <c r="AW37" s="328">
        <v>66458</v>
      </c>
      <c r="AX37" s="326">
        <v>0</v>
      </c>
      <c r="AY37" s="327">
        <v>31010</v>
      </c>
      <c r="AZ37" s="327">
        <v>49392</v>
      </c>
      <c r="BA37" s="327">
        <v>23641</v>
      </c>
      <c r="BB37" s="327">
        <v>0</v>
      </c>
      <c r="BC37" s="327">
        <v>70091</v>
      </c>
      <c r="BD37" s="328">
        <v>174134</v>
      </c>
      <c r="BE37" s="330">
        <v>240592</v>
      </c>
      <c r="BF37" s="326">
        <v>0</v>
      </c>
      <c r="BG37" s="327">
        <v>0</v>
      </c>
      <c r="BH37" s="331">
        <v>0</v>
      </c>
      <c r="BI37" s="332">
        <v>0</v>
      </c>
      <c r="BJ37" s="327">
        <v>0</v>
      </c>
      <c r="BK37" s="327">
        <v>27223</v>
      </c>
      <c r="BL37" s="327">
        <v>0</v>
      </c>
      <c r="BM37" s="327">
        <v>6805</v>
      </c>
      <c r="BN37" s="327">
        <v>0</v>
      </c>
      <c r="BO37" s="328">
        <v>34028</v>
      </c>
      <c r="BP37" s="330">
        <v>34028</v>
      </c>
      <c r="BQ37" s="326">
        <v>0</v>
      </c>
      <c r="BR37" s="327">
        <v>0</v>
      </c>
      <c r="BS37" s="328">
        <v>0</v>
      </c>
      <c r="BT37" s="326">
        <v>0</v>
      </c>
      <c r="BU37" s="327">
        <v>0</v>
      </c>
      <c r="BV37" s="327">
        <v>24038</v>
      </c>
      <c r="BW37" s="327">
        <v>26964</v>
      </c>
      <c r="BX37" s="327">
        <v>12572</v>
      </c>
      <c r="BY37" s="327">
        <v>19264</v>
      </c>
      <c r="BZ37" s="328">
        <v>82838</v>
      </c>
      <c r="CA37" s="330">
        <v>82838</v>
      </c>
      <c r="CB37" s="326">
        <v>0</v>
      </c>
      <c r="CC37" s="327">
        <v>0</v>
      </c>
      <c r="CD37" s="328">
        <v>0</v>
      </c>
      <c r="CE37" s="326">
        <v>0</v>
      </c>
      <c r="CF37" s="327">
        <v>50162</v>
      </c>
      <c r="CG37" s="327">
        <v>319775</v>
      </c>
      <c r="CH37" s="327">
        <v>21450</v>
      </c>
      <c r="CI37" s="327">
        <v>198935</v>
      </c>
      <c r="CJ37" s="327">
        <v>90907</v>
      </c>
      <c r="CK37" s="328">
        <v>681229</v>
      </c>
      <c r="CL37" s="330">
        <v>681229</v>
      </c>
      <c r="CM37" s="326">
        <v>0</v>
      </c>
      <c r="CN37" s="327">
        <v>0</v>
      </c>
      <c r="CO37" s="328">
        <v>0</v>
      </c>
      <c r="CP37" s="332">
        <v>0</v>
      </c>
      <c r="CQ37" s="327">
        <v>50162</v>
      </c>
      <c r="CR37" s="327">
        <v>226821</v>
      </c>
      <c r="CS37" s="327">
        <v>21450</v>
      </c>
      <c r="CT37" s="327">
        <v>124386</v>
      </c>
      <c r="CU37" s="327">
        <v>23548</v>
      </c>
      <c r="CV37" s="328">
        <v>446367</v>
      </c>
      <c r="CW37" s="330">
        <v>446367</v>
      </c>
      <c r="CX37" s="326">
        <v>0</v>
      </c>
      <c r="CY37" s="327">
        <v>0</v>
      </c>
      <c r="CZ37" s="328">
        <v>0</v>
      </c>
      <c r="DA37" s="326">
        <v>0</v>
      </c>
      <c r="DB37" s="327">
        <v>0</v>
      </c>
      <c r="DC37" s="327">
        <v>92954</v>
      </c>
      <c r="DD37" s="327">
        <v>0</v>
      </c>
      <c r="DE37" s="327">
        <v>74549</v>
      </c>
      <c r="DF37" s="327">
        <v>67359</v>
      </c>
      <c r="DG37" s="328">
        <v>234862</v>
      </c>
      <c r="DH37" s="330">
        <v>234862</v>
      </c>
      <c r="DI37" s="326">
        <v>0</v>
      </c>
      <c r="DJ37" s="327">
        <v>0</v>
      </c>
      <c r="DK37" s="331">
        <v>0</v>
      </c>
      <c r="DL37" s="332">
        <v>0</v>
      </c>
      <c r="DM37" s="327">
        <v>0</v>
      </c>
      <c r="DN37" s="327">
        <v>17516</v>
      </c>
      <c r="DO37" s="327">
        <v>0</v>
      </c>
      <c r="DP37" s="327">
        <v>55305</v>
      </c>
      <c r="DQ37" s="327">
        <v>66632</v>
      </c>
      <c r="DR37" s="328">
        <v>139453</v>
      </c>
      <c r="DS37" s="330">
        <v>139453</v>
      </c>
      <c r="DT37" s="326">
        <v>0</v>
      </c>
      <c r="DU37" s="327">
        <v>0</v>
      </c>
      <c r="DV37" s="328">
        <v>0</v>
      </c>
      <c r="DW37" s="326">
        <v>0</v>
      </c>
      <c r="DX37" s="327">
        <v>0</v>
      </c>
      <c r="DY37" s="327">
        <v>17516</v>
      </c>
      <c r="DZ37" s="327">
        <v>0</v>
      </c>
      <c r="EA37" s="327">
        <v>55305</v>
      </c>
      <c r="EB37" s="327">
        <v>26238</v>
      </c>
      <c r="EC37" s="328">
        <v>99059</v>
      </c>
      <c r="ED37" s="330">
        <v>99059</v>
      </c>
      <c r="EE37" s="326">
        <v>0</v>
      </c>
      <c r="EF37" s="331">
        <v>0</v>
      </c>
      <c r="EG37" s="328">
        <v>0</v>
      </c>
      <c r="EH37" s="326">
        <v>0</v>
      </c>
      <c r="EI37" s="327">
        <v>0</v>
      </c>
      <c r="EJ37" s="327">
        <v>0</v>
      </c>
      <c r="EK37" s="327">
        <v>0</v>
      </c>
      <c r="EL37" s="327">
        <v>0</v>
      </c>
      <c r="EM37" s="327">
        <v>40394</v>
      </c>
      <c r="EN37" s="331">
        <v>40394</v>
      </c>
      <c r="EO37" s="330">
        <v>40394</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13020</v>
      </c>
      <c r="FM37" s="327">
        <v>51450</v>
      </c>
      <c r="FN37" s="328">
        <v>64470</v>
      </c>
      <c r="FO37" s="326">
        <v>0</v>
      </c>
      <c r="FP37" s="327">
        <v>3836</v>
      </c>
      <c r="FQ37" s="327">
        <v>73486</v>
      </c>
      <c r="FR37" s="327">
        <v>18193</v>
      </c>
      <c r="FS37" s="327">
        <v>57008</v>
      </c>
      <c r="FT37" s="327">
        <v>17290</v>
      </c>
      <c r="FU37" s="328">
        <v>169813</v>
      </c>
      <c r="FV37" s="330">
        <v>234283</v>
      </c>
      <c r="FW37" s="333">
        <v>13020</v>
      </c>
      <c r="FX37" s="327">
        <v>17150</v>
      </c>
      <c r="FY37" s="331">
        <v>30170</v>
      </c>
      <c r="FZ37" s="332">
        <v>0</v>
      </c>
      <c r="GA37" s="327">
        <v>3836</v>
      </c>
      <c r="GB37" s="327">
        <v>73486</v>
      </c>
      <c r="GC37" s="327">
        <v>18193</v>
      </c>
      <c r="GD37" s="327">
        <v>57008</v>
      </c>
      <c r="GE37" s="327">
        <v>17290</v>
      </c>
      <c r="GF37" s="328">
        <v>169813</v>
      </c>
      <c r="GG37" s="334">
        <v>199983</v>
      </c>
      <c r="GH37" s="333">
        <v>0</v>
      </c>
      <c r="GI37" s="327">
        <v>0</v>
      </c>
      <c r="GJ37" s="331">
        <v>0</v>
      </c>
      <c r="GK37" s="332">
        <v>0</v>
      </c>
      <c r="GL37" s="327">
        <v>0</v>
      </c>
      <c r="GM37" s="327">
        <v>0</v>
      </c>
      <c r="GN37" s="327">
        <v>0</v>
      </c>
      <c r="GO37" s="327">
        <v>0</v>
      </c>
      <c r="GP37" s="327">
        <v>0</v>
      </c>
      <c r="GQ37" s="328">
        <v>0</v>
      </c>
      <c r="GR37" s="330">
        <v>0</v>
      </c>
      <c r="GS37" s="326">
        <v>0</v>
      </c>
      <c r="GT37" s="327">
        <v>34300</v>
      </c>
      <c r="GU37" s="328">
        <v>34300</v>
      </c>
      <c r="GV37" s="326">
        <v>0</v>
      </c>
      <c r="GW37" s="327">
        <v>0</v>
      </c>
      <c r="GX37" s="327">
        <v>0</v>
      </c>
      <c r="GY37" s="327">
        <v>0</v>
      </c>
      <c r="GZ37" s="327">
        <v>0</v>
      </c>
      <c r="HA37" s="327">
        <v>0</v>
      </c>
      <c r="HB37" s="331">
        <v>0</v>
      </c>
      <c r="HC37" s="330">
        <v>34300</v>
      </c>
      <c r="HD37" s="326">
        <v>0</v>
      </c>
      <c r="HE37" s="327">
        <v>0</v>
      </c>
      <c r="HF37" s="331">
        <v>0</v>
      </c>
      <c r="HG37" s="332">
        <v>0</v>
      </c>
      <c r="HH37" s="327">
        <v>135128</v>
      </c>
      <c r="HI37" s="327">
        <v>0</v>
      </c>
      <c r="HJ37" s="327">
        <v>185325</v>
      </c>
      <c r="HK37" s="327">
        <v>540015</v>
      </c>
      <c r="HL37" s="327">
        <v>998888</v>
      </c>
      <c r="HM37" s="328">
        <v>1859356</v>
      </c>
      <c r="HN37" s="329">
        <v>1859356</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87815</v>
      </c>
      <c r="IE37" s="339">
        <v>191905</v>
      </c>
      <c r="IF37" s="337">
        <v>369009</v>
      </c>
      <c r="IG37" s="336">
        <v>0</v>
      </c>
      <c r="IH37" s="337">
        <v>0</v>
      </c>
      <c r="II37" s="340">
        <v>748729</v>
      </c>
      <c r="IJ37" s="341">
        <v>748729</v>
      </c>
      <c r="IK37" s="342">
        <v>0</v>
      </c>
      <c r="IL37" s="343">
        <v>0</v>
      </c>
      <c r="IM37" s="344">
        <v>0</v>
      </c>
      <c r="IN37" s="404">
        <v>0</v>
      </c>
      <c r="IO37" s="345">
        <v>0</v>
      </c>
      <c r="IP37" s="345">
        <v>163086</v>
      </c>
      <c r="IQ37" s="345">
        <v>0</v>
      </c>
      <c r="IR37" s="345">
        <v>0</v>
      </c>
      <c r="IS37" s="345">
        <v>0</v>
      </c>
      <c r="IT37" s="346">
        <v>163086</v>
      </c>
      <c r="IU37" s="347">
        <v>163086</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94073</v>
      </c>
      <c r="JL37" s="345">
        <v>28819</v>
      </c>
      <c r="JM37" s="345">
        <v>0</v>
      </c>
      <c r="JN37" s="345">
        <v>0</v>
      </c>
      <c r="JO37" s="345">
        <v>0</v>
      </c>
      <c r="JP37" s="349">
        <v>122892</v>
      </c>
      <c r="JQ37" s="347">
        <v>122892</v>
      </c>
      <c r="JR37" s="348">
        <v>0</v>
      </c>
      <c r="JS37" s="345">
        <v>0</v>
      </c>
      <c r="JT37" s="346">
        <v>0</v>
      </c>
      <c r="JU37" s="351">
        <v>0</v>
      </c>
      <c r="JV37" s="345">
        <v>93742</v>
      </c>
      <c r="JW37" s="345">
        <v>0</v>
      </c>
      <c r="JX37" s="345">
        <v>174451</v>
      </c>
      <c r="JY37" s="345">
        <v>0</v>
      </c>
      <c r="JZ37" s="345">
        <v>0</v>
      </c>
      <c r="KA37" s="349">
        <v>268193</v>
      </c>
      <c r="KB37" s="347">
        <v>268193</v>
      </c>
      <c r="KC37" s="352">
        <v>0</v>
      </c>
      <c r="KD37" s="353">
        <v>0</v>
      </c>
      <c r="KE37" s="349">
        <v>0</v>
      </c>
      <c r="KF37" s="351">
        <v>0</v>
      </c>
      <c r="KG37" s="345">
        <v>0</v>
      </c>
      <c r="KH37" s="345">
        <v>0</v>
      </c>
      <c r="KI37" s="345">
        <v>194558</v>
      </c>
      <c r="KJ37" s="345">
        <v>0</v>
      </c>
      <c r="KK37" s="345">
        <v>0</v>
      </c>
      <c r="KL37" s="349">
        <v>194558</v>
      </c>
      <c r="KM37" s="354">
        <v>194558</v>
      </c>
      <c r="KN37" s="342">
        <v>0</v>
      </c>
      <c r="KO37" s="343">
        <v>0</v>
      </c>
      <c r="KP37" s="344">
        <v>0</v>
      </c>
      <c r="KQ37" s="404">
        <v>0</v>
      </c>
      <c r="KR37" s="345">
        <v>0</v>
      </c>
      <c r="KS37" s="345">
        <v>0</v>
      </c>
      <c r="KT37" s="345">
        <v>0</v>
      </c>
      <c r="KU37" s="345">
        <v>0</v>
      </c>
      <c r="KV37" s="345">
        <v>0</v>
      </c>
      <c r="KW37" s="349">
        <v>0</v>
      </c>
      <c r="KX37" s="347">
        <v>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548923</v>
      </c>
      <c r="MN37" s="345">
        <v>268401</v>
      </c>
      <c r="MO37" s="349">
        <v>817324</v>
      </c>
      <c r="MP37" s="354">
        <v>817324</v>
      </c>
      <c r="MQ37" s="348">
        <v>0</v>
      </c>
      <c r="MR37" s="345">
        <v>0</v>
      </c>
      <c r="MS37" s="349">
        <v>0</v>
      </c>
      <c r="MT37" s="404">
        <v>0</v>
      </c>
      <c r="MU37" s="345">
        <v>0</v>
      </c>
      <c r="MV37" s="345">
        <v>0</v>
      </c>
      <c r="MW37" s="345">
        <v>0</v>
      </c>
      <c r="MX37" s="345">
        <v>255864</v>
      </c>
      <c r="MY37" s="345">
        <v>268401</v>
      </c>
      <c r="MZ37" s="349">
        <v>524265</v>
      </c>
      <c r="NA37" s="354">
        <v>524265</v>
      </c>
      <c r="NB37" s="348">
        <v>0</v>
      </c>
      <c r="NC37" s="345">
        <v>0</v>
      </c>
      <c r="ND37" s="349">
        <v>0</v>
      </c>
      <c r="NE37" s="404">
        <v>0</v>
      </c>
      <c r="NF37" s="345">
        <v>0</v>
      </c>
      <c r="NG37" s="345">
        <v>0</v>
      </c>
      <c r="NH37" s="345">
        <v>0</v>
      </c>
      <c r="NI37" s="345">
        <v>293059</v>
      </c>
      <c r="NJ37" s="345">
        <v>0</v>
      </c>
      <c r="NK37" s="349">
        <v>293059</v>
      </c>
      <c r="NL37" s="347">
        <v>293059</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30156</v>
      </c>
      <c r="OJ37" s="345">
        <v>100772</v>
      </c>
      <c r="OK37" s="346">
        <v>130928</v>
      </c>
      <c r="OL37" s="351">
        <v>0</v>
      </c>
      <c r="OM37" s="345">
        <v>442209</v>
      </c>
      <c r="ON37" s="345">
        <v>734282</v>
      </c>
      <c r="OO37" s="345">
        <v>653007</v>
      </c>
      <c r="OP37" s="345">
        <v>1419563</v>
      </c>
      <c r="OQ37" s="345">
        <v>1531473</v>
      </c>
      <c r="OR37" s="349">
        <v>4780534</v>
      </c>
      <c r="OS37" s="354">
        <v>4911462</v>
      </c>
    </row>
    <row r="38" spans="2:409" s="70" customFormat="1" ht="21" customHeight="1" x14ac:dyDescent="0.2">
      <c r="B38" s="106" t="s">
        <v>33</v>
      </c>
      <c r="C38" s="326">
        <v>19092</v>
      </c>
      <c r="D38" s="327">
        <v>117541</v>
      </c>
      <c r="E38" s="328">
        <v>136633</v>
      </c>
      <c r="F38" s="329">
        <v>0</v>
      </c>
      <c r="G38" s="327">
        <v>921025</v>
      </c>
      <c r="H38" s="327">
        <v>203741</v>
      </c>
      <c r="I38" s="327">
        <v>905423</v>
      </c>
      <c r="J38" s="327">
        <v>568462</v>
      </c>
      <c r="K38" s="327">
        <v>387840</v>
      </c>
      <c r="L38" s="367">
        <v>2986491</v>
      </c>
      <c r="M38" s="330">
        <v>3123124</v>
      </c>
      <c r="N38" s="326">
        <v>0</v>
      </c>
      <c r="O38" s="327">
        <v>28453</v>
      </c>
      <c r="P38" s="328">
        <v>28453</v>
      </c>
      <c r="Q38" s="326">
        <v>0</v>
      </c>
      <c r="R38" s="327">
        <v>472467</v>
      </c>
      <c r="S38" s="327">
        <v>168195</v>
      </c>
      <c r="T38" s="327">
        <v>151302</v>
      </c>
      <c r="U38" s="327">
        <v>53311</v>
      </c>
      <c r="V38" s="327">
        <v>214005</v>
      </c>
      <c r="W38" s="328">
        <v>1059280</v>
      </c>
      <c r="X38" s="330">
        <v>1087733</v>
      </c>
      <c r="Y38" s="326">
        <v>0</v>
      </c>
      <c r="Z38" s="327">
        <v>0</v>
      </c>
      <c r="AA38" s="328">
        <v>0</v>
      </c>
      <c r="AB38" s="326">
        <v>0</v>
      </c>
      <c r="AC38" s="327">
        <v>251624</v>
      </c>
      <c r="AD38" s="327">
        <v>0</v>
      </c>
      <c r="AE38" s="327">
        <v>53709</v>
      </c>
      <c r="AF38" s="327">
        <v>0</v>
      </c>
      <c r="AG38" s="327">
        <v>166569</v>
      </c>
      <c r="AH38" s="328">
        <v>471902</v>
      </c>
      <c r="AI38" s="330">
        <v>471902</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139356</v>
      </c>
      <c r="AZ38" s="327">
        <v>105140</v>
      </c>
      <c r="BA38" s="327">
        <v>0</v>
      </c>
      <c r="BB38" s="327">
        <v>0</v>
      </c>
      <c r="BC38" s="327">
        <v>22768</v>
      </c>
      <c r="BD38" s="328">
        <v>267264</v>
      </c>
      <c r="BE38" s="330">
        <v>267264</v>
      </c>
      <c r="BF38" s="326">
        <v>0</v>
      </c>
      <c r="BG38" s="327">
        <v>20053</v>
      </c>
      <c r="BH38" s="331">
        <v>20053</v>
      </c>
      <c r="BI38" s="332">
        <v>0</v>
      </c>
      <c r="BJ38" s="327">
        <v>67039</v>
      </c>
      <c r="BK38" s="327">
        <v>56916</v>
      </c>
      <c r="BL38" s="327">
        <v>43546</v>
      </c>
      <c r="BM38" s="327">
        <v>50231</v>
      </c>
      <c r="BN38" s="327">
        <v>0</v>
      </c>
      <c r="BO38" s="328">
        <v>217732</v>
      </c>
      <c r="BP38" s="330">
        <v>237785</v>
      </c>
      <c r="BQ38" s="326">
        <v>0</v>
      </c>
      <c r="BR38" s="327">
        <v>8400</v>
      </c>
      <c r="BS38" s="328">
        <v>8400</v>
      </c>
      <c r="BT38" s="326">
        <v>0</v>
      </c>
      <c r="BU38" s="327">
        <v>14448</v>
      </c>
      <c r="BV38" s="327">
        <v>6139</v>
      </c>
      <c r="BW38" s="327">
        <v>54047</v>
      </c>
      <c r="BX38" s="327">
        <v>3080</v>
      </c>
      <c r="BY38" s="327">
        <v>24668</v>
      </c>
      <c r="BZ38" s="328">
        <v>102382</v>
      </c>
      <c r="CA38" s="330">
        <v>110782</v>
      </c>
      <c r="CB38" s="326">
        <v>19092</v>
      </c>
      <c r="CC38" s="327">
        <v>0</v>
      </c>
      <c r="CD38" s="328">
        <v>19092</v>
      </c>
      <c r="CE38" s="326">
        <v>0</v>
      </c>
      <c r="CF38" s="327">
        <v>116272</v>
      </c>
      <c r="CG38" s="327">
        <v>0</v>
      </c>
      <c r="CH38" s="327">
        <v>33188</v>
      </c>
      <c r="CI38" s="327">
        <v>0</v>
      </c>
      <c r="CJ38" s="327">
        <v>75300</v>
      </c>
      <c r="CK38" s="328">
        <v>224760</v>
      </c>
      <c r="CL38" s="330">
        <v>243852</v>
      </c>
      <c r="CM38" s="326">
        <v>0</v>
      </c>
      <c r="CN38" s="327">
        <v>0</v>
      </c>
      <c r="CO38" s="328">
        <v>0</v>
      </c>
      <c r="CP38" s="332">
        <v>0</v>
      </c>
      <c r="CQ38" s="327">
        <v>90075</v>
      </c>
      <c r="CR38" s="327">
        <v>0</v>
      </c>
      <c r="CS38" s="327">
        <v>0</v>
      </c>
      <c r="CT38" s="327">
        <v>0</v>
      </c>
      <c r="CU38" s="327">
        <v>75300</v>
      </c>
      <c r="CV38" s="328">
        <v>165375</v>
      </c>
      <c r="CW38" s="330">
        <v>165375</v>
      </c>
      <c r="CX38" s="326">
        <v>19092</v>
      </c>
      <c r="CY38" s="327">
        <v>0</v>
      </c>
      <c r="CZ38" s="328">
        <v>19092</v>
      </c>
      <c r="DA38" s="326">
        <v>0</v>
      </c>
      <c r="DB38" s="327">
        <v>26197</v>
      </c>
      <c r="DC38" s="327">
        <v>0</v>
      </c>
      <c r="DD38" s="327">
        <v>33188</v>
      </c>
      <c r="DE38" s="327">
        <v>0</v>
      </c>
      <c r="DF38" s="327">
        <v>0</v>
      </c>
      <c r="DG38" s="328">
        <v>59385</v>
      </c>
      <c r="DH38" s="330">
        <v>78477</v>
      </c>
      <c r="DI38" s="326">
        <v>0</v>
      </c>
      <c r="DJ38" s="327">
        <v>0</v>
      </c>
      <c r="DK38" s="331">
        <v>0</v>
      </c>
      <c r="DL38" s="332">
        <v>0</v>
      </c>
      <c r="DM38" s="327">
        <v>79319</v>
      </c>
      <c r="DN38" s="327">
        <v>0</v>
      </c>
      <c r="DO38" s="327">
        <v>0</v>
      </c>
      <c r="DP38" s="327">
        <v>27507</v>
      </c>
      <c r="DQ38" s="327">
        <v>0</v>
      </c>
      <c r="DR38" s="328">
        <v>106826</v>
      </c>
      <c r="DS38" s="330">
        <v>106826</v>
      </c>
      <c r="DT38" s="326">
        <v>0</v>
      </c>
      <c r="DU38" s="327">
        <v>0</v>
      </c>
      <c r="DV38" s="328">
        <v>0</v>
      </c>
      <c r="DW38" s="326">
        <v>0</v>
      </c>
      <c r="DX38" s="327">
        <v>0</v>
      </c>
      <c r="DY38" s="327">
        <v>0</v>
      </c>
      <c r="DZ38" s="327">
        <v>0</v>
      </c>
      <c r="EA38" s="327">
        <v>27507</v>
      </c>
      <c r="EB38" s="327">
        <v>0</v>
      </c>
      <c r="EC38" s="328">
        <v>27507</v>
      </c>
      <c r="ED38" s="330">
        <v>27507</v>
      </c>
      <c r="EE38" s="326">
        <v>0</v>
      </c>
      <c r="EF38" s="331">
        <v>0</v>
      </c>
      <c r="EG38" s="328">
        <v>0</v>
      </c>
      <c r="EH38" s="326">
        <v>0</v>
      </c>
      <c r="EI38" s="327">
        <v>79319</v>
      </c>
      <c r="EJ38" s="327">
        <v>0</v>
      </c>
      <c r="EK38" s="327">
        <v>0</v>
      </c>
      <c r="EL38" s="327">
        <v>0</v>
      </c>
      <c r="EM38" s="327">
        <v>0</v>
      </c>
      <c r="EN38" s="331">
        <v>79319</v>
      </c>
      <c r="EO38" s="330">
        <v>79319</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0</v>
      </c>
      <c r="FF38" s="327">
        <v>0</v>
      </c>
      <c r="FG38" s="327">
        <v>0</v>
      </c>
      <c r="FH38" s="327">
        <v>0</v>
      </c>
      <c r="FI38" s="327">
        <v>0</v>
      </c>
      <c r="FJ38" s="328">
        <v>0</v>
      </c>
      <c r="FK38" s="330">
        <v>0</v>
      </c>
      <c r="FL38" s="326">
        <v>0</v>
      </c>
      <c r="FM38" s="327">
        <v>6986</v>
      </c>
      <c r="FN38" s="328">
        <v>6986</v>
      </c>
      <c r="FO38" s="326">
        <v>0</v>
      </c>
      <c r="FP38" s="327">
        <v>46942</v>
      </c>
      <c r="FQ38" s="327">
        <v>35546</v>
      </c>
      <c r="FR38" s="327">
        <v>33348</v>
      </c>
      <c r="FS38" s="327">
        <v>15960</v>
      </c>
      <c r="FT38" s="327">
        <v>22540</v>
      </c>
      <c r="FU38" s="328">
        <v>154336</v>
      </c>
      <c r="FV38" s="330">
        <v>161322</v>
      </c>
      <c r="FW38" s="333">
        <v>0</v>
      </c>
      <c r="FX38" s="327">
        <v>6986</v>
      </c>
      <c r="FY38" s="331">
        <v>6986</v>
      </c>
      <c r="FZ38" s="332">
        <v>0</v>
      </c>
      <c r="GA38" s="327">
        <v>46942</v>
      </c>
      <c r="GB38" s="327">
        <v>35546</v>
      </c>
      <c r="GC38" s="327">
        <v>9128</v>
      </c>
      <c r="GD38" s="327">
        <v>15960</v>
      </c>
      <c r="GE38" s="327">
        <v>22540</v>
      </c>
      <c r="GF38" s="328">
        <v>130116</v>
      </c>
      <c r="GG38" s="334">
        <v>137102</v>
      </c>
      <c r="GH38" s="333">
        <v>0</v>
      </c>
      <c r="GI38" s="327">
        <v>0</v>
      </c>
      <c r="GJ38" s="331">
        <v>0</v>
      </c>
      <c r="GK38" s="332">
        <v>0</v>
      </c>
      <c r="GL38" s="327">
        <v>0</v>
      </c>
      <c r="GM38" s="327">
        <v>0</v>
      </c>
      <c r="GN38" s="327">
        <v>24220</v>
      </c>
      <c r="GO38" s="327">
        <v>0</v>
      </c>
      <c r="GP38" s="327">
        <v>0</v>
      </c>
      <c r="GQ38" s="328">
        <v>24220</v>
      </c>
      <c r="GR38" s="330">
        <v>24220</v>
      </c>
      <c r="GS38" s="326">
        <v>0</v>
      </c>
      <c r="GT38" s="327">
        <v>0</v>
      </c>
      <c r="GU38" s="328">
        <v>0</v>
      </c>
      <c r="GV38" s="326">
        <v>0</v>
      </c>
      <c r="GW38" s="327">
        <v>0</v>
      </c>
      <c r="GX38" s="327">
        <v>0</v>
      </c>
      <c r="GY38" s="327">
        <v>0</v>
      </c>
      <c r="GZ38" s="327">
        <v>0</v>
      </c>
      <c r="HA38" s="327">
        <v>0</v>
      </c>
      <c r="HB38" s="331">
        <v>0</v>
      </c>
      <c r="HC38" s="330">
        <v>0</v>
      </c>
      <c r="HD38" s="326">
        <v>0</v>
      </c>
      <c r="HE38" s="327">
        <v>82102</v>
      </c>
      <c r="HF38" s="331">
        <v>82102</v>
      </c>
      <c r="HG38" s="332">
        <v>0</v>
      </c>
      <c r="HH38" s="327">
        <v>206025</v>
      </c>
      <c r="HI38" s="327">
        <v>0</v>
      </c>
      <c r="HJ38" s="327">
        <v>687585</v>
      </c>
      <c r="HK38" s="327">
        <v>471684</v>
      </c>
      <c r="HL38" s="327">
        <v>75995</v>
      </c>
      <c r="HM38" s="328">
        <v>1441289</v>
      </c>
      <c r="HN38" s="329">
        <v>1523391</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217375</v>
      </c>
      <c r="IG38" s="336">
        <v>86240</v>
      </c>
      <c r="IH38" s="337">
        <v>0</v>
      </c>
      <c r="II38" s="340">
        <v>303615</v>
      </c>
      <c r="IJ38" s="358">
        <v>303615</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0</v>
      </c>
      <c r="JN38" s="345">
        <v>86240</v>
      </c>
      <c r="JO38" s="345">
        <v>0</v>
      </c>
      <c r="JP38" s="349">
        <v>86240</v>
      </c>
      <c r="JQ38" s="347">
        <v>86240</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17375</v>
      </c>
      <c r="KU38" s="345">
        <v>0</v>
      </c>
      <c r="KV38" s="345">
        <v>0</v>
      </c>
      <c r="KW38" s="349">
        <v>217375</v>
      </c>
      <c r="KX38" s="347">
        <v>217375</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243691</v>
      </c>
      <c r="MK38" s="345">
        <v>0</v>
      </c>
      <c r="ML38" s="345">
        <v>0</v>
      </c>
      <c r="MM38" s="345">
        <v>0</v>
      </c>
      <c r="MN38" s="345">
        <v>1201214</v>
      </c>
      <c r="MO38" s="349">
        <v>1444905</v>
      </c>
      <c r="MP38" s="354">
        <v>1444905</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272023</v>
      </c>
      <c r="NK38" s="349">
        <v>272023</v>
      </c>
      <c r="NL38" s="347">
        <v>272023</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243691</v>
      </c>
      <c r="OC38" s="345">
        <v>0</v>
      </c>
      <c r="OD38" s="345">
        <v>0</v>
      </c>
      <c r="OE38" s="345">
        <v>0</v>
      </c>
      <c r="OF38" s="345">
        <v>929191</v>
      </c>
      <c r="OG38" s="349">
        <v>1172882</v>
      </c>
      <c r="OH38" s="350">
        <v>1172882</v>
      </c>
      <c r="OI38" s="348">
        <v>19092</v>
      </c>
      <c r="OJ38" s="345">
        <v>117541</v>
      </c>
      <c r="OK38" s="346">
        <v>136633</v>
      </c>
      <c r="OL38" s="351">
        <v>0</v>
      </c>
      <c r="OM38" s="345">
        <v>1164716</v>
      </c>
      <c r="ON38" s="345">
        <v>203741</v>
      </c>
      <c r="OO38" s="345">
        <v>1122798</v>
      </c>
      <c r="OP38" s="345">
        <v>654702</v>
      </c>
      <c r="OQ38" s="345">
        <v>1589054</v>
      </c>
      <c r="OR38" s="349">
        <v>4735011</v>
      </c>
      <c r="OS38" s="354">
        <v>4871644</v>
      </c>
    </row>
    <row r="39" spans="2:409" s="70" customFormat="1" ht="21" customHeight="1" x14ac:dyDescent="0.2">
      <c r="B39" s="106" t="s">
        <v>34</v>
      </c>
      <c r="C39" s="326">
        <v>0</v>
      </c>
      <c r="D39" s="327">
        <v>44870</v>
      </c>
      <c r="E39" s="368">
        <v>44870</v>
      </c>
      <c r="F39" s="370">
        <v>0</v>
      </c>
      <c r="G39" s="369">
        <v>83496</v>
      </c>
      <c r="H39" s="369">
        <v>81991</v>
      </c>
      <c r="I39" s="369">
        <v>555541</v>
      </c>
      <c r="J39" s="369">
        <v>108185</v>
      </c>
      <c r="K39" s="369">
        <v>0</v>
      </c>
      <c r="L39" s="370">
        <v>829213</v>
      </c>
      <c r="M39" s="330">
        <v>874083</v>
      </c>
      <c r="N39" s="326">
        <v>0</v>
      </c>
      <c r="O39" s="327">
        <v>42070</v>
      </c>
      <c r="P39" s="328">
        <v>42070</v>
      </c>
      <c r="Q39" s="326">
        <v>0</v>
      </c>
      <c r="R39" s="327">
        <v>79996</v>
      </c>
      <c r="S39" s="327">
        <v>56966</v>
      </c>
      <c r="T39" s="327">
        <v>13538</v>
      </c>
      <c r="U39" s="327">
        <v>0</v>
      </c>
      <c r="V39" s="327">
        <v>0</v>
      </c>
      <c r="W39" s="328">
        <v>150500</v>
      </c>
      <c r="X39" s="330">
        <v>192570</v>
      </c>
      <c r="Y39" s="326">
        <v>0</v>
      </c>
      <c r="Z39" s="327">
        <v>0</v>
      </c>
      <c r="AA39" s="328">
        <v>0</v>
      </c>
      <c r="AB39" s="326">
        <v>0</v>
      </c>
      <c r="AC39" s="327">
        <v>36743</v>
      </c>
      <c r="AD39" s="327">
        <v>0</v>
      </c>
      <c r="AE39" s="327">
        <v>0</v>
      </c>
      <c r="AF39" s="327">
        <v>0</v>
      </c>
      <c r="AG39" s="327">
        <v>0</v>
      </c>
      <c r="AH39" s="328">
        <v>36743</v>
      </c>
      <c r="AI39" s="330">
        <v>36743</v>
      </c>
      <c r="AJ39" s="326">
        <v>0</v>
      </c>
      <c r="AK39" s="327">
        <v>0</v>
      </c>
      <c r="AL39" s="328">
        <v>0</v>
      </c>
      <c r="AM39" s="326">
        <v>0</v>
      </c>
      <c r="AN39" s="327">
        <v>0</v>
      </c>
      <c r="AO39" s="327">
        <v>0</v>
      </c>
      <c r="AP39" s="327">
        <v>0</v>
      </c>
      <c r="AQ39" s="327">
        <v>0</v>
      </c>
      <c r="AR39" s="327">
        <v>0</v>
      </c>
      <c r="AS39" s="328">
        <v>0</v>
      </c>
      <c r="AT39" s="330">
        <v>0</v>
      </c>
      <c r="AU39" s="326">
        <v>0</v>
      </c>
      <c r="AV39" s="327">
        <v>42070</v>
      </c>
      <c r="AW39" s="328">
        <v>42070</v>
      </c>
      <c r="AX39" s="326">
        <v>0</v>
      </c>
      <c r="AY39" s="327">
        <v>27720</v>
      </c>
      <c r="AZ39" s="327">
        <v>0</v>
      </c>
      <c r="BA39" s="327">
        <v>0</v>
      </c>
      <c r="BB39" s="327">
        <v>0</v>
      </c>
      <c r="BC39" s="327">
        <v>0</v>
      </c>
      <c r="BD39" s="328">
        <v>27720</v>
      </c>
      <c r="BE39" s="330">
        <v>69790</v>
      </c>
      <c r="BF39" s="326">
        <v>0</v>
      </c>
      <c r="BG39" s="327">
        <v>0</v>
      </c>
      <c r="BH39" s="331">
        <v>0</v>
      </c>
      <c r="BI39" s="332">
        <v>0</v>
      </c>
      <c r="BJ39" s="327">
        <v>0</v>
      </c>
      <c r="BK39" s="327">
        <v>56966</v>
      </c>
      <c r="BL39" s="327">
        <v>0</v>
      </c>
      <c r="BM39" s="327">
        <v>0</v>
      </c>
      <c r="BN39" s="327">
        <v>0</v>
      </c>
      <c r="BO39" s="328">
        <v>56966</v>
      </c>
      <c r="BP39" s="330">
        <v>56966</v>
      </c>
      <c r="BQ39" s="326">
        <v>0</v>
      </c>
      <c r="BR39" s="327">
        <v>0</v>
      </c>
      <c r="BS39" s="328">
        <v>0</v>
      </c>
      <c r="BT39" s="326">
        <v>0</v>
      </c>
      <c r="BU39" s="327">
        <v>15533</v>
      </c>
      <c r="BV39" s="327">
        <v>0</v>
      </c>
      <c r="BW39" s="327">
        <v>13538</v>
      </c>
      <c r="BX39" s="327">
        <v>0</v>
      </c>
      <c r="BY39" s="327">
        <v>0</v>
      </c>
      <c r="BZ39" s="328">
        <v>29071</v>
      </c>
      <c r="CA39" s="330">
        <v>29071</v>
      </c>
      <c r="CB39" s="326">
        <v>0</v>
      </c>
      <c r="CC39" s="327">
        <v>0</v>
      </c>
      <c r="CD39" s="328">
        <v>0</v>
      </c>
      <c r="CE39" s="326">
        <v>0</v>
      </c>
      <c r="CF39" s="327">
        <v>0</v>
      </c>
      <c r="CG39" s="327">
        <v>16975</v>
      </c>
      <c r="CH39" s="327">
        <v>176890</v>
      </c>
      <c r="CI39" s="327">
        <v>105063</v>
      </c>
      <c r="CJ39" s="327">
        <v>0</v>
      </c>
      <c r="CK39" s="328">
        <v>298928</v>
      </c>
      <c r="CL39" s="330">
        <v>298928</v>
      </c>
      <c r="CM39" s="326">
        <v>0</v>
      </c>
      <c r="CN39" s="327">
        <v>0</v>
      </c>
      <c r="CO39" s="328">
        <v>0</v>
      </c>
      <c r="CP39" s="332">
        <v>0</v>
      </c>
      <c r="CQ39" s="327">
        <v>0</v>
      </c>
      <c r="CR39" s="327">
        <v>16975</v>
      </c>
      <c r="CS39" s="327">
        <v>176890</v>
      </c>
      <c r="CT39" s="327">
        <v>105063</v>
      </c>
      <c r="CU39" s="327">
        <v>0</v>
      </c>
      <c r="CV39" s="328">
        <v>298928</v>
      </c>
      <c r="CW39" s="330">
        <v>298928</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4112</v>
      </c>
      <c r="DP39" s="327">
        <v>0</v>
      </c>
      <c r="DQ39" s="327">
        <v>0</v>
      </c>
      <c r="DR39" s="328">
        <v>14112</v>
      </c>
      <c r="DS39" s="330">
        <v>14112</v>
      </c>
      <c r="DT39" s="326">
        <v>0</v>
      </c>
      <c r="DU39" s="327">
        <v>0</v>
      </c>
      <c r="DV39" s="328">
        <v>0</v>
      </c>
      <c r="DW39" s="326">
        <v>0</v>
      </c>
      <c r="DX39" s="327">
        <v>0</v>
      </c>
      <c r="DY39" s="327">
        <v>0</v>
      </c>
      <c r="DZ39" s="327">
        <v>14112</v>
      </c>
      <c r="EA39" s="327">
        <v>0</v>
      </c>
      <c r="EB39" s="327">
        <v>0</v>
      </c>
      <c r="EC39" s="328">
        <v>14112</v>
      </c>
      <c r="ED39" s="330">
        <v>14112</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0</v>
      </c>
      <c r="FM39" s="327">
        <v>2800</v>
      </c>
      <c r="FN39" s="328">
        <v>2800</v>
      </c>
      <c r="FO39" s="326">
        <v>0</v>
      </c>
      <c r="FP39" s="327">
        <v>3500</v>
      </c>
      <c r="FQ39" s="327">
        <v>8050</v>
      </c>
      <c r="FR39" s="327">
        <v>0</v>
      </c>
      <c r="FS39" s="327">
        <v>3122</v>
      </c>
      <c r="FT39" s="327">
        <v>0</v>
      </c>
      <c r="FU39" s="328">
        <v>14672</v>
      </c>
      <c r="FV39" s="330">
        <v>17472</v>
      </c>
      <c r="FW39" s="333">
        <v>0</v>
      </c>
      <c r="FX39" s="327">
        <v>2800</v>
      </c>
      <c r="FY39" s="331">
        <v>2800</v>
      </c>
      <c r="FZ39" s="332">
        <v>0</v>
      </c>
      <c r="GA39" s="327">
        <v>3500</v>
      </c>
      <c r="GB39" s="327">
        <v>8050</v>
      </c>
      <c r="GC39" s="327">
        <v>0</v>
      </c>
      <c r="GD39" s="327">
        <v>3122</v>
      </c>
      <c r="GE39" s="327">
        <v>0</v>
      </c>
      <c r="GF39" s="328">
        <v>14672</v>
      </c>
      <c r="GG39" s="334">
        <v>1747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0</v>
      </c>
      <c r="HJ39" s="327">
        <v>351001</v>
      </c>
      <c r="HK39" s="327">
        <v>0</v>
      </c>
      <c r="HL39" s="327">
        <v>0</v>
      </c>
      <c r="HM39" s="328">
        <v>351001</v>
      </c>
      <c r="HN39" s="329">
        <v>351001</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116984</v>
      </c>
      <c r="IE39" s="339">
        <v>0</v>
      </c>
      <c r="IF39" s="337">
        <v>0</v>
      </c>
      <c r="IG39" s="336">
        <v>0</v>
      </c>
      <c r="IH39" s="337">
        <v>0</v>
      </c>
      <c r="II39" s="340">
        <v>116984</v>
      </c>
      <c r="IJ39" s="341">
        <v>116984</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16772</v>
      </c>
      <c r="JL39" s="345">
        <v>0</v>
      </c>
      <c r="JM39" s="345">
        <v>0</v>
      </c>
      <c r="JN39" s="345">
        <v>0</v>
      </c>
      <c r="JO39" s="345">
        <v>0</v>
      </c>
      <c r="JP39" s="349">
        <v>16772</v>
      </c>
      <c r="JQ39" s="347">
        <v>16772</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100212</v>
      </c>
      <c r="KH39" s="345">
        <v>0</v>
      </c>
      <c r="KI39" s="345">
        <v>0</v>
      </c>
      <c r="KJ39" s="345">
        <v>0</v>
      </c>
      <c r="KK39" s="345">
        <v>0</v>
      </c>
      <c r="KL39" s="349">
        <v>100212</v>
      </c>
      <c r="KM39" s="354">
        <v>10021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225384</v>
      </c>
      <c r="MN39" s="345">
        <v>0</v>
      </c>
      <c r="MO39" s="349">
        <v>225384</v>
      </c>
      <c r="MP39" s="354">
        <v>225384</v>
      </c>
      <c r="MQ39" s="348">
        <v>0</v>
      </c>
      <c r="MR39" s="345">
        <v>0</v>
      </c>
      <c r="MS39" s="349">
        <v>0</v>
      </c>
      <c r="MT39" s="404">
        <v>0</v>
      </c>
      <c r="MU39" s="345">
        <v>0</v>
      </c>
      <c r="MV39" s="345">
        <v>0</v>
      </c>
      <c r="MW39" s="345">
        <v>0</v>
      </c>
      <c r="MX39" s="345">
        <v>154203</v>
      </c>
      <c r="MY39" s="345">
        <v>0</v>
      </c>
      <c r="MZ39" s="349">
        <v>154203</v>
      </c>
      <c r="NA39" s="354">
        <v>154203</v>
      </c>
      <c r="NB39" s="348">
        <v>0</v>
      </c>
      <c r="NC39" s="345">
        <v>0</v>
      </c>
      <c r="ND39" s="349">
        <v>0</v>
      </c>
      <c r="NE39" s="404">
        <v>0</v>
      </c>
      <c r="NF39" s="345">
        <v>0</v>
      </c>
      <c r="NG39" s="345">
        <v>0</v>
      </c>
      <c r="NH39" s="345">
        <v>0</v>
      </c>
      <c r="NI39" s="345">
        <v>71181</v>
      </c>
      <c r="NJ39" s="345">
        <v>0</v>
      </c>
      <c r="NK39" s="349">
        <v>71181</v>
      </c>
      <c r="NL39" s="347">
        <v>71181</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44870</v>
      </c>
      <c r="OK39" s="346">
        <v>44870</v>
      </c>
      <c r="OL39" s="351">
        <v>0</v>
      </c>
      <c r="OM39" s="345">
        <v>200480</v>
      </c>
      <c r="ON39" s="345">
        <v>81991</v>
      </c>
      <c r="OO39" s="345">
        <v>555541</v>
      </c>
      <c r="OP39" s="345">
        <v>333569</v>
      </c>
      <c r="OQ39" s="345">
        <v>0</v>
      </c>
      <c r="OR39" s="349">
        <v>1171581</v>
      </c>
      <c r="OS39" s="354">
        <v>1216451</v>
      </c>
    </row>
    <row r="40" spans="2:409" s="70" customFormat="1" ht="21" customHeight="1" x14ac:dyDescent="0.2">
      <c r="B40" s="106" t="s">
        <v>35</v>
      </c>
      <c r="C40" s="326">
        <v>254391</v>
      </c>
      <c r="D40" s="327">
        <v>276745</v>
      </c>
      <c r="E40" s="328">
        <v>531136</v>
      </c>
      <c r="F40" s="329">
        <v>0</v>
      </c>
      <c r="G40" s="327">
        <v>671922</v>
      </c>
      <c r="H40" s="327">
        <v>1105829</v>
      </c>
      <c r="I40" s="327">
        <v>992647</v>
      </c>
      <c r="J40" s="327">
        <v>401793</v>
      </c>
      <c r="K40" s="327">
        <v>499851</v>
      </c>
      <c r="L40" s="367">
        <v>3672042</v>
      </c>
      <c r="M40" s="330">
        <v>4203178</v>
      </c>
      <c r="N40" s="326">
        <v>81928</v>
      </c>
      <c r="O40" s="327">
        <v>112189</v>
      </c>
      <c r="P40" s="328">
        <v>194117</v>
      </c>
      <c r="Q40" s="326">
        <v>0</v>
      </c>
      <c r="R40" s="327">
        <v>173805</v>
      </c>
      <c r="S40" s="327">
        <v>663345</v>
      </c>
      <c r="T40" s="327">
        <v>230237</v>
      </c>
      <c r="U40" s="327">
        <v>17948</v>
      </c>
      <c r="V40" s="327">
        <v>50134</v>
      </c>
      <c r="W40" s="328">
        <v>1135469</v>
      </c>
      <c r="X40" s="330">
        <v>1329586</v>
      </c>
      <c r="Y40" s="326">
        <v>0</v>
      </c>
      <c r="Z40" s="327">
        <v>0</v>
      </c>
      <c r="AA40" s="328">
        <v>0</v>
      </c>
      <c r="AB40" s="326">
        <v>0</v>
      </c>
      <c r="AC40" s="327">
        <v>38626</v>
      </c>
      <c r="AD40" s="327">
        <v>305419</v>
      </c>
      <c r="AE40" s="327">
        <v>74130</v>
      </c>
      <c r="AF40" s="327">
        <v>0</v>
      </c>
      <c r="AG40" s="327">
        <v>0</v>
      </c>
      <c r="AH40" s="328">
        <v>418175</v>
      </c>
      <c r="AI40" s="330">
        <v>418175</v>
      </c>
      <c r="AJ40" s="326">
        <v>0</v>
      </c>
      <c r="AK40" s="327">
        <v>0</v>
      </c>
      <c r="AL40" s="328">
        <v>0</v>
      </c>
      <c r="AM40" s="326">
        <v>0</v>
      </c>
      <c r="AN40" s="327">
        <v>0</v>
      </c>
      <c r="AO40" s="327">
        <v>0</v>
      </c>
      <c r="AP40" s="327">
        <v>0</v>
      </c>
      <c r="AQ40" s="327">
        <v>0</v>
      </c>
      <c r="AR40" s="327">
        <v>0</v>
      </c>
      <c r="AS40" s="328">
        <v>0</v>
      </c>
      <c r="AT40" s="330">
        <v>0</v>
      </c>
      <c r="AU40" s="326">
        <v>30884</v>
      </c>
      <c r="AV40" s="327">
        <v>59024</v>
      </c>
      <c r="AW40" s="328">
        <v>89908</v>
      </c>
      <c r="AX40" s="326">
        <v>0</v>
      </c>
      <c r="AY40" s="327">
        <v>61868</v>
      </c>
      <c r="AZ40" s="327">
        <v>251253</v>
      </c>
      <c r="BA40" s="327">
        <v>100275</v>
      </c>
      <c r="BB40" s="327">
        <v>0</v>
      </c>
      <c r="BC40" s="327">
        <v>16520</v>
      </c>
      <c r="BD40" s="328">
        <v>429916</v>
      </c>
      <c r="BE40" s="330">
        <v>519824</v>
      </c>
      <c r="BF40" s="326">
        <v>21910</v>
      </c>
      <c r="BG40" s="327">
        <v>30674</v>
      </c>
      <c r="BH40" s="331">
        <v>52584</v>
      </c>
      <c r="BI40" s="332">
        <v>0</v>
      </c>
      <c r="BJ40" s="327">
        <v>32235</v>
      </c>
      <c r="BK40" s="327">
        <v>96187</v>
      </c>
      <c r="BL40" s="327">
        <v>0</v>
      </c>
      <c r="BM40" s="327">
        <v>0</v>
      </c>
      <c r="BN40" s="327">
        <v>0</v>
      </c>
      <c r="BO40" s="328">
        <v>128422</v>
      </c>
      <c r="BP40" s="330">
        <v>181006</v>
      </c>
      <c r="BQ40" s="326">
        <v>29134</v>
      </c>
      <c r="BR40" s="327">
        <v>22491</v>
      </c>
      <c r="BS40" s="328">
        <v>51625</v>
      </c>
      <c r="BT40" s="326">
        <v>0</v>
      </c>
      <c r="BU40" s="327">
        <v>41076</v>
      </c>
      <c r="BV40" s="327">
        <v>10486</v>
      </c>
      <c r="BW40" s="327">
        <v>55832</v>
      </c>
      <c r="BX40" s="327">
        <v>17948</v>
      </c>
      <c r="BY40" s="327">
        <v>33614</v>
      </c>
      <c r="BZ40" s="328">
        <v>158956</v>
      </c>
      <c r="CA40" s="330">
        <v>210581</v>
      </c>
      <c r="CB40" s="326">
        <v>0</v>
      </c>
      <c r="CC40" s="327">
        <v>66647</v>
      </c>
      <c r="CD40" s="328">
        <v>66647</v>
      </c>
      <c r="CE40" s="326">
        <v>0</v>
      </c>
      <c r="CF40" s="327">
        <v>193025</v>
      </c>
      <c r="CG40" s="327">
        <v>238098</v>
      </c>
      <c r="CH40" s="327">
        <v>125620</v>
      </c>
      <c r="CI40" s="327">
        <v>0</v>
      </c>
      <c r="CJ40" s="327">
        <v>22442</v>
      </c>
      <c r="CK40" s="328">
        <v>579185</v>
      </c>
      <c r="CL40" s="330">
        <v>645832</v>
      </c>
      <c r="CM40" s="326">
        <v>0</v>
      </c>
      <c r="CN40" s="327">
        <v>0</v>
      </c>
      <c r="CO40" s="328">
        <v>0</v>
      </c>
      <c r="CP40" s="332">
        <v>0</v>
      </c>
      <c r="CQ40" s="327">
        <v>72576</v>
      </c>
      <c r="CR40" s="327">
        <v>156695</v>
      </c>
      <c r="CS40" s="327">
        <v>0</v>
      </c>
      <c r="CT40" s="327">
        <v>0</v>
      </c>
      <c r="CU40" s="327">
        <v>22442</v>
      </c>
      <c r="CV40" s="328">
        <v>251713</v>
      </c>
      <c r="CW40" s="330">
        <v>251713</v>
      </c>
      <c r="CX40" s="326">
        <v>0</v>
      </c>
      <c r="CY40" s="327">
        <v>66647</v>
      </c>
      <c r="CZ40" s="328">
        <v>66647</v>
      </c>
      <c r="DA40" s="326">
        <v>0</v>
      </c>
      <c r="DB40" s="327">
        <v>120449</v>
      </c>
      <c r="DC40" s="327">
        <v>81403</v>
      </c>
      <c r="DD40" s="327">
        <v>125620</v>
      </c>
      <c r="DE40" s="327">
        <v>0</v>
      </c>
      <c r="DF40" s="327">
        <v>0</v>
      </c>
      <c r="DG40" s="328">
        <v>327472</v>
      </c>
      <c r="DH40" s="330">
        <v>394119</v>
      </c>
      <c r="DI40" s="326">
        <v>0</v>
      </c>
      <c r="DJ40" s="327">
        <v>0</v>
      </c>
      <c r="DK40" s="331">
        <v>0</v>
      </c>
      <c r="DL40" s="332">
        <v>0</v>
      </c>
      <c r="DM40" s="327">
        <v>13307</v>
      </c>
      <c r="DN40" s="327">
        <v>0</v>
      </c>
      <c r="DO40" s="327">
        <v>34020</v>
      </c>
      <c r="DP40" s="327">
        <v>0</v>
      </c>
      <c r="DQ40" s="327">
        <v>189784</v>
      </c>
      <c r="DR40" s="328">
        <v>237111</v>
      </c>
      <c r="DS40" s="330">
        <v>237111</v>
      </c>
      <c r="DT40" s="326">
        <v>0</v>
      </c>
      <c r="DU40" s="327">
        <v>0</v>
      </c>
      <c r="DV40" s="328">
        <v>0</v>
      </c>
      <c r="DW40" s="326">
        <v>0</v>
      </c>
      <c r="DX40" s="327">
        <v>13307</v>
      </c>
      <c r="DY40" s="327">
        <v>0</v>
      </c>
      <c r="DZ40" s="327">
        <v>34020</v>
      </c>
      <c r="EA40" s="327">
        <v>0</v>
      </c>
      <c r="EB40" s="327">
        <v>189784</v>
      </c>
      <c r="EC40" s="328">
        <v>237111</v>
      </c>
      <c r="ED40" s="330">
        <v>237111</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28588</v>
      </c>
      <c r="FM40" s="327">
        <v>15680</v>
      </c>
      <c r="FN40" s="328">
        <v>44268</v>
      </c>
      <c r="FO40" s="326">
        <v>0</v>
      </c>
      <c r="FP40" s="327">
        <v>14630</v>
      </c>
      <c r="FQ40" s="327">
        <v>204386</v>
      </c>
      <c r="FR40" s="327">
        <v>105280</v>
      </c>
      <c r="FS40" s="327">
        <v>0</v>
      </c>
      <c r="FT40" s="327">
        <v>22120</v>
      </c>
      <c r="FU40" s="328">
        <v>346416</v>
      </c>
      <c r="FV40" s="330">
        <v>390684</v>
      </c>
      <c r="FW40" s="333">
        <v>11648</v>
      </c>
      <c r="FX40" s="327">
        <v>15680</v>
      </c>
      <c r="FY40" s="331">
        <v>27328</v>
      </c>
      <c r="FZ40" s="332">
        <v>0</v>
      </c>
      <c r="GA40" s="327">
        <v>14630</v>
      </c>
      <c r="GB40" s="327">
        <v>204386</v>
      </c>
      <c r="GC40" s="327">
        <v>105280</v>
      </c>
      <c r="GD40" s="327">
        <v>0</v>
      </c>
      <c r="GE40" s="327">
        <v>22120</v>
      </c>
      <c r="GF40" s="328">
        <v>346416</v>
      </c>
      <c r="GG40" s="334">
        <v>373744</v>
      </c>
      <c r="GH40" s="333">
        <v>0</v>
      </c>
      <c r="GI40" s="327">
        <v>0</v>
      </c>
      <c r="GJ40" s="331">
        <v>0</v>
      </c>
      <c r="GK40" s="332">
        <v>0</v>
      </c>
      <c r="GL40" s="327">
        <v>0</v>
      </c>
      <c r="GM40" s="327">
        <v>0</v>
      </c>
      <c r="GN40" s="327">
        <v>0</v>
      </c>
      <c r="GO40" s="327">
        <v>0</v>
      </c>
      <c r="GP40" s="327">
        <v>0</v>
      </c>
      <c r="GQ40" s="328">
        <v>0</v>
      </c>
      <c r="GR40" s="330">
        <v>0</v>
      </c>
      <c r="GS40" s="326">
        <v>16940</v>
      </c>
      <c r="GT40" s="327">
        <v>0</v>
      </c>
      <c r="GU40" s="328">
        <v>16940</v>
      </c>
      <c r="GV40" s="326">
        <v>0</v>
      </c>
      <c r="GW40" s="327">
        <v>0</v>
      </c>
      <c r="GX40" s="327">
        <v>0</v>
      </c>
      <c r="GY40" s="327">
        <v>0</v>
      </c>
      <c r="GZ40" s="327">
        <v>0</v>
      </c>
      <c r="HA40" s="327">
        <v>0</v>
      </c>
      <c r="HB40" s="331">
        <v>0</v>
      </c>
      <c r="HC40" s="330">
        <v>16940</v>
      </c>
      <c r="HD40" s="326">
        <v>143875</v>
      </c>
      <c r="HE40" s="327">
        <v>82229</v>
      </c>
      <c r="HF40" s="331">
        <v>226104</v>
      </c>
      <c r="HG40" s="332">
        <v>0</v>
      </c>
      <c r="HH40" s="327">
        <v>277155</v>
      </c>
      <c r="HI40" s="327">
        <v>0</v>
      </c>
      <c r="HJ40" s="327">
        <v>497490</v>
      </c>
      <c r="HK40" s="327">
        <v>383845</v>
      </c>
      <c r="HL40" s="327">
        <v>215371</v>
      </c>
      <c r="HM40" s="328">
        <v>1373861</v>
      </c>
      <c r="HN40" s="329">
        <v>1599965</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299898</v>
      </c>
      <c r="IE40" s="339">
        <v>0</v>
      </c>
      <c r="IF40" s="337">
        <v>0</v>
      </c>
      <c r="IG40" s="336">
        <v>0</v>
      </c>
      <c r="IH40" s="337">
        <v>0</v>
      </c>
      <c r="II40" s="340">
        <v>299898</v>
      </c>
      <c r="IJ40" s="358">
        <v>299898</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16699</v>
      </c>
      <c r="JL40" s="345">
        <v>0</v>
      </c>
      <c r="JM40" s="345">
        <v>0</v>
      </c>
      <c r="JN40" s="345">
        <v>0</v>
      </c>
      <c r="JO40" s="345">
        <v>0</v>
      </c>
      <c r="JP40" s="349">
        <v>16699</v>
      </c>
      <c r="JQ40" s="347">
        <v>16699</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83111</v>
      </c>
      <c r="KH40" s="345">
        <v>0</v>
      </c>
      <c r="KI40" s="345">
        <v>0</v>
      </c>
      <c r="KJ40" s="345">
        <v>0</v>
      </c>
      <c r="KK40" s="345">
        <v>0</v>
      </c>
      <c r="KL40" s="349">
        <v>83111</v>
      </c>
      <c r="KM40" s="354">
        <v>83111</v>
      </c>
      <c r="KN40" s="342">
        <v>0</v>
      </c>
      <c r="KO40" s="343">
        <v>0</v>
      </c>
      <c r="KP40" s="344">
        <v>0</v>
      </c>
      <c r="KQ40" s="404">
        <v>0</v>
      </c>
      <c r="KR40" s="345">
        <v>200088</v>
      </c>
      <c r="KS40" s="345">
        <v>0</v>
      </c>
      <c r="KT40" s="345">
        <v>0</v>
      </c>
      <c r="KU40" s="345">
        <v>0</v>
      </c>
      <c r="KV40" s="345">
        <v>0</v>
      </c>
      <c r="KW40" s="349">
        <v>200088</v>
      </c>
      <c r="KX40" s="347">
        <v>200088</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0</v>
      </c>
      <c r="ML40" s="345">
        <v>0</v>
      </c>
      <c r="MM40" s="345">
        <v>237650</v>
      </c>
      <c r="MN40" s="345">
        <v>0</v>
      </c>
      <c r="MO40" s="349">
        <v>237650</v>
      </c>
      <c r="MP40" s="354">
        <v>237650</v>
      </c>
      <c r="MQ40" s="348">
        <v>0</v>
      </c>
      <c r="MR40" s="345">
        <v>0</v>
      </c>
      <c r="MS40" s="349">
        <v>0</v>
      </c>
      <c r="MT40" s="404">
        <v>0</v>
      </c>
      <c r="MU40" s="345">
        <v>0</v>
      </c>
      <c r="MV40" s="345">
        <v>0</v>
      </c>
      <c r="MW40" s="345">
        <v>0</v>
      </c>
      <c r="MX40" s="345">
        <v>237650</v>
      </c>
      <c r="MY40" s="345">
        <v>0</v>
      </c>
      <c r="MZ40" s="349">
        <v>237650</v>
      </c>
      <c r="NA40" s="354">
        <v>237650</v>
      </c>
      <c r="NB40" s="348">
        <v>0</v>
      </c>
      <c r="NC40" s="345">
        <v>0</v>
      </c>
      <c r="ND40" s="349">
        <v>0</v>
      </c>
      <c r="NE40" s="404">
        <v>0</v>
      </c>
      <c r="NF40" s="345">
        <v>0</v>
      </c>
      <c r="NG40" s="345">
        <v>0</v>
      </c>
      <c r="NH40" s="345">
        <v>0</v>
      </c>
      <c r="NI40" s="345">
        <v>0</v>
      </c>
      <c r="NJ40" s="345">
        <v>0</v>
      </c>
      <c r="NK40" s="349">
        <v>0</v>
      </c>
      <c r="NL40" s="347">
        <v>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54391</v>
      </c>
      <c r="OJ40" s="345">
        <v>276745</v>
      </c>
      <c r="OK40" s="346">
        <v>531136</v>
      </c>
      <c r="OL40" s="351">
        <v>0</v>
      </c>
      <c r="OM40" s="345">
        <v>971820</v>
      </c>
      <c r="ON40" s="345">
        <v>1105829</v>
      </c>
      <c r="OO40" s="345">
        <v>992647</v>
      </c>
      <c r="OP40" s="345">
        <v>639443</v>
      </c>
      <c r="OQ40" s="345">
        <v>499851</v>
      </c>
      <c r="OR40" s="349">
        <v>4209590</v>
      </c>
      <c r="OS40" s="354">
        <v>4740726</v>
      </c>
    </row>
    <row r="41" spans="2:409" s="70" customFormat="1" ht="21" customHeight="1" x14ac:dyDescent="0.2">
      <c r="B41" s="106" t="s">
        <v>36</v>
      </c>
      <c r="C41" s="326">
        <v>24504</v>
      </c>
      <c r="D41" s="327">
        <v>44986</v>
      </c>
      <c r="E41" s="328">
        <v>69490</v>
      </c>
      <c r="F41" s="329">
        <v>0</v>
      </c>
      <c r="G41" s="327">
        <v>410734</v>
      </c>
      <c r="H41" s="327">
        <v>989274</v>
      </c>
      <c r="I41" s="327">
        <v>497061</v>
      </c>
      <c r="J41" s="327">
        <v>971731</v>
      </c>
      <c r="K41" s="327">
        <v>553773</v>
      </c>
      <c r="L41" s="367">
        <v>3422573</v>
      </c>
      <c r="M41" s="330">
        <v>3492063</v>
      </c>
      <c r="N41" s="326">
        <v>24504</v>
      </c>
      <c r="O41" s="327">
        <v>23636</v>
      </c>
      <c r="P41" s="328">
        <v>48140</v>
      </c>
      <c r="Q41" s="326">
        <v>0</v>
      </c>
      <c r="R41" s="327">
        <v>108092</v>
      </c>
      <c r="S41" s="327">
        <v>280792</v>
      </c>
      <c r="T41" s="327">
        <v>113361</v>
      </c>
      <c r="U41" s="327">
        <v>53172</v>
      </c>
      <c r="V41" s="327">
        <v>508287</v>
      </c>
      <c r="W41" s="328">
        <v>1063704</v>
      </c>
      <c r="X41" s="330">
        <v>1111844</v>
      </c>
      <c r="Y41" s="326">
        <v>0</v>
      </c>
      <c r="Z41" s="327">
        <v>0</v>
      </c>
      <c r="AA41" s="328">
        <v>0</v>
      </c>
      <c r="AB41" s="326">
        <v>0</v>
      </c>
      <c r="AC41" s="327">
        <v>54677</v>
      </c>
      <c r="AD41" s="327">
        <v>168905</v>
      </c>
      <c r="AE41" s="327">
        <v>35150</v>
      </c>
      <c r="AF41" s="327">
        <v>0</v>
      </c>
      <c r="AG41" s="327">
        <v>405296</v>
      </c>
      <c r="AH41" s="328">
        <v>664028</v>
      </c>
      <c r="AI41" s="330">
        <v>664028</v>
      </c>
      <c r="AJ41" s="326">
        <v>0</v>
      </c>
      <c r="AK41" s="327">
        <v>0</v>
      </c>
      <c r="AL41" s="328">
        <v>0</v>
      </c>
      <c r="AM41" s="326">
        <v>0</v>
      </c>
      <c r="AN41" s="327">
        <v>0</v>
      </c>
      <c r="AO41" s="327">
        <v>0</v>
      </c>
      <c r="AP41" s="327">
        <v>0</v>
      </c>
      <c r="AQ41" s="327">
        <v>0</v>
      </c>
      <c r="AR41" s="327">
        <v>0</v>
      </c>
      <c r="AS41" s="328">
        <v>0</v>
      </c>
      <c r="AT41" s="330">
        <v>0</v>
      </c>
      <c r="AU41" s="326">
        <v>24504</v>
      </c>
      <c r="AV41" s="327">
        <v>23636</v>
      </c>
      <c r="AW41" s="328">
        <v>48140</v>
      </c>
      <c r="AX41" s="326">
        <v>0</v>
      </c>
      <c r="AY41" s="327">
        <v>0</v>
      </c>
      <c r="AZ41" s="327">
        <v>44600</v>
      </c>
      <c r="BA41" s="327">
        <v>10493</v>
      </c>
      <c r="BB41" s="327">
        <v>12376</v>
      </c>
      <c r="BC41" s="327">
        <v>78897</v>
      </c>
      <c r="BD41" s="328">
        <v>146366</v>
      </c>
      <c r="BE41" s="330">
        <v>194506</v>
      </c>
      <c r="BF41" s="326">
        <v>0</v>
      </c>
      <c r="BG41" s="327">
        <v>0</v>
      </c>
      <c r="BH41" s="331">
        <v>0</v>
      </c>
      <c r="BI41" s="332">
        <v>0</v>
      </c>
      <c r="BJ41" s="327">
        <v>36629</v>
      </c>
      <c r="BK41" s="327">
        <v>22893</v>
      </c>
      <c r="BL41" s="327">
        <v>0</v>
      </c>
      <c r="BM41" s="327">
        <v>0</v>
      </c>
      <c r="BN41" s="327">
        <v>0</v>
      </c>
      <c r="BO41" s="328">
        <v>59522</v>
      </c>
      <c r="BP41" s="330">
        <v>59522</v>
      </c>
      <c r="BQ41" s="326">
        <v>0</v>
      </c>
      <c r="BR41" s="327">
        <v>0</v>
      </c>
      <c r="BS41" s="328">
        <v>0</v>
      </c>
      <c r="BT41" s="326">
        <v>0</v>
      </c>
      <c r="BU41" s="327">
        <v>16786</v>
      </c>
      <c r="BV41" s="327">
        <v>44394</v>
      </c>
      <c r="BW41" s="327">
        <v>67718</v>
      </c>
      <c r="BX41" s="327">
        <v>40796</v>
      </c>
      <c r="BY41" s="327">
        <v>24094</v>
      </c>
      <c r="BZ41" s="328">
        <v>193788</v>
      </c>
      <c r="CA41" s="330">
        <v>193788</v>
      </c>
      <c r="CB41" s="326">
        <v>0</v>
      </c>
      <c r="CC41" s="327">
        <v>0</v>
      </c>
      <c r="CD41" s="328">
        <v>0</v>
      </c>
      <c r="CE41" s="326">
        <v>0</v>
      </c>
      <c r="CF41" s="327">
        <v>98495</v>
      </c>
      <c r="CG41" s="327">
        <v>279554</v>
      </c>
      <c r="CH41" s="327">
        <v>24362</v>
      </c>
      <c r="CI41" s="327">
        <v>399752</v>
      </c>
      <c r="CJ41" s="327">
        <v>0</v>
      </c>
      <c r="CK41" s="328">
        <v>802163</v>
      </c>
      <c r="CL41" s="330">
        <v>802163</v>
      </c>
      <c r="CM41" s="326">
        <v>0</v>
      </c>
      <c r="CN41" s="327">
        <v>0</v>
      </c>
      <c r="CO41" s="328">
        <v>0</v>
      </c>
      <c r="CP41" s="332">
        <v>0</v>
      </c>
      <c r="CQ41" s="327">
        <v>98495</v>
      </c>
      <c r="CR41" s="327">
        <v>279554</v>
      </c>
      <c r="CS41" s="327">
        <v>24362</v>
      </c>
      <c r="CT41" s="327">
        <v>201488</v>
      </c>
      <c r="CU41" s="327">
        <v>0</v>
      </c>
      <c r="CV41" s="328">
        <v>603899</v>
      </c>
      <c r="CW41" s="330">
        <v>603899</v>
      </c>
      <c r="CX41" s="326">
        <v>0</v>
      </c>
      <c r="CY41" s="327">
        <v>0</v>
      </c>
      <c r="CZ41" s="328">
        <v>0</v>
      </c>
      <c r="DA41" s="326">
        <v>0</v>
      </c>
      <c r="DB41" s="327">
        <v>0</v>
      </c>
      <c r="DC41" s="327">
        <v>0</v>
      </c>
      <c r="DD41" s="327">
        <v>0</v>
      </c>
      <c r="DE41" s="327">
        <v>198264</v>
      </c>
      <c r="DF41" s="327">
        <v>0</v>
      </c>
      <c r="DG41" s="328">
        <v>198264</v>
      </c>
      <c r="DH41" s="330">
        <v>198264</v>
      </c>
      <c r="DI41" s="326">
        <v>0</v>
      </c>
      <c r="DJ41" s="327">
        <v>0</v>
      </c>
      <c r="DK41" s="331">
        <v>0</v>
      </c>
      <c r="DL41" s="332">
        <v>0</v>
      </c>
      <c r="DM41" s="327">
        <v>0</v>
      </c>
      <c r="DN41" s="327">
        <v>139871</v>
      </c>
      <c r="DO41" s="327">
        <v>0</v>
      </c>
      <c r="DP41" s="327">
        <v>99113</v>
      </c>
      <c r="DQ41" s="327">
        <v>0</v>
      </c>
      <c r="DR41" s="328">
        <v>238984</v>
      </c>
      <c r="DS41" s="330">
        <v>238984</v>
      </c>
      <c r="DT41" s="326">
        <v>0</v>
      </c>
      <c r="DU41" s="327">
        <v>0</v>
      </c>
      <c r="DV41" s="328">
        <v>0</v>
      </c>
      <c r="DW41" s="326">
        <v>0</v>
      </c>
      <c r="DX41" s="327">
        <v>0</v>
      </c>
      <c r="DY41" s="327">
        <v>139871</v>
      </c>
      <c r="DZ41" s="327">
        <v>0</v>
      </c>
      <c r="EA41" s="327">
        <v>99113</v>
      </c>
      <c r="EB41" s="327">
        <v>0</v>
      </c>
      <c r="EC41" s="328">
        <v>238984</v>
      </c>
      <c r="ED41" s="330">
        <v>238984</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21350</v>
      </c>
      <c r="FN41" s="328">
        <v>21350</v>
      </c>
      <c r="FO41" s="326">
        <v>0</v>
      </c>
      <c r="FP41" s="327">
        <v>19950</v>
      </c>
      <c r="FQ41" s="327">
        <v>134379</v>
      </c>
      <c r="FR41" s="327">
        <v>7518</v>
      </c>
      <c r="FS41" s="327">
        <v>43610</v>
      </c>
      <c r="FT41" s="327">
        <v>45486</v>
      </c>
      <c r="FU41" s="328">
        <v>250943</v>
      </c>
      <c r="FV41" s="330">
        <v>272293</v>
      </c>
      <c r="FW41" s="333">
        <v>0</v>
      </c>
      <c r="FX41" s="327">
        <v>21350</v>
      </c>
      <c r="FY41" s="331">
        <v>21350</v>
      </c>
      <c r="FZ41" s="332">
        <v>0</v>
      </c>
      <c r="GA41" s="327">
        <v>19950</v>
      </c>
      <c r="GB41" s="327">
        <v>134379</v>
      </c>
      <c r="GC41" s="327">
        <v>7518</v>
      </c>
      <c r="GD41" s="327">
        <v>43610</v>
      </c>
      <c r="GE41" s="327">
        <v>45486</v>
      </c>
      <c r="GF41" s="328">
        <v>250943</v>
      </c>
      <c r="GG41" s="334">
        <v>272293</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184197</v>
      </c>
      <c r="HI41" s="327">
        <v>154678</v>
      </c>
      <c r="HJ41" s="327">
        <v>351820</v>
      </c>
      <c r="HK41" s="327">
        <v>376084</v>
      </c>
      <c r="HL41" s="327">
        <v>0</v>
      </c>
      <c r="HM41" s="328">
        <v>1066779</v>
      </c>
      <c r="HN41" s="329">
        <v>1066779</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33253</v>
      </c>
      <c r="IE41" s="339">
        <v>228329</v>
      </c>
      <c r="IF41" s="337">
        <v>422527</v>
      </c>
      <c r="IG41" s="336">
        <v>0</v>
      </c>
      <c r="IH41" s="337">
        <v>231409</v>
      </c>
      <c r="II41" s="340">
        <v>915518</v>
      </c>
      <c r="IJ41" s="341">
        <v>915518</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33253</v>
      </c>
      <c r="JL41" s="345">
        <v>11879</v>
      </c>
      <c r="JM41" s="345">
        <v>0</v>
      </c>
      <c r="JN41" s="345">
        <v>0</v>
      </c>
      <c r="JO41" s="345">
        <v>0</v>
      </c>
      <c r="JP41" s="349">
        <v>45132</v>
      </c>
      <c r="JQ41" s="347">
        <v>45132</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199786</v>
      </c>
      <c r="KJ41" s="345">
        <v>0</v>
      </c>
      <c r="KK41" s="345">
        <v>0</v>
      </c>
      <c r="KL41" s="349">
        <v>199786</v>
      </c>
      <c r="KM41" s="354">
        <v>199786</v>
      </c>
      <c r="KN41" s="342">
        <v>0</v>
      </c>
      <c r="KO41" s="343">
        <v>0</v>
      </c>
      <c r="KP41" s="344">
        <v>0</v>
      </c>
      <c r="KQ41" s="404">
        <v>0</v>
      </c>
      <c r="KR41" s="345">
        <v>0</v>
      </c>
      <c r="KS41" s="345">
        <v>216450</v>
      </c>
      <c r="KT41" s="345">
        <v>222741</v>
      </c>
      <c r="KU41" s="345">
        <v>0</v>
      </c>
      <c r="KV41" s="345">
        <v>231409</v>
      </c>
      <c r="KW41" s="349">
        <v>670600</v>
      </c>
      <c r="KX41" s="347">
        <v>670600</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74237</v>
      </c>
      <c r="MM41" s="345">
        <v>0</v>
      </c>
      <c r="MN41" s="345">
        <v>248132</v>
      </c>
      <c r="MO41" s="349">
        <v>522369</v>
      </c>
      <c r="MP41" s="354">
        <v>522369</v>
      </c>
      <c r="MQ41" s="348">
        <v>0</v>
      </c>
      <c r="MR41" s="345">
        <v>0</v>
      </c>
      <c r="MS41" s="349">
        <v>0</v>
      </c>
      <c r="MT41" s="404">
        <v>0</v>
      </c>
      <c r="MU41" s="345">
        <v>0</v>
      </c>
      <c r="MV41" s="345">
        <v>0</v>
      </c>
      <c r="MW41" s="345">
        <v>205338</v>
      </c>
      <c r="MX41" s="345">
        <v>0</v>
      </c>
      <c r="MY41" s="345">
        <v>248132</v>
      </c>
      <c r="MZ41" s="349">
        <v>453470</v>
      </c>
      <c r="NA41" s="354">
        <v>453470</v>
      </c>
      <c r="NB41" s="348">
        <v>0</v>
      </c>
      <c r="NC41" s="345">
        <v>0</v>
      </c>
      <c r="ND41" s="349">
        <v>0</v>
      </c>
      <c r="NE41" s="404">
        <v>0</v>
      </c>
      <c r="NF41" s="345">
        <v>0</v>
      </c>
      <c r="NG41" s="345">
        <v>0</v>
      </c>
      <c r="NH41" s="345">
        <v>68899</v>
      </c>
      <c r="NI41" s="345">
        <v>0</v>
      </c>
      <c r="NJ41" s="345">
        <v>0</v>
      </c>
      <c r="NK41" s="349">
        <v>68899</v>
      </c>
      <c r="NL41" s="347">
        <v>68899</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24504</v>
      </c>
      <c r="OJ41" s="345">
        <v>44986</v>
      </c>
      <c r="OK41" s="346">
        <v>69490</v>
      </c>
      <c r="OL41" s="351">
        <v>0</v>
      </c>
      <c r="OM41" s="345">
        <v>443987</v>
      </c>
      <c r="ON41" s="345">
        <v>1217603</v>
      </c>
      <c r="OO41" s="345">
        <v>1193825</v>
      </c>
      <c r="OP41" s="345">
        <v>971731</v>
      </c>
      <c r="OQ41" s="345">
        <v>1033314</v>
      </c>
      <c r="OR41" s="349">
        <v>4860460</v>
      </c>
      <c r="OS41" s="354">
        <v>4929950</v>
      </c>
    </row>
    <row r="42" spans="2:409" s="70" customFormat="1" ht="21" customHeight="1" thickBot="1" x14ac:dyDescent="0.25">
      <c r="B42" s="108" t="s">
        <v>37</v>
      </c>
      <c r="C42" s="371">
        <v>0</v>
      </c>
      <c r="D42" s="372">
        <v>0</v>
      </c>
      <c r="E42" s="373">
        <v>0</v>
      </c>
      <c r="F42" s="374">
        <v>0</v>
      </c>
      <c r="G42" s="372">
        <v>0</v>
      </c>
      <c r="H42" s="372">
        <v>0</v>
      </c>
      <c r="I42" s="372">
        <v>0</v>
      </c>
      <c r="J42" s="372">
        <v>89243</v>
      </c>
      <c r="K42" s="372">
        <v>121131</v>
      </c>
      <c r="L42" s="374">
        <v>210374</v>
      </c>
      <c r="M42" s="375">
        <v>210374</v>
      </c>
      <c r="N42" s="371">
        <v>0</v>
      </c>
      <c r="O42" s="372">
        <v>0</v>
      </c>
      <c r="P42" s="373">
        <v>0</v>
      </c>
      <c r="Q42" s="371">
        <v>0</v>
      </c>
      <c r="R42" s="372">
        <v>0</v>
      </c>
      <c r="S42" s="372">
        <v>0</v>
      </c>
      <c r="T42" s="372">
        <v>0</v>
      </c>
      <c r="U42" s="372">
        <v>49319</v>
      </c>
      <c r="V42" s="372">
        <v>38341</v>
      </c>
      <c r="W42" s="373">
        <v>87660</v>
      </c>
      <c r="X42" s="375">
        <v>87660</v>
      </c>
      <c r="Y42" s="371">
        <v>0</v>
      </c>
      <c r="Z42" s="372">
        <v>0</v>
      </c>
      <c r="AA42" s="373">
        <v>0</v>
      </c>
      <c r="AB42" s="371">
        <v>0</v>
      </c>
      <c r="AC42" s="372">
        <v>0</v>
      </c>
      <c r="AD42" s="372">
        <v>0</v>
      </c>
      <c r="AE42" s="372">
        <v>0</v>
      </c>
      <c r="AF42" s="372">
        <v>0</v>
      </c>
      <c r="AG42" s="372">
        <v>3371</v>
      </c>
      <c r="AH42" s="373">
        <v>3371</v>
      </c>
      <c r="AI42" s="375">
        <v>3371</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49319</v>
      </c>
      <c r="BC42" s="372">
        <v>23560</v>
      </c>
      <c r="BD42" s="373">
        <v>72879</v>
      </c>
      <c r="BE42" s="375">
        <v>72879</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10</v>
      </c>
      <c r="BZ42" s="373">
        <v>11410</v>
      </c>
      <c r="CA42" s="375">
        <v>11410</v>
      </c>
      <c r="CB42" s="371">
        <v>0</v>
      </c>
      <c r="CC42" s="372">
        <v>0</v>
      </c>
      <c r="CD42" s="373">
        <v>0</v>
      </c>
      <c r="CE42" s="371">
        <v>0</v>
      </c>
      <c r="CF42" s="372">
        <v>0</v>
      </c>
      <c r="CG42" s="372">
        <v>0</v>
      </c>
      <c r="CH42" s="372">
        <v>0</v>
      </c>
      <c r="CI42" s="372">
        <v>25798</v>
      </c>
      <c r="CJ42" s="372">
        <v>0</v>
      </c>
      <c r="CK42" s="373">
        <v>25798</v>
      </c>
      <c r="CL42" s="375">
        <v>25798</v>
      </c>
      <c r="CM42" s="371">
        <v>0</v>
      </c>
      <c r="CN42" s="372">
        <v>0</v>
      </c>
      <c r="CO42" s="373">
        <v>0</v>
      </c>
      <c r="CP42" s="377">
        <v>0</v>
      </c>
      <c r="CQ42" s="372">
        <v>0</v>
      </c>
      <c r="CR42" s="372">
        <v>0</v>
      </c>
      <c r="CS42" s="372">
        <v>0</v>
      </c>
      <c r="CT42" s="372">
        <v>25798</v>
      </c>
      <c r="CU42" s="372">
        <v>0</v>
      </c>
      <c r="CV42" s="373">
        <v>25798</v>
      </c>
      <c r="CW42" s="375">
        <v>25798</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46530</v>
      </c>
      <c r="DR42" s="373">
        <v>46530</v>
      </c>
      <c r="DS42" s="375">
        <v>4653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46530</v>
      </c>
      <c r="EN42" s="376">
        <v>46530</v>
      </c>
      <c r="EO42" s="375">
        <v>4653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0</v>
      </c>
      <c r="FR42" s="372">
        <v>0</v>
      </c>
      <c r="FS42" s="372">
        <v>14126</v>
      </c>
      <c r="FT42" s="372">
        <v>36260</v>
      </c>
      <c r="FU42" s="373">
        <v>50386</v>
      </c>
      <c r="FV42" s="375">
        <v>50386</v>
      </c>
      <c r="FW42" s="378">
        <v>0</v>
      </c>
      <c r="FX42" s="372">
        <v>0</v>
      </c>
      <c r="FY42" s="376">
        <v>0</v>
      </c>
      <c r="FZ42" s="377">
        <v>0</v>
      </c>
      <c r="GA42" s="372">
        <v>0</v>
      </c>
      <c r="GB42" s="372">
        <v>0</v>
      </c>
      <c r="GC42" s="372">
        <v>0</v>
      </c>
      <c r="GD42" s="372">
        <v>14126</v>
      </c>
      <c r="GE42" s="372">
        <v>36260</v>
      </c>
      <c r="GF42" s="373">
        <v>50386</v>
      </c>
      <c r="GG42" s="379">
        <v>50386</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167043</v>
      </c>
      <c r="II42" s="387">
        <v>167043</v>
      </c>
      <c r="IJ42" s="388">
        <v>167043</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167043</v>
      </c>
      <c r="JP42" s="396">
        <v>167043</v>
      </c>
      <c r="JQ42" s="394">
        <v>167043</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0</v>
      </c>
      <c r="OO42" s="392">
        <v>0</v>
      </c>
      <c r="OP42" s="392">
        <v>89243</v>
      </c>
      <c r="OQ42" s="392">
        <v>288174</v>
      </c>
      <c r="OR42" s="396">
        <v>377417</v>
      </c>
      <c r="OS42" s="401">
        <v>377417</v>
      </c>
    </row>
    <row r="43" spans="2:409" x14ac:dyDescent="0.2">
      <c r="B43" s="71"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7</v>
      </c>
      <c r="G1" s="572">
        <f>IF(F1&lt;3,F1-2+12,F1-2)</f>
        <v>5</v>
      </c>
      <c r="H1" s="572"/>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6"/>
      <c r="C3" s="424" t="s">
        <v>115</v>
      </c>
      <c r="D3" s="425"/>
      <c r="E3" s="425"/>
      <c r="F3" s="425"/>
      <c r="G3" s="425"/>
      <c r="H3" s="425"/>
      <c r="I3" s="425"/>
      <c r="J3" s="425"/>
      <c r="K3" s="425"/>
      <c r="L3" s="425"/>
      <c r="M3" s="425"/>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2"/>
      <c r="CX3" s="422"/>
      <c r="CY3" s="422"/>
      <c r="CZ3" s="422"/>
      <c r="DA3" s="422"/>
      <c r="DB3" s="422"/>
      <c r="DC3" s="422"/>
      <c r="DD3" s="422"/>
      <c r="DE3" s="422"/>
      <c r="DF3" s="422"/>
      <c r="DG3" s="422"/>
      <c r="DH3" s="423"/>
      <c r="DI3" s="424" t="s">
        <v>117</v>
      </c>
      <c r="DJ3" s="425"/>
      <c r="DK3" s="425"/>
      <c r="DL3" s="425"/>
      <c r="DM3" s="425"/>
      <c r="DN3" s="425"/>
      <c r="DO3" s="425"/>
      <c r="DP3" s="425"/>
      <c r="DQ3" s="425"/>
      <c r="DR3" s="425"/>
      <c r="DS3" s="425"/>
      <c r="DT3" s="425"/>
      <c r="DU3" s="425"/>
      <c r="DV3" s="425"/>
      <c r="DW3" s="425"/>
      <c r="DX3" s="425"/>
      <c r="DY3" s="425"/>
      <c r="DZ3" s="425"/>
      <c r="EA3" s="425"/>
      <c r="EB3" s="425"/>
      <c r="EC3" s="425"/>
      <c r="ED3" s="425"/>
      <c r="EE3" s="425"/>
      <c r="EF3" s="425"/>
      <c r="EG3" s="425"/>
      <c r="EH3" s="425"/>
      <c r="EI3" s="425"/>
      <c r="EJ3" s="425"/>
      <c r="EK3" s="425"/>
      <c r="EL3" s="425"/>
      <c r="EM3" s="425"/>
      <c r="EN3" s="425"/>
      <c r="EO3" s="425"/>
      <c r="EP3" s="425"/>
      <c r="EQ3" s="425"/>
      <c r="ER3" s="425"/>
      <c r="ES3" s="425"/>
      <c r="ET3" s="425"/>
      <c r="EU3" s="425"/>
      <c r="EV3" s="425"/>
      <c r="EW3" s="425"/>
      <c r="EX3" s="425"/>
      <c r="EY3" s="425"/>
      <c r="EZ3" s="425"/>
      <c r="FA3" s="425"/>
      <c r="FB3" s="425"/>
      <c r="FC3" s="425"/>
      <c r="FD3" s="425"/>
      <c r="FE3" s="425"/>
      <c r="FF3" s="425"/>
      <c r="FG3" s="425"/>
      <c r="FH3" s="425"/>
      <c r="FI3" s="425"/>
      <c r="FJ3" s="425"/>
      <c r="FK3" s="425"/>
      <c r="FL3" s="425"/>
      <c r="FM3" s="425"/>
      <c r="FN3" s="425"/>
      <c r="FO3" s="425"/>
      <c r="FP3" s="425"/>
      <c r="FQ3" s="425"/>
      <c r="FR3" s="425"/>
      <c r="FS3" s="425"/>
      <c r="FT3" s="425"/>
      <c r="FU3" s="425"/>
      <c r="FV3" s="425"/>
      <c r="FW3" s="425"/>
      <c r="FX3" s="425"/>
      <c r="FY3" s="425"/>
      <c r="FZ3" s="425"/>
      <c r="GA3" s="425"/>
      <c r="GB3" s="425"/>
      <c r="GC3" s="425"/>
      <c r="GD3" s="425"/>
      <c r="GE3" s="425"/>
      <c r="GF3" s="425"/>
      <c r="GG3" s="425"/>
      <c r="GH3" s="425"/>
      <c r="GI3" s="425"/>
      <c r="GJ3" s="425"/>
      <c r="GK3" s="425"/>
      <c r="GL3" s="425"/>
      <c r="GM3" s="425"/>
      <c r="GN3" s="425"/>
      <c r="GO3" s="425"/>
      <c r="GP3" s="425"/>
      <c r="GQ3" s="425"/>
      <c r="GR3" s="425"/>
      <c r="GS3" s="425"/>
      <c r="GT3" s="425"/>
      <c r="GU3" s="425"/>
      <c r="GV3" s="425"/>
      <c r="GW3" s="425"/>
      <c r="GX3" s="425"/>
      <c r="GY3" s="425"/>
      <c r="GZ3" s="425"/>
      <c r="HA3" s="425"/>
      <c r="HB3" s="425"/>
      <c r="HC3" s="425"/>
      <c r="HD3" s="425"/>
      <c r="HE3" s="425"/>
      <c r="HF3" s="425"/>
      <c r="HG3" s="425"/>
      <c r="HH3" s="425"/>
      <c r="HI3" s="425"/>
      <c r="HJ3" s="425"/>
      <c r="HK3" s="425"/>
      <c r="HL3" s="425"/>
      <c r="HM3" s="425"/>
      <c r="HN3" s="426"/>
      <c r="HO3" s="563" t="s">
        <v>60</v>
      </c>
      <c r="HP3" s="564"/>
      <c r="HQ3" s="564"/>
      <c r="HR3" s="564"/>
      <c r="HS3" s="564"/>
      <c r="HT3" s="564"/>
      <c r="HU3" s="564"/>
      <c r="HV3" s="564"/>
      <c r="HW3" s="564"/>
      <c r="HX3" s="564"/>
      <c r="HY3" s="565"/>
    </row>
    <row r="4" spans="2:233" ht="21" customHeight="1" thickBot="1" x14ac:dyDescent="0.25">
      <c r="B4" s="570"/>
      <c r="C4" s="518"/>
      <c r="D4" s="512"/>
      <c r="E4" s="512"/>
      <c r="F4" s="512"/>
      <c r="G4" s="512"/>
      <c r="H4" s="512"/>
      <c r="I4" s="512"/>
      <c r="J4" s="512"/>
      <c r="K4" s="512"/>
      <c r="L4" s="512"/>
      <c r="M4" s="578"/>
      <c r="N4" s="573" t="s">
        <v>57</v>
      </c>
      <c r="O4" s="574"/>
      <c r="P4" s="574"/>
      <c r="Q4" s="574"/>
      <c r="R4" s="574"/>
      <c r="S4" s="574"/>
      <c r="T4" s="574"/>
      <c r="U4" s="574"/>
      <c r="V4" s="574"/>
      <c r="W4" s="574"/>
      <c r="X4" s="575"/>
      <c r="Y4" s="573" t="s">
        <v>58</v>
      </c>
      <c r="Z4" s="574"/>
      <c r="AA4" s="574"/>
      <c r="AB4" s="574"/>
      <c r="AC4" s="574"/>
      <c r="AD4" s="574"/>
      <c r="AE4" s="574"/>
      <c r="AF4" s="574"/>
      <c r="AG4" s="574"/>
      <c r="AH4" s="574"/>
      <c r="AI4" s="575"/>
      <c r="AJ4" s="573" t="s">
        <v>59</v>
      </c>
      <c r="AK4" s="574"/>
      <c r="AL4" s="574"/>
      <c r="AM4" s="574"/>
      <c r="AN4" s="574"/>
      <c r="AO4" s="574"/>
      <c r="AP4" s="574"/>
      <c r="AQ4" s="574"/>
      <c r="AR4" s="574"/>
      <c r="AS4" s="574"/>
      <c r="AT4" s="575"/>
      <c r="AU4" s="573" t="s">
        <v>148</v>
      </c>
      <c r="AV4" s="574"/>
      <c r="AW4" s="574"/>
      <c r="AX4" s="574"/>
      <c r="AY4" s="574"/>
      <c r="AZ4" s="574"/>
      <c r="BA4" s="574"/>
      <c r="BB4" s="574"/>
      <c r="BC4" s="574"/>
      <c r="BD4" s="574"/>
      <c r="BE4" s="575"/>
      <c r="BF4" s="573" t="s">
        <v>116</v>
      </c>
      <c r="BG4" s="574"/>
      <c r="BH4" s="574"/>
      <c r="BI4" s="574"/>
      <c r="BJ4" s="574"/>
      <c r="BK4" s="574"/>
      <c r="BL4" s="574"/>
      <c r="BM4" s="574"/>
      <c r="BN4" s="574"/>
      <c r="BO4" s="574"/>
      <c r="BP4" s="575"/>
      <c r="BQ4" s="573" t="s">
        <v>77</v>
      </c>
      <c r="BR4" s="574"/>
      <c r="BS4" s="574"/>
      <c r="BT4" s="574"/>
      <c r="BU4" s="574"/>
      <c r="BV4" s="574"/>
      <c r="BW4" s="574"/>
      <c r="BX4" s="574"/>
      <c r="BY4" s="574"/>
      <c r="BZ4" s="574"/>
      <c r="CA4" s="575"/>
      <c r="CB4" s="573" t="s">
        <v>78</v>
      </c>
      <c r="CC4" s="574"/>
      <c r="CD4" s="574"/>
      <c r="CE4" s="574"/>
      <c r="CF4" s="574"/>
      <c r="CG4" s="574"/>
      <c r="CH4" s="574"/>
      <c r="CI4" s="574"/>
      <c r="CJ4" s="574"/>
      <c r="CK4" s="574"/>
      <c r="CL4" s="575"/>
      <c r="CM4" s="573" t="s">
        <v>79</v>
      </c>
      <c r="CN4" s="574"/>
      <c r="CO4" s="574"/>
      <c r="CP4" s="574"/>
      <c r="CQ4" s="574"/>
      <c r="CR4" s="574"/>
      <c r="CS4" s="574"/>
      <c r="CT4" s="574"/>
      <c r="CU4" s="574"/>
      <c r="CV4" s="574"/>
      <c r="CW4" s="575"/>
      <c r="CX4" s="573" t="s">
        <v>149</v>
      </c>
      <c r="CY4" s="574"/>
      <c r="CZ4" s="574"/>
      <c r="DA4" s="574"/>
      <c r="DB4" s="574"/>
      <c r="DC4" s="574"/>
      <c r="DD4" s="574"/>
      <c r="DE4" s="574"/>
      <c r="DF4" s="574"/>
      <c r="DG4" s="574"/>
      <c r="DH4" s="575"/>
      <c r="DI4" s="518"/>
      <c r="DJ4" s="512"/>
      <c r="DK4" s="512"/>
      <c r="DL4" s="512"/>
      <c r="DM4" s="512"/>
      <c r="DN4" s="512"/>
      <c r="DO4" s="512"/>
      <c r="DP4" s="512"/>
      <c r="DQ4" s="512"/>
      <c r="DR4" s="512"/>
      <c r="DS4" s="513"/>
      <c r="DT4" s="573" t="s">
        <v>57</v>
      </c>
      <c r="DU4" s="574"/>
      <c r="DV4" s="574"/>
      <c r="DW4" s="574"/>
      <c r="DX4" s="574"/>
      <c r="DY4" s="574"/>
      <c r="DZ4" s="574"/>
      <c r="EA4" s="574"/>
      <c r="EB4" s="574"/>
      <c r="EC4" s="574"/>
      <c r="ED4" s="575"/>
      <c r="EE4" s="573" t="s">
        <v>58</v>
      </c>
      <c r="EF4" s="574"/>
      <c r="EG4" s="574"/>
      <c r="EH4" s="574"/>
      <c r="EI4" s="574"/>
      <c r="EJ4" s="574"/>
      <c r="EK4" s="574"/>
      <c r="EL4" s="574"/>
      <c r="EM4" s="574"/>
      <c r="EN4" s="574"/>
      <c r="EO4" s="575"/>
      <c r="EP4" s="573" t="s">
        <v>59</v>
      </c>
      <c r="EQ4" s="574"/>
      <c r="ER4" s="574"/>
      <c r="ES4" s="574"/>
      <c r="ET4" s="574"/>
      <c r="EU4" s="574"/>
      <c r="EV4" s="574"/>
      <c r="EW4" s="574"/>
      <c r="EX4" s="574"/>
      <c r="EY4" s="574"/>
      <c r="EZ4" s="575"/>
      <c r="FA4" s="573" t="s">
        <v>148</v>
      </c>
      <c r="FB4" s="574"/>
      <c r="FC4" s="574"/>
      <c r="FD4" s="574"/>
      <c r="FE4" s="574"/>
      <c r="FF4" s="574"/>
      <c r="FG4" s="574"/>
      <c r="FH4" s="574"/>
      <c r="FI4" s="574"/>
      <c r="FJ4" s="574"/>
      <c r="FK4" s="575"/>
      <c r="FL4" s="573" t="s">
        <v>116</v>
      </c>
      <c r="FM4" s="574"/>
      <c r="FN4" s="574"/>
      <c r="FO4" s="574"/>
      <c r="FP4" s="574"/>
      <c r="FQ4" s="574"/>
      <c r="FR4" s="574"/>
      <c r="FS4" s="574"/>
      <c r="FT4" s="574"/>
      <c r="FU4" s="574"/>
      <c r="FV4" s="575"/>
      <c r="FW4" s="573" t="s">
        <v>77</v>
      </c>
      <c r="FX4" s="574"/>
      <c r="FY4" s="574"/>
      <c r="FZ4" s="574"/>
      <c r="GA4" s="574"/>
      <c r="GB4" s="574"/>
      <c r="GC4" s="574"/>
      <c r="GD4" s="574"/>
      <c r="GE4" s="574"/>
      <c r="GF4" s="574"/>
      <c r="GG4" s="575"/>
      <c r="GH4" s="573" t="s">
        <v>78</v>
      </c>
      <c r="GI4" s="574"/>
      <c r="GJ4" s="574"/>
      <c r="GK4" s="574"/>
      <c r="GL4" s="574"/>
      <c r="GM4" s="574"/>
      <c r="GN4" s="574"/>
      <c r="GO4" s="574"/>
      <c r="GP4" s="574"/>
      <c r="GQ4" s="574"/>
      <c r="GR4" s="575"/>
      <c r="GS4" s="573" t="s">
        <v>79</v>
      </c>
      <c r="GT4" s="574"/>
      <c r="GU4" s="574"/>
      <c r="GV4" s="574"/>
      <c r="GW4" s="574"/>
      <c r="GX4" s="574"/>
      <c r="GY4" s="574"/>
      <c r="GZ4" s="574"/>
      <c r="HA4" s="574"/>
      <c r="HB4" s="574"/>
      <c r="HC4" s="575"/>
      <c r="HD4" s="573" t="s">
        <v>149</v>
      </c>
      <c r="HE4" s="574"/>
      <c r="HF4" s="574"/>
      <c r="HG4" s="574"/>
      <c r="HH4" s="574"/>
      <c r="HI4" s="574"/>
      <c r="HJ4" s="574"/>
      <c r="HK4" s="574"/>
      <c r="HL4" s="574"/>
      <c r="HM4" s="574"/>
      <c r="HN4" s="575"/>
      <c r="HO4" s="566"/>
      <c r="HP4" s="567"/>
      <c r="HQ4" s="567"/>
      <c r="HR4" s="567"/>
      <c r="HS4" s="567"/>
      <c r="HT4" s="567"/>
      <c r="HU4" s="567"/>
      <c r="HV4" s="567"/>
      <c r="HW4" s="567"/>
      <c r="HX4" s="567"/>
      <c r="HY4" s="568"/>
    </row>
    <row r="5" spans="2:233" ht="21" customHeight="1" x14ac:dyDescent="0.2">
      <c r="B5" s="570"/>
      <c r="C5" s="502" t="s">
        <v>61</v>
      </c>
      <c r="D5" s="503"/>
      <c r="E5" s="504"/>
      <c r="F5" s="531" t="s">
        <v>62</v>
      </c>
      <c r="G5" s="503"/>
      <c r="H5" s="503"/>
      <c r="I5" s="503"/>
      <c r="J5" s="503"/>
      <c r="K5" s="503"/>
      <c r="L5" s="532"/>
      <c r="M5" s="571" t="s">
        <v>52</v>
      </c>
      <c r="N5" s="518" t="s">
        <v>61</v>
      </c>
      <c r="O5" s="512"/>
      <c r="P5" s="513"/>
      <c r="Q5" s="534" t="s">
        <v>62</v>
      </c>
      <c r="R5" s="512"/>
      <c r="S5" s="512"/>
      <c r="T5" s="512"/>
      <c r="U5" s="512"/>
      <c r="V5" s="512"/>
      <c r="W5" s="535"/>
      <c r="X5" s="435" t="s">
        <v>52</v>
      </c>
      <c r="Y5" s="518" t="s">
        <v>61</v>
      </c>
      <c r="Z5" s="512"/>
      <c r="AA5" s="513"/>
      <c r="AB5" s="534" t="s">
        <v>62</v>
      </c>
      <c r="AC5" s="512"/>
      <c r="AD5" s="512"/>
      <c r="AE5" s="512"/>
      <c r="AF5" s="512"/>
      <c r="AG5" s="512"/>
      <c r="AH5" s="535"/>
      <c r="AI5" s="435" t="s">
        <v>52</v>
      </c>
      <c r="AJ5" s="518" t="s">
        <v>61</v>
      </c>
      <c r="AK5" s="512"/>
      <c r="AL5" s="513"/>
      <c r="AM5" s="534" t="s">
        <v>62</v>
      </c>
      <c r="AN5" s="512"/>
      <c r="AO5" s="512"/>
      <c r="AP5" s="512"/>
      <c r="AQ5" s="512"/>
      <c r="AR5" s="512"/>
      <c r="AS5" s="535"/>
      <c r="AT5" s="435" t="s">
        <v>52</v>
      </c>
      <c r="AU5" s="518" t="s">
        <v>61</v>
      </c>
      <c r="AV5" s="512"/>
      <c r="AW5" s="513"/>
      <c r="AX5" s="534" t="s">
        <v>62</v>
      </c>
      <c r="AY5" s="512"/>
      <c r="AZ5" s="512"/>
      <c r="BA5" s="512"/>
      <c r="BB5" s="512"/>
      <c r="BC5" s="512"/>
      <c r="BD5" s="535"/>
      <c r="BE5" s="435" t="s">
        <v>52</v>
      </c>
      <c r="BF5" s="518" t="s">
        <v>61</v>
      </c>
      <c r="BG5" s="512"/>
      <c r="BH5" s="513"/>
      <c r="BI5" s="534" t="s">
        <v>62</v>
      </c>
      <c r="BJ5" s="512"/>
      <c r="BK5" s="512"/>
      <c r="BL5" s="512"/>
      <c r="BM5" s="512"/>
      <c r="BN5" s="512"/>
      <c r="BO5" s="535"/>
      <c r="BP5" s="435" t="s">
        <v>52</v>
      </c>
      <c r="BQ5" s="518" t="s">
        <v>61</v>
      </c>
      <c r="BR5" s="512"/>
      <c r="BS5" s="513"/>
      <c r="BT5" s="534" t="s">
        <v>62</v>
      </c>
      <c r="BU5" s="512"/>
      <c r="BV5" s="512"/>
      <c r="BW5" s="512"/>
      <c r="BX5" s="512"/>
      <c r="BY5" s="512"/>
      <c r="BZ5" s="535"/>
      <c r="CA5" s="435" t="s">
        <v>52</v>
      </c>
      <c r="CB5" s="518" t="s">
        <v>61</v>
      </c>
      <c r="CC5" s="512"/>
      <c r="CD5" s="513"/>
      <c r="CE5" s="534" t="s">
        <v>62</v>
      </c>
      <c r="CF5" s="512"/>
      <c r="CG5" s="512"/>
      <c r="CH5" s="512"/>
      <c r="CI5" s="512"/>
      <c r="CJ5" s="512"/>
      <c r="CK5" s="535"/>
      <c r="CL5" s="435" t="s">
        <v>52</v>
      </c>
      <c r="CM5" s="518" t="s">
        <v>61</v>
      </c>
      <c r="CN5" s="512"/>
      <c r="CO5" s="513"/>
      <c r="CP5" s="534" t="s">
        <v>62</v>
      </c>
      <c r="CQ5" s="512"/>
      <c r="CR5" s="512"/>
      <c r="CS5" s="512"/>
      <c r="CT5" s="512"/>
      <c r="CU5" s="512"/>
      <c r="CV5" s="535"/>
      <c r="CW5" s="435" t="s">
        <v>52</v>
      </c>
      <c r="CX5" s="518" t="s">
        <v>61</v>
      </c>
      <c r="CY5" s="512"/>
      <c r="CZ5" s="513"/>
      <c r="DA5" s="534" t="s">
        <v>62</v>
      </c>
      <c r="DB5" s="512"/>
      <c r="DC5" s="512"/>
      <c r="DD5" s="512"/>
      <c r="DE5" s="512"/>
      <c r="DF5" s="512"/>
      <c r="DG5" s="535"/>
      <c r="DH5" s="435" t="s">
        <v>52</v>
      </c>
      <c r="DI5" s="502" t="s">
        <v>61</v>
      </c>
      <c r="DJ5" s="503"/>
      <c r="DK5" s="504"/>
      <c r="DL5" s="531" t="s">
        <v>62</v>
      </c>
      <c r="DM5" s="503"/>
      <c r="DN5" s="503"/>
      <c r="DO5" s="503"/>
      <c r="DP5" s="503"/>
      <c r="DQ5" s="503"/>
      <c r="DR5" s="532"/>
      <c r="DS5" s="506" t="s">
        <v>52</v>
      </c>
      <c r="DT5" s="518" t="s">
        <v>61</v>
      </c>
      <c r="DU5" s="512"/>
      <c r="DV5" s="513"/>
      <c r="DW5" s="534" t="s">
        <v>62</v>
      </c>
      <c r="DX5" s="512"/>
      <c r="DY5" s="512"/>
      <c r="DZ5" s="512"/>
      <c r="EA5" s="512"/>
      <c r="EB5" s="512"/>
      <c r="EC5" s="535"/>
      <c r="ED5" s="435" t="s">
        <v>52</v>
      </c>
      <c r="EE5" s="518" t="s">
        <v>61</v>
      </c>
      <c r="EF5" s="512"/>
      <c r="EG5" s="513"/>
      <c r="EH5" s="534" t="s">
        <v>62</v>
      </c>
      <c r="EI5" s="512"/>
      <c r="EJ5" s="512"/>
      <c r="EK5" s="512"/>
      <c r="EL5" s="512"/>
      <c r="EM5" s="512"/>
      <c r="EN5" s="535"/>
      <c r="EO5" s="435" t="s">
        <v>52</v>
      </c>
      <c r="EP5" s="518" t="s">
        <v>61</v>
      </c>
      <c r="EQ5" s="512"/>
      <c r="ER5" s="513"/>
      <c r="ES5" s="534" t="s">
        <v>62</v>
      </c>
      <c r="ET5" s="512"/>
      <c r="EU5" s="512"/>
      <c r="EV5" s="512"/>
      <c r="EW5" s="512"/>
      <c r="EX5" s="512"/>
      <c r="EY5" s="535"/>
      <c r="EZ5" s="435" t="s">
        <v>52</v>
      </c>
      <c r="FA5" s="518" t="s">
        <v>61</v>
      </c>
      <c r="FB5" s="512"/>
      <c r="FC5" s="513"/>
      <c r="FD5" s="534" t="s">
        <v>62</v>
      </c>
      <c r="FE5" s="512"/>
      <c r="FF5" s="512"/>
      <c r="FG5" s="512"/>
      <c r="FH5" s="512"/>
      <c r="FI5" s="512"/>
      <c r="FJ5" s="535"/>
      <c r="FK5" s="435" t="s">
        <v>52</v>
      </c>
      <c r="FL5" s="518" t="s">
        <v>61</v>
      </c>
      <c r="FM5" s="512"/>
      <c r="FN5" s="513"/>
      <c r="FO5" s="534" t="s">
        <v>62</v>
      </c>
      <c r="FP5" s="512"/>
      <c r="FQ5" s="512"/>
      <c r="FR5" s="512"/>
      <c r="FS5" s="512"/>
      <c r="FT5" s="512"/>
      <c r="FU5" s="535"/>
      <c r="FV5" s="435" t="s">
        <v>52</v>
      </c>
      <c r="FW5" s="518" t="s">
        <v>61</v>
      </c>
      <c r="FX5" s="512"/>
      <c r="FY5" s="513"/>
      <c r="FZ5" s="534" t="s">
        <v>62</v>
      </c>
      <c r="GA5" s="512"/>
      <c r="GB5" s="512"/>
      <c r="GC5" s="512"/>
      <c r="GD5" s="512"/>
      <c r="GE5" s="512"/>
      <c r="GF5" s="535"/>
      <c r="GG5" s="435" t="s">
        <v>52</v>
      </c>
      <c r="GH5" s="518" t="s">
        <v>61</v>
      </c>
      <c r="GI5" s="512"/>
      <c r="GJ5" s="513"/>
      <c r="GK5" s="534" t="s">
        <v>62</v>
      </c>
      <c r="GL5" s="512"/>
      <c r="GM5" s="512"/>
      <c r="GN5" s="512"/>
      <c r="GO5" s="512"/>
      <c r="GP5" s="512"/>
      <c r="GQ5" s="535"/>
      <c r="GR5" s="435" t="s">
        <v>52</v>
      </c>
      <c r="GS5" s="518" t="s">
        <v>61</v>
      </c>
      <c r="GT5" s="512"/>
      <c r="GU5" s="513"/>
      <c r="GV5" s="534" t="s">
        <v>62</v>
      </c>
      <c r="GW5" s="512"/>
      <c r="GX5" s="512"/>
      <c r="GY5" s="512"/>
      <c r="GZ5" s="512"/>
      <c r="HA5" s="512"/>
      <c r="HB5" s="535"/>
      <c r="HC5" s="435" t="s">
        <v>52</v>
      </c>
      <c r="HD5" s="518" t="s">
        <v>61</v>
      </c>
      <c r="HE5" s="512"/>
      <c r="HF5" s="513"/>
      <c r="HG5" s="534" t="s">
        <v>62</v>
      </c>
      <c r="HH5" s="512"/>
      <c r="HI5" s="512"/>
      <c r="HJ5" s="512"/>
      <c r="HK5" s="512"/>
      <c r="HL5" s="512"/>
      <c r="HM5" s="535"/>
      <c r="HN5" s="435" t="s">
        <v>52</v>
      </c>
      <c r="HO5" s="518" t="s">
        <v>61</v>
      </c>
      <c r="HP5" s="512"/>
      <c r="HQ5" s="513"/>
      <c r="HR5" s="534" t="s">
        <v>62</v>
      </c>
      <c r="HS5" s="512"/>
      <c r="HT5" s="512"/>
      <c r="HU5" s="512"/>
      <c r="HV5" s="512"/>
      <c r="HW5" s="512"/>
      <c r="HX5" s="535"/>
      <c r="HY5" s="435" t="s">
        <v>52</v>
      </c>
    </row>
    <row r="6" spans="2:233" ht="30" customHeight="1" thickBot="1" x14ac:dyDescent="0.25">
      <c r="B6" s="577"/>
      <c r="C6" s="73" t="s">
        <v>118</v>
      </c>
      <c r="D6" s="74" t="s">
        <v>44</v>
      </c>
      <c r="E6" s="250" t="s">
        <v>45</v>
      </c>
      <c r="F6" s="76" t="s">
        <v>83</v>
      </c>
      <c r="G6" s="74" t="s">
        <v>47</v>
      </c>
      <c r="H6" s="74" t="s">
        <v>48</v>
      </c>
      <c r="I6" s="74" t="s">
        <v>49</v>
      </c>
      <c r="J6" s="74" t="s">
        <v>50</v>
      </c>
      <c r="K6" s="74" t="s">
        <v>51</v>
      </c>
      <c r="L6" s="75" t="s">
        <v>45</v>
      </c>
      <c r="M6" s="551"/>
      <c r="N6" s="73" t="s">
        <v>118</v>
      </c>
      <c r="O6" s="74" t="s">
        <v>44</v>
      </c>
      <c r="P6" s="250" t="s">
        <v>45</v>
      </c>
      <c r="Q6" s="76" t="s">
        <v>83</v>
      </c>
      <c r="R6" s="74" t="s">
        <v>47</v>
      </c>
      <c r="S6" s="74" t="s">
        <v>48</v>
      </c>
      <c r="T6" s="74" t="s">
        <v>49</v>
      </c>
      <c r="U6" s="74" t="s">
        <v>50</v>
      </c>
      <c r="V6" s="74" t="s">
        <v>51</v>
      </c>
      <c r="W6" s="75" t="s">
        <v>45</v>
      </c>
      <c r="X6" s="551"/>
      <c r="Y6" s="73" t="s">
        <v>118</v>
      </c>
      <c r="Z6" s="74" t="s">
        <v>44</v>
      </c>
      <c r="AA6" s="250" t="s">
        <v>45</v>
      </c>
      <c r="AB6" s="76" t="s">
        <v>83</v>
      </c>
      <c r="AC6" s="74" t="s">
        <v>47</v>
      </c>
      <c r="AD6" s="74" t="s">
        <v>48</v>
      </c>
      <c r="AE6" s="74" t="s">
        <v>49</v>
      </c>
      <c r="AF6" s="74" t="s">
        <v>50</v>
      </c>
      <c r="AG6" s="74" t="s">
        <v>51</v>
      </c>
      <c r="AH6" s="75" t="s">
        <v>45</v>
      </c>
      <c r="AI6" s="551"/>
      <c r="AJ6" s="73" t="s">
        <v>118</v>
      </c>
      <c r="AK6" s="74" t="s">
        <v>44</v>
      </c>
      <c r="AL6" s="250" t="s">
        <v>45</v>
      </c>
      <c r="AM6" s="76" t="s">
        <v>83</v>
      </c>
      <c r="AN6" s="74" t="s">
        <v>47</v>
      </c>
      <c r="AO6" s="74" t="s">
        <v>48</v>
      </c>
      <c r="AP6" s="74" t="s">
        <v>49</v>
      </c>
      <c r="AQ6" s="74" t="s">
        <v>50</v>
      </c>
      <c r="AR6" s="74" t="s">
        <v>51</v>
      </c>
      <c r="AS6" s="75" t="s">
        <v>45</v>
      </c>
      <c r="AT6" s="551"/>
      <c r="AU6" s="73" t="s">
        <v>118</v>
      </c>
      <c r="AV6" s="74" t="s">
        <v>44</v>
      </c>
      <c r="AW6" s="250" t="s">
        <v>45</v>
      </c>
      <c r="AX6" s="76" t="s">
        <v>83</v>
      </c>
      <c r="AY6" s="74" t="s">
        <v>47</v>
      </c>
      <c r="AZ6" s="74" t="s">
        <v>48</v>
      </c>
      <c r="BA6" s="74" t="s">
        <v>49</v>
      </c>
      <c r="BB6" s="74" t="s">
        <v>50</v>
      </c>
      <c r="BC6" s="74" t="s">
        <v>51</v>
      </c>
      <c r="BD6" s="75" t="s">
        <v>45</v>
      </c>
      <c r="BE6" s="551"/>
      <c r="BF6" s="73" t="s">
        <v>118</v>
      </c>
      <c r="BG6" s="74" t="s">
        <v>44</v>
      </c>
      <c r="BH6" s="250" t="s">
        <v>45</v>
      </c>
      <c r="BI6" s="76" t="s">
        <v>83</v>
      </c>
      <c r="BJ6" s="74" t="s">
        <v>47</v>
      </c>
      <c r="BK6" s="74" t="s">
        <v>48</v>
      </c>
      <c r="BL6" s="74" t="s">
        <v>49</v>
      </c>
      <c r="BM6" s="74" t="s">
        <v>50</v>
      </c>
      <c r="BN6" s="74" t="s">
        <v>51</v>
      </c>
      <c r="BO6" s="75" t="s">
        <v>45</v>
      </c>
      <c r="BP6" s="551"/>
      <c r="BQ6" s="73" t="s">
        <v>118</v>
      </c>
      <c r="BR6" s="74" t="s">
        <v>44</v>
      </c>
      <c r="BS6" s="250" t="s">
        <v>45</v>
      </c>
      <c r="BT6" s="76" t="s">
        <v>83</v>
      </c>
      <c r="BU6" s="74" t="s">
        <v>47</v>
      </c>
      <c r="BV6" s="74" t="s">
        <v>48</v>
      </c>
      <c r="BW6" s="74" t="s">
        <v>49</v>
      </c>
      <c r="BX6" s="74" t="s">
        <v>50</v>
      </c>
      <c r="BY6" s="74" t="s">
        <v>51</v>
      </c>
      <c r="BZ6" s="75" t="s">
        <v>45</v>
      </c>
      <c r="CA6" s="551"/>
      <c r="CB6" s="73" t="s">
        <v>118</v>
      </c>
      <c r="CC6" s="74" t="s">
        <v>44</v>
      </c>
      <c r="CD6" s="250" t="s">
        <v>45</v>
      </c>
      <c r="CE6" s="76" t="s">
        <v>83</v>
      </c>
      <c r="CF6" s="74" t="s">
        <v>47</v>
      </c>
      <c r="CG6" s="74" t="s">
        <v>48</v>
      </c>
      <c r="CH6" s="74" t="s">
        <v>49</v>
      </c>
      <c r="CI6" s="74" t="s">
        <v>50</v>
      </c>
      <c r="CJ6" s="74" t="s">
        <v>51</v>
      </c>
      <c r="CK6" s="75" t="s">
        <v>45</v>
      </c>
      <c r="CL6" s="551"/>
      <c r="CM6" s="73" t="s">
        <v>118</v>
      </c>
      <c r="CN6" s="74" t="s">
        <v>44</v>
      </c>
      <c r="CO6" s="250" t="s">
        <v>45</v>
      </c>
      <c r="CP6" s="76" t="s">
        <v>83</v>
      </c>
      <c r="CQ6" s="74" t="s">
        <v>47</v>
      </c>
      <c r="CR6" s="74" t="s">
        <v>48</v>
      </c>
      <c r="CS6" s="74" t="s">
        <v>49</v>
      </c>
      <c r="CT6" s="74" t="s">
        <v>50</v>
      </c>
      <c r="CU6" s="74" t="s">
        <v>51</v>
      </c>
      <c r="CV6" s="75" t="s">
        <v>45</v>
      </c>
      <c r="CW6" s="551"/>
      <c r="CX6" s="73" t="s">
        <v>118</v>
      </c>
      <c r="CY6" s="74" t="s">
        <v>44</v>
      </c>
      <c r="CZ6" s="250" t="s">
        <v>45</v>
      </c>
      <c r="DA6" s="76" t="s">
        <v>83</v>
      </c>
      <c r="DB6" s="74" t="s">
        <v>47</v>
      </c>
      <c r="DC6" s="74" t="s">
        <v>48</v>
      </c>
      <c r="DD6" s="74" t="s">
        <v>49</v>
      </c>
      <c r="DE6" s="74" t="s">
        <v>50</v>
      </c>
      <c r="DF6" s="74" t="s">
        <v>51</v>
      </c>
      <c r="DG6" s="75" t="s">
        <v>45</v>
      </c>
      <c r="DH6" s="551"/>
      <c r="DI6" s="73" t="s">
        <v>118</v>
      </c>
      <c r="DJ6" s="74" t="s">
        <v>44</v>
      </c>
      <c r="DK6" s="250" t="s">
        <v>45</v>
      </c>
      <c r="DL6" s="76" t="s">
        <v>83</v>
      </c>
      <c r="DM6" s="74" t="s">
        <v>47</v>
      </c>
      <c r="DN6" s="74" t="s">
        <v>48</v>
      </c>
      <c r="DO6" s="74" t="s">
        <v>49</v>
      </c>
      <c r="DP6" s="74" t="s">
        <v>50</v>
      </c>
      <c r="DQ6" s="74" t="s">
        <v>51</v>
      </c>
      <c r="DR6" s="75" t="s">
        <v>45</v>
      </c>
      <c r="DS6" s="549"/>
      <c r="DT6" s="73" t="s">
        <v>118</v>
      </c>
      <c r="DU6" s="74" t="s">
        <v>44</v>
      </c>
      <c r="DV6" s="250" t="s">
        <v>45</v>
      </c>
      <c r="DW6" s="76" t="s">
        <v>83</v>
      </c>
      <c r="DX6" s="74" t="s">
        <v>47</v>
      </c>
      <c r="DY6" s="74" t="s">
        <v>48</v>
      </c>
      <c r="DZ6" s="74" t="s">
        <v>49</v>
      </c>
      <c r="EA6" s="74" t="s">
        <v>50</v>
      </c>
      <c r="EB6" s="74" t="s">
        <v>51</v>
      </c>
      <c r="EC6" s="75" t="s">
        <v>45</v>
      </c>
      <c r="ED6" s="551"/>
      <c r="EE6" s="73" t="s">
        <v>118</v>
      </c>
      <c r="EF6" s="74" t="s">
        <v>44</v>
      </c>
      <c r="EG6" s="250" t="s">
        <v>45</v>
      </c>
      <c r="EH6" s="76" t="s">
        <v>83</v>
      </c>
      <c r="EI6" s="74" t="s">
        <v>47</v>
      </c>
      <c r="EJ6" s="74" t="s">
        <v>48</v>
      </c>
      <c r="EK6" s="74" t="s">
        <v>49</v>
      </c>
      <c r="EL6" s="74" t="s">
        <v>50</v>
      </c>
      <c r="EM6" s="74" t="s">
        <v>51</v>
      </c>
      <c r="EN6" s="75" t="s">
        <v>45</v>
      </c>
      <c r="EO6" s="551"/>
      <c r="EP6" s="73" t="s">
        <v>118</v>
      </c>
      <c r="EQ6" s="74" t="s">
        <v>44</v>
      </c>
      <c r="ER6" s="250" t="s">
        <v>45</v>
      </c>
      <c r="ES6" s="76" t="s">
        <v>83</v>
      </c>
      <c r="ET6" s="74" t="s">
        <v>47</v>
      </c>
      <c r="EU6" s="74" t="s">
        <v>48</v>
      </c>
      <c r="EV6" s="74" t="s">
        <v>49</v>
      </c>
      <c r="EW6" s="74" t="s">
        <v>50</v>
      </c>
      <c r="EX6" s="74" t="s">
        <v>51</v>
      </c>
      <c r="EY6" s="75" t="s">
        <v>45</v>
      </c>
      <c r="EZ6" s="551"/>
      <c r="FA6" s="73" t="s">
        <v>118</v>
      </c>
      <c r="FB6" s="74" t="s">
        <v>44</v>
      </c>
      <c r="FC6" s="250" t="s">
        <v>45</v>
      </c>
      <c r="FD6" s="76" t="s">
        <v>83</v>
      </c>
      <c r="FE6" s="74" t="s">
        <v>47</v>
      </c>
      <c r="FF6" s="74" t="s">
        <v>48</v>
      </c>
      <c r="FG6" s="74" t="s">
        <v>49</v>
      </c>
      <c r="FH6" s="74" t="s">
        <v>50</v>
      </c>
      <c r="FI6" s="74" t="s">
        <v>51</v>
      </c>
      <c r="FJ6" s="75" t="s">
        <v>45</v>
      </c>
      <c r="FK6" s="551"/>
      <c r="FL6" s="73" t="s">
        <v>118</v>
      </c>
      <c r="FM6" s="74" t="s">
        <v>44</v>
      </c>
      <c r="FN6" s="250" t="s">
        <v>45</v>
      </c>
      <c r="FO6" s="76" t="s">
        <v>83</v>
      </c>
      <c r="FP6" s="74" t="s">
        <v>47</v>
      </c>
      <c r="FQ6" s="74" t="s">
        <v>48</v>
      </c>
      <c r="FR6" s="74" t="s">
        <v>49</v>
      </c>
      <c r="FS6" s="74" t="s">
        <v>50</v>
      </c>
      <c r="FT6" s="74" t="s">
        <v>51</v>
      </c>
      <c r="FU6" s="75" t="s">
        <v>45</v>
      </c>
      <c r="FV6" s="551"/>
      <c r="FW6" s="73" t="s">
        <v>118</v>
      </c>
      <c r="FX6" s="74" t="s">
        <v>44</v>
      </c>
      <c r="FY6" s="250" t="s">
        <v>45</v>
      </c>
      <c r="FZ6" s="76" t="s">
        <v>83</v>
      </c>
      <c r="GA6" s="74" t="s">
        <v>47</v>
      </c>
      <c r="GB6" s="74" t="s">
        <v>48</v>
      </c>
      <c r="GC6" s="74" t="s">
        <v>49</v>
      </c>
      <c r="GD6" s="74" t="s">
        <v>50</v>
      </c>
      <c r="GE6" s="74" t="s">
        <v>51</v>
      </c>
      <c r="GF6" s="75" t="s">
        <v>45</v>
      </c>
      <c r="GG6" s="551"/>
      <c r="GH6" s="73" t="s">
        <v>118</v>
      </c>
      <c r="GI6" s="74" t="s">
        <v>44</v>
      </c>
      <c r="GJ6" s="250" t="s">
        <v>45</v>
      </c>
      <c r="GK6" s="76" t="s">
        <v>83</v>
      </c>
      <c r="GL6" s="74" t="s">
        <v>47</v>
      </c>
      <c r="GM6" s="74" t="s">
        <v>48</v>
      </c>
      <c r="GN6" s="74" t="s">
        <v>49</v>
      </c>
      <c r="GO6" s="74" t="s">
        <v>50</v>
      </c>
      <c r="GP6" s="74" t="s">
        <v>51</v>
      </c>
      <c r="GQ6" s="75" t="s">
        <v>45</v>
      </c>
      <c r="GR6" s="551"/>
      <c r="GS6" s="73" t="s">
        <v>118</v>
      </c>
      <c r="GT6" s="74" t="s">
        <v>44</v>
      </c>
      <c r="GU6" s="250" t="s">
        <v>45</v>
      </c>
      <c r="GV6" s="76" t="s">
        <v>83</v>
      </c>
      <c r="GW6" s="74" t="s">
        <v>47</v>
      </c>
      <c r="GX6" s="74" t="s">
        <v>48</v>
      </c>
      <c r="GY6" s="74" t="s">
        <v>49</v>
      </c>
      <c r="GZ6" s="74" t="s">
        <v>50</v>
      </c>
      <c r="HA6" s="74" t="s">
        <v>51</v>
      </c>
      <c r="HB6" s="75" t="s">
        <v>45</v>
      </c>
      <c r="HC6" s="551"/>
      <c r="HD6" s="73" t="s">
        <v>118</v>
      </c>
      <c r="HE6" s="74" t="s">
        <v>44</v>
      </c>
      <c r="HF6" s="250" t="s">
        <v>45</v>
      </c>
      <c r="HG6" s="76" t="s">
        <v>83</v>
      </c>
      <c r="HH6" s="74" t="s">
        <v>47</v>
      </c>
      <c r="HI6" s="74" t="s">
        <v>48</v>
      </c>
      <c r="HJ6" s="74" t="s">
        <v>49</v>
      </c>
      <c r="HK6" s="74" t="s">
        <v>50</v>
      </c>
      <c r="HL6" s="74" t="s">
        <v>51</v>
      </c>
      <c r="HM6" s="75" t="s">
        <v>45</v>
      </c>
      <c r="HN6" s="551"/>
      <c r="HO6" s="73" t="s">
        <v>118</v>
      </c>
      <c r="HP6" s="74" t="s">
        <v>44</v>
      </c>
      <c r="HQ6" s="250" t="s">
        <v>45</v>
      </c>
      <c r="HR6" s="76" t="s">
        <v>83</v>
      </c>
      <c r="HS6" s="74" t="s">
        <v>47</v>
      </c>
      <c r="HT6" s="74" t="s">
        <v>48</v>
      </c>
      <c r="HU6" s="74" t="s">
        <v>49</v>
      </c>
      <c r="HV6" s="74" t="s">
        <v>50</v>
      </c>
      <c r="HW6" s="74" t="s">
        <v>51</v>
      </c>
      <c r="HX6" s="75" t="s">
        <v>45</v>
      </c>
      <c r="HY6" s="551"/>
    </row>
    <row r="7" spans="2:233" s="294" customFormat="1" ht="21" customHeight="1" x14ac:dyDescent="0.2">
      <c r="B7" s="84" t="s">
        <v>4</v>
      </c>
      <c r="C7" s="49">
        <v>21007</v>
      </c>
      <c r="D7" s="50">
        <v>76566</v>
      </c>
      <c r="E7" s="51">
        <v>97573</v>
      </c>
      <c r="F7" s="52">
        <v>0</v>
      </c>
      <c r="G7" s="50">
        <v>17491796</v>
      </c>
      <c r="H7" s="50">
        <v>41568273</v>
      </c>
      <c r="I7" s="50">
        <v>120723131</v>
      </c>
      <c r="J7" s="50">
        <v>162845276</v>
      </c>
      <c r="K7" s="50">
        <v>99008854</v>
      </c>
      <c r="L7" s="53">
        <v>441637330</v>
      </c>
      <c r="M7" s="54">
        <v>441734903</v>
      </c>
      <c r="N7" s="49">
        <v>0</v>
      </c>
      <c r="O7" s="50">
        <v>0</v>
      </c>
      <c r="P7" s="51">
        <v>0</v>
      </c>
      <c r="Q7" s="402">
        <v>0</v>
      </c>
      <c r="R7" s="50">
        <v>4850569</v>
      </c>
      <c r="S7" s="50">
        <v>15562769</v>
      </c>
      <c r="T7" s="50">
        <v>82428535</v>
      </c>
      <c r="U7" s="50">
        <v>120082581</v>
      </c>
      <c r="V7" s="50">
        <v>76021850</v>
      </c>
      <c r="W7" s="53">
        <v>298946304</v>
      </c>
      <c r="X7" s="54">
        <v>298946304</v>
      </c>
      <c r="Y7" s="49">
        <v>0</v>
      </c>
      <c r="Z7" s="50">
        <v>0</v>
      </c>
      <c r="AA7" s="51">
        <v>0</v>
      </c>
      <c r="AB7" s="402">
        <v>0</v>
      </c>
      <c r="AC7" s="50">
        <v>10466990</v>
      </c>
      <c r="AD7" s="50">
        <v>21622622</v>
      </c>
      <c r="AE7" s="50">
        <v>27496190</v>
      </c>
      <c r="AF7" s="50">
        <v>31335420</v>
      </c>
      <c r="AG7" s="50">
        <v>14731454</v>
      </c>
      <c r="AH7" s="53">
        <v>105652676</v>
      </c>
      <c r="AI7" s="54">
        <v>105652676</v>
      </c>
      <c r="AJ7" s="49">
        <v>0</v>
      </c>
      <c r="AK7" s="50">
        <v>0</v>
      </c>
      <c r="AL7" s="51">
        <v>0</v>
      </c>
      <c r="AM7" s="402">
        <v>0</v>
      </c>
      <c r="AN7" s="50">
        <v>0</v>
      </c>
      <c r="AO7" s="50">
        <v>0</v>
      </c>
      <c r="AP7" s="50">
        <v>0</v>
      </c>
      <c r="AQ7" s="50">
        <v>0</v>
      </c>
      <c r="AR7" s="50">
        <v>0</v>
      </c>
      <c r="AS7" s="53">
        <v>0</v>
      </c>
      <c r="AT7" s="54">
        <v>0</v>
      </c>
      <c r="AU7" s="49">
        <v>0</v>
      </c>
      <c r="AV7" s="50">
        <v>0</v>
      </c>
      <c r="AW7" s="51">
        <v>0</v>
      </c>
      <c r="AX7" s="402">
        <v>0</v>
      </c>
      <c r="AY7" s="50">
        <v>188280</v>
      </c>
      <c r="AZ7" s="50">
        <v>216660</v>
      </c>
      <c r="BA7" s="50">
        <v>400215</v>
      </c>
      <c r="BB7" s="50">
        <v>2223885</v>
      </c>
      <c r="BC7" s="50">
        <v>3012630</v>
      </c>
      <c r="BD7" s="53">
        <v>6041670</v>
      </c>
      <c r="BE7" s="54">
        <v>6041670</v>
      </c>
      <c r="BF7" s="49">
        <v>0</v>
      </c>
      <c r="BG7" s="50">
        <v>0</v>
      </c>
      <c r="BH7" s="51">
        <v>0</v>
      </c>
      <c r="BI7" s="402">
        <v>0</v>
      </c>
      <c r="BJ7" s="50">
        <v>37975</v>
      </c>
      <c r="BK7" s="50">
        <v>327120</v>
      </c>
      <c r="BL7" s="50">
        <v>1872340</v>
      </c>
      <c r="BM7" s="50">
        <v>2030935</v>
      </c>
      <c r="BN7" s="50">
        <v>1436845</v>
      </c>
      <c r="BO7" s="53">
        <v>5705215</v>
      </c>
      <c r="BP7" s="54">
        <v>5705215</v>
      </c>
      <c r="BQ7" s="49">
        <v>20717</v>
      </c>
      <c r="BR7" s="50">
        <v>76566</v>
      </c>
      <c r="BS7" s="51">
        <v>97283</v>
      </c>
      <c r="BT7" s="52">
        <v>0</v>
      </c>
      <c r="BU7" s="50">
        <v>1862618</v>
      </c>
      <c r="BV7" s="50">
        <v>3552821</v>
      </c>
      <c r="BW7" s="50">
        <v>8209839</v>
      </c>
      <c r="BX7" s="50">
        <v>6855705</v>
      </c>
      <c r="BY7" s="50">
        <v>3509933</v>
      </c>
      <c r="BZ7" s="53">
        <v>23990916</v>
      </c>
      <c r="CA7" s="54">
        <v>24088199</v>
      </c>
      <c r="CB7" s="49">
        <v>290</v>
      </c>
      <c r="CC7" s="50">
        <v>0</v>
      </c>
      <c r="CD7" s="51">
        <v>290</v>
      </c>
      <c r="CE7" s="52">
        <v>0</v>
      </c>
      <c r="CF7" s="50">
        <v>85364</v>
      </c>
      <c r="CG7" s="50">
        <v>286281</v>
      </c>
      <c r="CH7" s="50">
        <v>316012</v>
      </c>
      <c r="CI7" s="50">
        <v>316750</v>
      </c>
      <c r="CJ7" s="50">
        <v>296142</v>
      </c>
      <c r="CK7" s="53">
        <v>1300549</v>
      </c>
      <c r="CL7" s="54">
        <v>1300839</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28497</v>
      </c>
      <c r="DJ7" s="50">
        <v>137912</v>
      </c>
      <c r="DK7" s="51">
        <v>166409</v>
      </c>
      <c r="DL7" s="52">
        <v>0</v>
      </c>
      <c r="DM7" s="50">
        <v>11461487</v>
      </c>
      <c r="DN7" s="50">
        <v>33315581</v>
      </c>
      <c r="DO7" s="50">
        <v>132861815</v>
      </c>
      <c r="DP7" s="50">
        <v>171226032</v>
      </c>
      <c r="DQ7" s="50">
        <v>104548856</v>
      </c>
      <c r="DR7" s="53">
        <v>453413771</v>
      </c>
      <c r="DS7" s="55">
        <v>453580180</v>
      </c>
      <c r="DT7" s="49">
        <v>0</v>
      </c>
      <c r="DU7" s="50">
        <v>0</v>
      </c>
      <c r="DV7" s="51">
        <v>0</v>
      </c>
      <c r="DW7" s="402">
        <v>0</v>
      </c>
      <c r="DX7" s="50">
        <v>6171720</v>
      </c>
      <c r="DY7" s="50">
        <v>21740303</v>
      </c>
      <c r="DZ7" s="50">
        <v>110268032</v>
      </c>
      <c r="EA7" s="50">
        <v>150291168</v>
      </c>
      <c r="EB7" s="50">
        <v>92149396</v>
      </c>
      <c r="EC7" s="53">
        <v>380620619</v>
      </c>
      <c r="ED7" s="54">
        <v>380620619</v>
      </c>
      <c r="EE7" s="49">
        <v>0</v>
      </c>
      <c r="EF7" s="50">
        <v>0</v>
      </c>
      <c r="EG7" s="51">
        <v>0</v>
      </c>
      <c r="EH7" s="402">
        <v>0</v>
      </c>
      <c r="EI7" s="50">
        <v>2308050</v>
      </c>
      <c r="EJ7" s="50">
        <v>5063849</v>
      </c>
      <c r="EK7" s="50">
        <v>6654291</v>
      </c>
      <c r="EL7" s="50">
        <v>6583923</v>
      </c>
      <c r="EM7" s="50">
        <v>3626664</v>
      </c>
      <c r="EN7" s="53">
        <v>24236777</v>
      </c>
      <c r="EO7" s="54">
        <v>24236777</v>
      </c>
      <c r="EP7" s="49">
        <v>0</v>
      </c>
      <c r="EQ7" s="50">
        <v>0</v>
      </c>
      <c r="ER7" s="51">
        <v>0</v>
      </c>
      <c r="ES7" s="402">
        <v>0</v>
      </c>
      <c r="ET7" s="50">
        <v>0</v>
      </c>
      <c r="EU7" s="50">
        <v>0</v>
      </c>
      <c r="EV7" s="50">
        <v>0</v>
      </c>
      <c r="EW7" s="50">
        <v>0</v>
      </c>
      <c r="EX7" s="50">
        <v>0</v>
      </c>
      <c r="EY7" s="53">
        <v>0</v>
      </c>
      <c r="EZ7" s="54">
        <v>0</v>
      </c>
      <c r="FA7" s="49">
        <v>0</v>
      </c>
      <c r="FB7" s="50">
        <v>0</v>
      </c>
      <c r="FC7" s="51">
        <v>0</v>
      </c>
      <c r="FD7" s="402">
        <v>0</v>
      </c>
      <c r="FE7" s="50">
        <v>24459</v>
      </c>
      <c r="FF7" s="50">
        <v>35781</v>
      </c>
      <c r="FG7" s="50">
        <v>73565</v>
      </c>
      <c r="FH7" s="50">
        <v>324624</v>
      </c>
      <c r="FI7" s="50">
        <v>575383</v>
      </c>
      <c r="FJ7" s="53">
        <v>1033812</v>
      </c>
      <c r="FK7" s="54">
        <v>1033812</v>
      </c>
      <c r="FL7" s="49">
        <v>0</v>
      </c>
      <c r="FM7" s="50">
        <v>0</v>
      </c>
      <c r="FN7" s="51">
        <v>0</v>
      </c>
      <c r="FO7" s="402">
        <v>0</v>
      </c>
      <c r="FP7" s="50">
        <v>79918</v>
      </c>
      <c r="FQ7" s="50">
        <v>459747</v>
      </c>
      <c r="FR7" s="50">
        <v>2943174</v>
      </c>
      <c r="FS7" s="50">
        <v>3574584</v>
      </c>
      <c r="FT7" s="50">
        <v>2419132</v>
      </c>
      <c r="FU7" s="53">
        <v>9476555</v>
      </c>
      <c r="FV7" s="54">
        <v>9476555</v>
      </c>
      <c r="FW7" s="49">
        <v>27065</v>
      </c>
      <c r="FX7" s="50">
        <v>137912</v>
      </c>
      <c r="FY7" s="51">
        <v>164977</v>
      </c>
      <c r="FZ7" s="52">
        <v>0</v>
      </c>
      <c r="GA7" s="50">
        <v>2836230</v>
      </c>
      <c r="GB7" s="50">
        <v>5847028</v>
      </c>
      <c r="GC7" s="50">
        <v>12709611</v>
      </c>
      <c r="GD7" s="50">
        <v>10290490</v>
      </c>
      <c r="GE7" s="50">
        <v>5547224</v>
      </c>
      <c r="GF7" s="53">
        <v>37230583</v>
      </c>
      <c r="GG7" s="54">
        <v>37395560</v>
      </c>
      <c r="GH7" s="49">
        <v>1432</v>
      </c>
      <c r="GI7" s="50">
        <v>0</v>
      </c>
      <c r="GJ7" s="51">
        <v>1432</v>
      </c>
      <c r="GK7" s="52">
        <v>0</v>
      </c>
      <c r="GL7" s="50">
        <v>41110</v>
      </c>
      <c r="GM7" s="50">
        <v>168873</v>
      </c>
      <c r="GN7" s="50">
        <v>213142</v>
      </c>
      <c r="GO7" s="50">
        <v>161243</v>
      </c>
      <c r="GP7" s="50">
        <v>231057</v>
      </c>
      <c r="GQ7" s="53">
        <v>815425</v>
      </c>
      <c r="GR7" s="54">
        <v>816857</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49504</v>
      </c>
      <c r="HP7" s="50">
        <v>214478</v>
      </c>
      <c r="HQ7" s="51">
        <v>263982</v>
      </c>
      <c r="HR7" s="52">
        <v>0</v>
      </c>
      <c r="HS7" s="50">
        <v>28953283</v>
      </c>
      <c r="HT7" s="50">
        <v>74883854</v>
      </c>
      <c r="HU7" s="50">
        <v>253584946</v>
      </c>
      <c r="HV7" s="50">
        <v>334071308</v>
      </c>
      <c r="HW7" s="50">
        <v>203557710</v>
      </c>
      <c r="HX7" s="53">
        <v>895051101</v>
      </c>
      <c r="HY7" s="54">
        <v>895315083</v>
      </c>
    </row>
    <row r="8" spans="2:233" s="294" customFormat="1" ht="21" customHeight="1" x14ac:dyDescent="0.2">
      <c r="B8" s="95" t="s">
        <v>5</v>
      </c>
      <c r="C8" s="56">
        <v>5247</v>
      </c>
      <c r="D8" s="57">
        <v>37705</v>
      </c>
      <c r="E8" s="58">
        <v>42952</v>
      </c>
      <c r="F8" s="59">
        <v>0</v>
      </c>
      <c r="G8" s="57">
        <v>7081731</v>
      </c>
      <c r="H8" s="57">
        <v>21126478</v>
      </c>
      <c r="I8" s="57">
        <v>51785529</v>
      </c>
      <c r="J8" s="57">
        <v>66995153</v>
      </c>
      <c r="K8" s="57">
        <v>42894157</v>
      </c>
      <c r="L8" s="60">
        <v>189883048</v>
      </c>
      <c r="M8" s="61">
        <v>189926000</v>
      </c>
      <c r="N8" s="56">
        <v>0</v>
      </c>
      <c r="O8" s="57">
        <v>0</v>
      </c>
      <c r="P8" s="58">
        <v>0</v>
      </c>
      <c r="Q8" s="403">
        <v>0</v>
      </c>
      <c r="R8" s="57">
        <v>2578209</v>
      </c>
      <c r="S8" s="57">
        <v>10472139</v>
      </c>
      <c r="T8" s="57">
        <v>36381807</v>
      </c>
      <c r="U8" s="57">
        <v>50662171</v>
      </c>
      <c r="V8" s="57">
        <v>33172497</v>
      </c>
      <c r="W8" s="60">
        <v>133266823</v>
      </c>
      <c r="X8" s="61">
        <v>133266823</v>
      </c>
      <c r="Y8" s="56">
        <v>0</v>
      </c>
      <c r="Z8" s="57">
        <v>0</v>
      </c>
      <c r="AA8" s="58">
        <v>0</v>
      </c>
      <c r="AB8" s="403">
        <v>0</v>
      </c>
      <c r="AC8" s="57">
        <v>3836129</v>
      </c>
      <c r="AD8" s="57">
        <v>8930441</v>
      </c>
      <c r="AE8" s="57">
        <v>11772615</v>
      </c>
      <c r="AF8" s="57">
        <v>13454061</v>
      </c>
      <c r="AG8" s="57">
        <v>7199686</v>
      </c>
      <c r="AH8" s="60">
        <v>45192932</v>
      </c>
      <c r="AI8" s="61">
        <v>45192932</v>
      </c>
      <c r="AJ8" s="56">
        <v>0</v>
      </c>
      <c r="AK8" s="57">
        <v>0</v>
      </c>
      <c r="AL8" s="58">
        <v>0</v>
      </c>
      <c r="AM8" s="403">
        <v>0</v>
      </c>
      <c r="AN8" s="57">
        <v>0</v>
      </c>
      <c r="AO8" s="57">
        <v>0</v>
      </c>
      <c r="AP8" s="57">
        <v>0</v>
      </c>
      <c r="AQ8" s="57">
        <v>0</v>
      </c>
      <c r="AR8" s="57">
        <v>0</v>
      </c>
      <c r="AS8" s="60">
        <v>0</v>
      </c>
      <c r="AT8" s="61">
        <v>0</v>
      </c>
      <c r="AU8" s="56">
        <v>0</v>
      </c>
      <c r="AV8" s="57">
        <v>0</v>
      </c>
      <c r="AW8" s="58">
        <v>0</v>
      </c>
      <c r="AX8" s="403">
        <v>0</v>
      </c>
      <c r="AY8" s="57">
        <v>24645</v>
      </c>
      <c r="AZ8" s="57">
        <v>1055</v>
      </c>
      <c r="BA8" s="57">
        <v>49495</v>
      </c>
      <c r="BB8" s="57">
        <v>527315</v>
      </c>
      <c r="BC8" s="57">
        <v>555235</v>
      </c>
      <c r="BD8" s="60">
        <v>1157745</v>
      </c>
      <c r="BE8" s="61">
        <v>1157745</v>
      </c>
      <c r="BF8" s="56">
        <v>0</v>
      </c>
      <c r="BG8" s="57">
        <v>0</v>
      </c>
      <c r="BH8" s="58">
        <v>0</v>
      </c>
      <c r="BI8" s="403">
        <v>0</v>
      </c>
      <c r="BJ8" s="57">
        <v>35340</v>
      </c>
      <c r="BK8" s="57">
        <v>139345</v>
      </c>
      <c r="BL8" s="57">
        <v>221300</v>
      </c>
      <c r="BM8" s="57">
        <v>144860</v>
      </c>
      <c r="BN8" s="57">
        <v>211715</v>
      </c>
      <c r="BO8" s="60">
        <v>752560</v>
      </c>
      <c r="BP8" s="61">
        <v>752560</v>
      </c>
      <c r="BQ8" s="56">
        <v>4957</v>
      </c>
      <c r="BR8" s="57">
        <v>37705</v>
      </c>
      <c r="BS8" s="58">
        <v>42662</v>
      </c>
      <c r="BT8" s="59">
        <v>0</v>
      </c>
      <c r="BU8" s="57">
        <v>549883</v>
      </c>
      <c r="BV8" s="57">
        <v>1441791</v>
      </c>
      <c r="BW8" s="57">
        <v>3159146</v>
      </c>
      <c r="BX8" s="57">
        <v>2047587</v>
      </c>
      <c r="BY8" s="57">
        <v>1616290</v>
      </c>
      <c r="BZ8" s="60">
        <v>8814697</v>
      </c>
      <c r="CA8" s="61">
        <v>8857359</v>
      </c>
      <c r="CB8" s="56">
        <v>290</v>
      </c>
      <c r="CC8" s="57">
        <v>0</v>
      </c>
      <c r="CD8" s="58">
        <v>290</v>
      </c>
      <c r="CE8" s="59">
        <v>0</v>
      </c>
      <c r="CF8" s="57">
        <v>57525</v>
      </c>
      <c r="CG8" s="57">
        <v>141707</v>
      </c>
      <c r="CH8" s="57">
        <v>201166</v>
      </c>
      <c r="CI8" s="57">
        <v>159159</v>
      </c>
      <c r="CJ8" s="57">
        <v>138734</v>
      </c>
      <c r="CK8" s="60">
        <v>698291</v>
      </c>
      <c r="CL8" s="61">
        <v>698581</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11607</v>
      </c>
      <c r="DJ8" s="57">
        <v>70605</v>
      </c>
      <c r="DK8" s="58">
        <v>82212</v>
      </c>
      <c r="DL8" s="59">
        <v>0</v>
      </c>
      <c r="DM8" s="57">
        <v>5850033</v>
      </c>
      <c r="DN8" s="57">
        <v>20504836</v>
      </c>
      <c r="DO8" s="57">
        <v>59711129</v>
      </c>
      <c r="DP8" s="57">
        <v>71556855</v>
      </c>
      <c r="DQ8" s="57">
        <v>46099822</v>
      </c>
      <c r="DR8" s="60">
        <v>203722675</v>
      </c>
      <c r="DS8" s="62">
        <v>203804887</v>
      </c>
      <c r="DT8" s="56">
        <v>0</v>
      </c>
      <c r="DU8" s="57">
        <v>0</v>
      </c>
      <c r="DV8" s="58">
        <v>0</v>
      </c>
      <c r="DW8" s="403">
        <v>0</v>
      </c>
      <c r="DX8" s="57">
        <v>3723105</v>
      </c>
      <c r="DY8" s="57">
        <v>14818299</v>
      </c>
      <c r="DZ8" s="57">
        <v>50402613</v>
      </c>
      <c r="EA8" s="57">
        <v>63866975</v>
      </c>
      <c r="EB8" s="57">
        <v>40620989</v>
      </c>
      <c r="EC8" s="60">
        <v>173431981</v>
      </c>
      <c r="ED8" s="61">
        <v>173431981</v>
      </c>
      <c r="EE8" s="56">
        <v>0</v>
      </c>
      <c r="EF8" s="57">
        <v>0</v>
      </c>
      <c r="EG8" s="58">
        <v>0</v>
      </c>
      <c r="EH8" s="403">
        <v>0</v>
      </c>
      <c r="EI8" s="57">
        <v>1138441</v>
      </c>
      <c r="EJ8" s="57">
        <v>2953424</v>
      </c>
      <c r="EK8" s="57">
        <v>3707068</v>
      </c>
      <c r="EL8" s="57">
        <v>3737717</v>
      </c>
      <c r="EM8" s="57">
        <v>2297123</v>
      </c>
      <c r="EN8" s="60">
        <v>13833773</v>
      </c>
      <c r="EO8" s="61">
        <v>13833773</v>
      </c>
      <c r="EP8" s="56">
        <v>0</v>
      </c>
      <c r="EQ8" s="57">
        <v>0</v>
      </c>
      <c r="ER8" s="58">
        <v>0</v>
      </c>
      <c r="ES8" s="403">
        <v>0</v>
      </c>
      <c r="ET8" s="57">
        <v>0</v>
      </c>
      <c r="EU8" s="57">
        <v>0</v>
      </c>
      <c r="EV8" s="57">
        <v>0</v>
      </c>
      <c r="EW8" s="57">
        <v>0</v>
      </c>
      <c r="EX8" s="57">
        <v>0</v>
      </c>
      <c r="EY8" s="60">
        <v>0</v>
      </c>
      <c r="EZ8" s="61">
        <v>0</v>
      </c>
      <c r="FA8" s="56">
        <v>0</v>
      </c>
      <c r="FB8" s="57">
        <v>0</v>
      </c>
      <c r="FC8" s="58">
        <v>0</v>
      </c>
      <c r="FD8" s="403">
        <v>0</v>
      </c>
      <c r="FE8" s="57">
        <v>217</v>
      </c>
      <c r="FF8" s="57">
        <v>7</v>
      </c>
      <c r="FG8" s="57">
        <v>12092</v>
      </c>
      <c r="FH8" s="57">
        <v>77101</v>
      </c>
      <c r="FI8" s="57">
        <v>206779</v>
      </c>
      <c r="FJ8" s="60">
        <v>296196</v>
      </c>
      <c r="FK8" s="61">
        <v>296196</v>
      </c>
      <c r="FL8" s="56">
        <v>0</v>
      </c>
      <c r="FM8" s="57">
        <v>0</v>
      </c>
      <c r="FN8" s="58">
        <v>0</v>
      </c>
      <c r="FO8" s="403">
        <v>0</v>
      </c>
      <c r="FP8" s="57">
        <v>58342</v>
      </c>
      <c r="FQ8" s="57">
        <v>138260</v>
      </c>
      <c r="FR8" s="57">
        <v>364968</v>
      </c>
      <c r="FS8" s="57">
        <v>334410</v>
      </c>
      <c r="FT8" s="57">
        <v>355864</v>
      </c>
      <c r="FU8" s="60">
        <v>1251844</v>
      </c>
      <c r="FV8" s="61">
        <v>1251844</v>
      </c>
      <c r="FW8" s="56">
        <v>10175</v>
      </c>
      <c r="FX8" s="57">
        <v>70605</v>
      </c>
      <c r="FY8" s="58">
        <v>80780</v>
      </c>
      <c r="FZ8" s="59">
        <v>0</v>
      </c>
      <c r="GA8" s="57">
        <v>900406</v>
      </c>
      <c r="GB8" s="57">
        <v>2530506</v>
      </c>
      <c r="GC8" s="57">
        <v>5089462</v>
      </c>
      <c r="GD8" s="57">
        <v>3463906</v>
      </c>
      <c r="GE8" s="57">
        <v>2512987</v>
      </c>
      <c r="GF8" s="60">
        <v>14497267</v>
      </c>
      <c r="GG8" s="61">
        <v>14578047</v>
      </c>
      <c r="GH8" s="56">
        <v>1432</v>
      </c>
      <c r="GI8" s="57">
        <v>0</v>
      </c>
      <c r="GJ8" s="58">
        <v>1432</v>
      </c>
      <c r="GK8" s="59">
        <v>0</v>
      </c>
      <c r="GL8" s="57">
        <v>29522</v>
      </c>
      <c r="GM8" s="57">
        <v>64340</v>
      </c>
      <c r="GN8" s="57">
        <v>134926</v>
      </c>
      <c r="GO8" s="57">
        <v>76746</v>
      </c>
      <c r="GP8" s="57">
        <v>106080</v>
      </c>
      <c r="GQ8" s="60">
        <v>411614</v>
      </c>
      <c r="GR8" s="61">
        <v>413046</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16854</v>
      </c>
      <c r="HP8" s="57">
        <v>108310</v>
      </c>
      <c r="HQ8" s="58">
        <v>125164</v>
      </c>
      <c r="HR8" s="59">
        <v>0</v>
      </c>
      <c r="HS8" s="57">
        <v>12931764</v>
      </c>
      <c r="HT8" s="57">
        <v>41631314</v>
      </c>
      <c r="HU8" s="57">
        <v>111496658</v>
      </c>
      <c r="HV8" s="57">
        <v>138552008</v>
      </c>
      <c r="HW8" s="57">
        <v>88993979</v>
      </c>
      <c r="HX8" s="60">
        <v>393605723</v>
      </c>
      <c r="HY8" s="61">
        <v>393730887</v>
      </c>
    </row>
    <row r="9" spans="2:233" ht="21" customHeight="1" x14ac:dyDescent="0.2">
      <c r="B9" s="106" t="s">
        <v>6</v>
      </c>
      <c r="C9" s="24">
        <v>0</v>
      </c>
      <c r="D9" s="25">
        <v>8146</v>
      </c>
      <c r="E9" s="26">
        <v>8146</v>
      </c>
      <c r="F9" s="27">
        <v>0</v>
      </c>
      <c r="G9" s="25">
        <v>2622418</v>
      </c>
      <c r="H9" s="25">
        <v>4855237</v>
      </c>
      <c r="I9" s="25">
        <v>15929664</v>
      </c>
      <c r="J9" s="25">
        <v>22346569</v>
      </c>
      <c r="K9" s="25">
        <v>12972178</v>
      </c>
      <c r="L9" s="28">
        <v>58726066</v>
      </c>
      <c r="M9" s="29">
        <v>58734212</v>
      </c>
      <c r="N9" s="24">
        <v>0</v>
      </c>
      <c r="O9" s="25">
        <v>0</v>
      </c>
      <c r="P9" s="26">
        <v>0</v>
      </c>
      <c r="Q9" s="404">
        <v>0</v>
      </c>
      <c r="R9" s="25">
        <v>1112540</v>
      </c>
      <c r="S9" s="25">
        <v>1829260</v>
      </c>
      <c r="T9" s="25">
        <v>10794230</v>
      </c>
      <c r="U9" s="25">
        <v>16550558</v>
      </c>
      <c r="V9" s="25">
        <v>9851548</v>
      </c>
      <c r="W9" s="28">
        <v>40138136</v>
      </c>
      <c r="X9" s="29">
        <v>40138136</v>
      </c>
      <c r="Y9" s="24">
        <v>0</v>
      </c>
      <c r="Z9" s="25">
        <v>0</v>
      </c>
      <c r="AA9" s="26">
        <v>0</v>
      </c>
      <c r="AB9" s="404">
        <v>0</v>
      </c>
      <c r="AC9" s="25">
        <v>1224510</v>
      </c>
      <c r="AD9" s="25">
        <v>2541955</v>
      </c>
      <c r="AE9" s="25">
        <v>3398070</v>
      </c>
      <c r="AF9" s="25">
        <v>4117490</v>
      </c>
      <c r="AG9" s="25">
        <v>1935800</v>
      </c>
      <c r="AH9" s="28">
        <v>13217825</v>
      </c>
      <c r="AI9" s="29">
        <v>13217825</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2635</v>
      </c>
      <c r="BB9" s="25">
        <v>294815</v>
      </c>
      <c r="BC9" s="25">
        <v>318440</v>
      </c>
      <c r="BD9" s="28">
        <v>615890</v>
      </c>
      <c r="BE9" s="29">
        <v>615890</v>
      </c>
      <c r="BF9" s="24">
        <v>0</v>
      </c>
      <c r="BG9" s="25">
        <v>0</v>
      </c>
      <c r="BH9" s="26">
        <v>0</v>
      </c>
      <c r="BI9" s="404">
        <v>0</v>
      </c>
      <c r="BJ9" s="25">
        <v>2635</v>
      </c>
      <c r="BK9" s="25">
        <v>128030</v>
      </c>
      <c r="BL9" s="25">
        <v>580485</v>
      </c>
      <c r="BM9" s="25">
        <v>432545</v>
      </c>
      <c r="BN9" s="25">
        <v>331235</v>
      </c>
      <c r="BO9" s="28">
        <v>1474930</v>
      </c>
      <c r="BP9" s="29">
        <v>1474930</v>
      </c>
      <c r="BQ9" s="24">
        <v>0</v>
      </c>
      <c r="BR9" s="25">
        <v>8146</v>
      </c>
      <c r="BS9" s="26">
        <v>8146</v>
      </c>
      <c r="BT9" s="27">
        <v>0</v>
      </c>
      <c r="BU9" s="25">
        <v>276438</v>
      </c>
      <c r="BV9" s="25">
        <v>311530</v>
      </c>
      <c r="BW9" s="25">
        <v>1081944</v>
      </c>
      <c r="BX9" s="25">
        <v>907173</v>
      </c>
      <c r="BY9" s="25">
        <v>472456</v>
      </c>
      <c r="BZ9" s="28">
        <v>3049541</v>
      </c>
      <c r="CA9" s="29">
        <v>3057687</v>
      </c>
      <c r="CB9" s="24">
        <v>0</v>
      </c>
      <c r="CC9" s="25">
        <v>0</v>
      </c>
      <c r="CD9" s="26">
        <v>0</v>
      </c>
      <c r="CE9" s="27">
        <v>0</v>
      </c>
      <c r="CF9" s="25">
        <v>6295</v>
      </c>
      <c r="CG9" s="25">
        <v>44462</v>
      </c>
      <c r="CH9" s="25">
        <v>72300</v>
      </c>
      <c r="CI9" s="25">
        <v>43988</v>
      </c>
      <c r="CJ9" s="25">
        <v>62699</v>
      </c>
      <c r="CK9" s="28">
        <v>229744</v>
      </c>
      <c r="CL9" s="29">
        <v>229744</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0</v>
      </c>
      <c r="DJ9" s="25">
        <v>12941</v>
      </c>
      <c r="DK9" s="26">
        <v>12941</v>
      </c>
      <c r="DL9" s="27">
        <v>0</v>
      </c>
      <c r="DM9" s="25">
        <v>1650538</v>
      </c>
      <c r="DN9" s="25">
        <v>3501298</v>
      </c>
      <c r="DO9" s="25">
        <v>14235733</v>
      </c>
      <c r="DP9" s="25">
        <v>20741205</v>
      </c>
      <c r="DQ9" s="25">
        <v>12655495</v>
      </c>
      <c r="DR9" s="28">
        <v>52784269</v>
      </c>
      <c r="DS9" s="30">
        <v>52797210</v>
      </c>
      <c r="DT9" s="24">
        <v>0</v>
      </c>
      <c r="DU9" s="25">
        <v>0</v>
      </c>
      <c r="DV9" s="26">
        <v>0</v>
      </c>
      <c r="DW9" s="404">
        <v>0</v>
      </c>
      <c r="DX9" s="25">
        <v>1011796</v>
      </c>
      <c r="DY9" s="25">
        <v>2173544</v>
      </c>
      <c r="DZ9" s="25">
        <v>11303529</v>
      </c>
      <c r="EA9" s="25">
        <v>17708334</v>
      </c>
      <c r="EB9" s="25">
        <v>10805255</v>
      </c>
      <c r="EC9" s="28">
        <v>43002458</v>
      </c>
      <c r="ED9" s="29">
        <v>43002458</v>
      </c>
      <c r="EE9" s="24">
        <v>0</v>
      </c>
      <c r="EF9" s="25">
        <v>0</v>
      </c>
      <c r="EG9" s="26">
        <v>0</v>
      </c>
      <c r="EH9" s="404">
        <v>0</v>
      </c>
      <c r="EI9" s="25">
        <v>225437</v>
      </c>
      <c r="EJ9" s="25">
        <v>564288</v>
      </c>
      <c r="EK9" s="25">
        <v>712545</v>
      </c>
      <c r="EL9" s="25">
        <v>885500</v>
      </c>
      <c r="EM9" s="25">
        <v>472727</v>
      </c>
      <c r="EN9" s="28">
        <v>2860497</v>
      </c>
      <c r="EO9" s="29">
        <v>2860497</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217</v>
      </c>
      <c r="FH9" s="25">
        <v>72321</v>
      </c>
      <c r="FI9" s="25">
        <v>34868</v>
      </c>
      <c r="FJ9" s="28">
        <v>107406</v>
      </c>
      <c r="FK9" s="29">
        <v>107406</v>
      </c>
      <c r="FL9" s="24">
        <v>0</v>
      </c>
      <c r="FM9" s="25">
        <v>0</v>
      </c>
      <c r="FN9" s="26">
        <v>0</v>
      </c>
      <c r="FO9" s="404">
        <v>0</v>
      </c>
      <c r="FP9" s="25">
        <v>21576</v>
      </c>
      <c r="FQ9" s="25">
        <v>192727</v>
      </c>
      <c r="FR9" s="25">
        <v>781262</v>
      </c>
      <c r="FS9" s="25">
        <v>826832</v>
      </c>
      <c r="FT9" s="25">
        <v>641297</v>
      </c>
      <c r="FU9" s="28">
        <v>2463694</v>
      </c>
      <c r="FV9" s="29">
        <v>2463694</v>
      </c>
      <c r="FW9" s="24">
        <v>0</v>
      </c>
      <c r="FX9" s="25">
        <v>12941</v>
      </c>
      <c r="FY9" s="26">
        <v>12941</v>
      </c>
      <c r="FZ9" s="27">
        <v>0</v>
      </c>
      <c r="GA9" s="25">
        <v>388243</v>
      </c>
      <c r="GB9" s="25">
        <v>513017</v>
      </c>
      <c r="GC9" s="25">
        <v>1397794</v>
      </c>
      <c r="GD9" s="25">
        <v>1193837</v>
      </c>
      <c r="GE9" s="25">
        <v>615502</v>
      </c>
      <c r="GF9" s="28">
        <v>4108393</v>
      </c>
      <c r="GG9" s="29">
        <v>4121334</v>
      </c>
      <c r="GH9" s="24">
        <v>0</v>
      </c>
      <c r="GI9" s="25">
        <v>0</v>
      </c>
      <c r="GJ9" s="26">
        <v>0</v>
      </c>
      <c r="GK9" s="27">
        <v>0</v>
      </c>
      <c r="GL9" s="25">
        <v>3486</v>
      </c>
      <c r="GM9" s="25">
        <v>57722</v>
      </c>
      <c r="GN9" s="25">
        <v>40386</v>
      </c>
      <c r="GO9" s="25">
        <v>54381</v>
      </c>
      <c r="GP9" s="25">
        <v>85846</v>
      </c>
      <c r="GQ9" s="28">
        <v>241821</v>
      </c>
      <c r="GR9" s="29">
        <v>241821</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0</v>
      </c>
      <c r="HP9" s="25">
        <v>21087</v>
      </c>
      <c r="HQ9" s="26">
        <v>21087</v>
      </c>
      <c r="HR9" s="27">
        <v>0</v>
      </c>
      <c r="HS9" s="25">
        <v>4272956</v>
      </c>
      <c r="HT9" s="25">
        <v>8356535</v>
      </c>
      <c r="HU9" s="25">
        <v>30165397</v>
      </c>
      <c r="HV9" s="25">
        <v>43087774</v>
      </c>
      <c r="HW9" s="25">
        <v>25627673</v>
      </c>
      <c r="HX9" s="28">
        <v>111510335</v>
      </c>
      <c r="HY9" s="29">
        <v>111531422</v>
      </c>
    </row>
    <row r="10" spans="2:233" ht="21" customHeight="1" x14ac:dyDescent="0.2">
      <c r="B10" s="106" t="s">
        <v>14</v>
      </c>
      <c r="C10" s="24">
        <v>0</v>
      </c>
      <c r="D10" s="25">
        <v>2915</v>
      </c>
      <c r="E10" s="26">
        <v>2915</v>
      </c>
      <c r="F10" s="27">
        <v>0</v>
      </c>
      <c r="G10" s="25">
        <v>592824</v>
      </c>
      <c r="H10" s="25">
        <v>2036987</v>
      </c>
      <c r="I10" s="25">
        <v>8325843</v>
      </c>
      <c r="J10" s="25">
        <v>13280229</v>
      </c>
      <c r="K10" s="25">
        <v>8385876</v>
      </c>
      <c r="L10" s="28">
        <v>32621759</v>
      </c>
      <c r="M10" s="29">
        <v>32624674</v>
      </c>
      <c r="N10" s="24">
        <v>0</v>
      </c>
      <c r="O10" s="25">
        <v>0</v>
      </c>
      <c r="P10" s="26">
        <v>0</v>
      </c>
      <c r="Q10" s="404">
        <v>0</v>
      </c>
      <c r="R10" s="25">
        <v>101215</v>
      </c>
      <c r="S10" s="25">
        <v>314650</v>
      </c>
      <c r="T10" s="25">
        <v>5637064</v>
      </c>
      <c r="U10" s="25">
        <v>9519536</v>
      </c>
      <c r="V10" s="25">
        <v>6554071</v>
      </c>
      <c r="W10" s="28">
        <v>22126536</v>
      </c>
      <c r="X10" s="29">
        <v>22126536</v>
      </c>
      <c r="Y10" s="24">
        <v>0</v>
      </c>
      <c r="Z10" s="25">
        <v>0</v>
      </c>
      <c r="AA10" s="26">
        <v>0</v>
      </c>
      <c r="AB10" s="404">
        <v>0</v>
      </c>
      <c r="AC10" s="25">
        <v>412450</v>
      </c>
      <c r="AD10" s="25">
        <v>1423975</v>
      </c>
      <c r="AE10" s="25">
        <v>1913865</v>
      </c>
      <c r="AF10" s="25">
        <v>2257615</v>
      </c>
      <c r="AG10" s="25">
        <v>831731</v>
      </c>
      <c r="AH10" s="28">
        <v>6839636</v>
      </c>
      <c r="AI10" s="29">
        <v>6839636</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0</v>
      </c>
      <c r="AZ10" s="25">
        <v>0</v>
      </c>
      <c r="BA10" s="25">
        <v>7395</v>
      </c>
      <c r="BB10" s="25">
        <v>742940</v>
      </c>
      <c r="BC10" s="25">
        <v>668375</v>
      </c>
      <c r="BD10" s="28">
        <v>1418710</v>
      </c>
      <c r="BE10" s="29">
        <v>1418710</v>
      </c>
      <c r="BF10" s="24">
        <v>0</v>
      </c>
      <c r="BG10" s="25">
        <v>0</v>
      </c>
      <c r="BH10" s="26">
        <v>0</v>
      </c>
      <c r="BI10" s="404">
        <v>0</v>
      </c>
      <c r="BJ10" s="25">
        <v>0</v>
      </c>
      <c r="BK10" s="25">
        <v>0</v>
      </c>
      <c r="BL10" s="25">
        <v>65170</v>
      </c>
      <c r="BM10" s="25">
        <v>78430</v>
      </c>
      <c r="BN10" s="25">
        <v>83835</v>
      </c>
      <c r="BO10" s="28">
        <v>227435</v>
      </c>
      <c r="BP10" s="29">
        <v>227435</v>
      </c>
      <c r="BQ10" s="24">
        <v>0</v>
      </c>
      <c r="BR10" s="25">
        <v>2915</v>
      </c>
      <c r="BS10" s="26">
        <v>2915</v>
      </c>
      <c r="BT10" s="27">
        <v>0</v>
      </c>
      <c r="BU10" s="25">
        <v>79159</v>
      </c>
      <c r="BV10" s="25">
        <v>298362</v>
      </c>
      <c r="BW10" s="25">
        <v>699099</v>
      </c>
      <c r="BX10" s="25">
        <v>680778</v>
      </c>
      <c r="BY10" s="25">
        <v>245818</v>
      </c>
      <c r="BZ10" s="28">
        <v>2003216</v>
      </c>
      <c r="CA10" s="29">
        <v>2006131</v>
      </c>
      <c r="CB10" s="24">
        <v>0</v>
      </c>
      <c r="CC10" s="25">
        <v>0</v>
      </c>
      <c r="CD10" s="26">
        <v>0</v>
      </c>
      <c r="CE10" s="27">
        <v>0</v>
      </c>
      <c r="CF10" s="25">
        <v>0</v>
      </c>
      <c r="CG10" s="25">
        <v>0</v>
      </c>
      <c r="CH10" s="25">
        <v>3250</v>
      </c>
      <c r="CI10" s="25">
        <v>930</v>
      </c>
      <c r="CJ10" s="25">
        <v>2046</v>
      </c>
      <c r="CK10" s="28">
        <v>6226</v>
      </c>
      <c r="CL10" s="29">
        <v>6226</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5349</v>
      </c>
      <c r="DK10" s="26">
        <v>5349</v>
      </c>
      <c r="DL10" s="27">
        <v>0</v>
      </c>
      <c r="DM10" s="25">
        <v>359828</v>
      </c>
      <c r="DN10" s="25">
        <v>1394185</v>
      </c>
      <c r="DO10" s="25">
        <v>9944124</v>
      </c>
      <c r="DP10" s="25">
        <v>13827536</v>
      </c>
      <c r="DQ10" s="25">
        <v>8206314</v>
      </c>
      <c r="DR10" s="28">
        <v>33731987</v>
      </c>
      <c r="DS10" s="30">
        <v>33737336</v>
      </c>
      <c r="DT10" s="24">
        <v>0</v>
      </c>
      <c r="DU10" s="25">
        <v>0</v>
      </c>
      <c r="DV10" s="26">
        <v>0</v>
      </c>
      <c r="DW10" s="404">
        <v>0</v>
      </c>
      <c r="DX10" s="25">
        <v>94798</v>
      </c>
      <c r="DY10" s="25">
        <v>588343</v>
      </c>
      <c r="DZ10" s="25">
        <v>8511837</v>
      </c>
      <c r="EA10" s="25">
        <v>12189164</v>
      </c>
      <c r="EB10" s="25">
        <v>7323737</v>
      </c>
      <c r="EC10" s="28">
        <v>28707879</v>
      </c>
      <c r="ED10" s="29">
        <v>28707879</v>
      </c>
      <c r="EE10" s="24">
        <v>0</v>
      </c>
      <c r="EF10" s="25">
        <v>0</v>
      </c>
      <c r="EG10" s="26">
        <v>0</v>
      </c>
      <c r="EH10" s="404">
        <v>0</v>
      </c>
      <c r="EI10" s="25">
        <v>102061</v>
      </c>
      <c r="EJ10" s="25">
        <v>288052</v>
      </c>
      <c r="EK10" s="25">
        <v>237949</v>
      </c>
      <c r="EL10" s="25">
        <v>304738</v>
      </c>
      <c r="EM10" s="25">
        <v>133385</v>
      </c>
      <c r="EN10" s="28">
        <v>1066185</v>
      </c>
      <c r="EO10" s="29">
        <v>1066185</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0</v>
      </c>
      <c r="FF10" s="25">
        <v>0</v>
      </c>
      <c r="FG10" s="25">
        <v>434</v>
      </c>
      <c r="FH10" s="25">
        <v>110062</v>
      </c>
      <c r="FI10" s="25">
        <v>151979</v>
      </c>
      <c r="FJ10" s="28">
        <v>262475</v>
      </c>
      <c r="FK10" s="29">
        <v>262475</v>
      </c>
      <c r="FL10" s="24">
        <v>0</v>
      </c>
      <c r="FM10" s="25">
        <v>0</v>
      </c>
      <c r="FN10" s="26">
        <v>0</v>
      </c>
      <c r="FO10" s="404">
        <v>0</v>
      </c>
      <c r="FP10" s="25">
        <v>0</v>
      </c>
      <c r="FQ10" s="25">
        <v>0</v>
      </c>
      <c r="FR10" s="25">
        <v>123070</v>
      </c>
      <c r="FS10" s="25">
        <v>196137</v>
      </c>
      <c r="FT10" s="25">
        <v>100798</v>
      </c>
      <c r="FU10" s="28">
        <v>420005</v>
      </c>
      <c r="FV10" s="29">
        <v>420005</v>
      </c>
      <c r="FW10" s="24">
        <v>0</v>
      </c>
      <c r="FX10" s="25">
        <v>5349</v>
      </c>
      <c r="FY10" s="26">
        <v>5349</v>
      </c>
      <c r="FZ10" s="27">
        <v>0</v>
      </c>
      <c r="GA10" s="25">
        <v>162969</v>
      </c>
      <c r="GB10" s="25">
        <v>517790</v>
      </c>
      <c r="GC10" s="25">
        <v>1064334</v>
      </c>
      <c r="GD10" s="25">
        <v>1027372</v>
      </c>
      <c r="GE10" s="25">
        <v>496317</v>
      </c>
      <c r="GF10" s="28">
        <v>3268782</v>
      </c>
      <c r="GG10" s="29">
        <v>3274131</v>
      </c>
      <c r="GH10" s="24">
        <v>0</v>
      </c>
      <c r="GI10" s="25">
        <v>0</v>
      </c>
      <c r="GJ10" s="26">
        <v>0</v>
      </c>
      <c r="GK10" s="27">
        <v>0</v>
      </c>
      <c r="GL10" s="25">
        <v>0</v>
      </c>
      <c r="GM10" s="25">
        <v>0</v>
      </c>
      <c r="GN10" s="25">
        <v>6500</v>
      </c>
      <c r="GO10" s="25">
        <v>63</v>
      </c>
      <c r="GP10" s="25">
        <v>98</v>
      </c>
      <c r="GQ10" s="28">
        <v>6661</v>
      </c>
      <c r="GR10" s="29">
        <v>6661</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8264</v>
      </c>
      <c r="HQ10" s="26">
        <v>8264</v>
      </c>
      <c r="HR10" s="27">
        <v>0</v>
      </c>
      <c r="HS10" s="25">
        <v>952652</v>
      </c>
      <c r="HT10" s="25">
        <v>3431172</v>
      </c>
      <c r="HU10" s="25">
        <v>18269967</v>
      </c>
      <c r="HV10" s="25">
        <v>27107765</v>
      </c>
      <c r="HW10" s="25">
        <v>16592190</v>
      </c>
      <c r="HX10" s="28">
        <v>66353746</v>
      </c>
      <c r="HY10" s="29">
        <v>66362010</v>
      </c>
    </row>
    <row r="11" spans="2:233" ht="21" customHeight="1" x14ac:dyDescent="0.2">
      <c r="B11" s="106" t="s">
        <v>7</v>
      </c>
      <c r="C11" s="24">
        <v>0</v>
      </c>
      <c r="D11" s="25">
        <v>4485</v>
      </c>
      <c r="E11" s="26">
        <v>4485</v>
      </c>
      <c r="F11" s="27">
        <v>0</v>
      </c>
      <c r="G11" s="25">
        <v>1775807</v>
      </c>
      <c r="H11" s="25">
        <v>2155038</v>
      </c>
      <c r="I11" s="25">
        <v>7536324</v>
      </c>
      <c r="J11" s="25">
        <v>9891678</v>
      </c>
      <c r="K11" s="25">
        <v>4332182</v>
      </c>
      <c r="L11" s="28">
        <v>25691029</v>
      </c>
      <c r="M11" s="29">
        <v>25695514</v>
      </c>
      <c r="N11" s="24">
        <v>0</v>
      </c>
      <c r="O11" s="25">
        <v>0</v>
      </c>
      <c r="P11" s="26">
        <v>0</v>
      </c>
      <c r="Q11" s="404">
        <v>0</v>
      </c>
      <c r="R11" s="25">
        <v>239855</v>
      </c>
      <c r="S11" s="25">
        <v>480135</v>
      </c>
      <c r="T11" s="25">
        <v>5464865</v>
      </c>
      <c r="U11" s="25">
        <v>7549915</v>
      </c>
      <c r="V11" s="25">
        <v>3765200</v>
      </c>
      <c r="W11" s="28">
        <v>17499970</v>
      </c>
      <c r="X11" s="29">
        <v>17499970</v>
      </c>
      <c r="Y11" s="24">
        <v>0</v>
      </c>
      <c r="Z11" s="25">
        <v>0</v>
      </c>
      <c r="AA11" s="26">
        <v>0</v>
      </c>
      <c r="AB11" s="404">
        <v>0</v>
      </c>
      <c r="AC11" s="25">
        <v>1369180</v>
      </c>
      <c r="AD11" s="25">
        <v>1480895</v>
      </c>
      <c r="AE11" s="25">
        <v>1709779</v>
      </c>
      <c r="AF11" s="25">
        <v>1726268</v>
      </c>
      <c r="AG11" s="25">
        <v>452667</v>
      </c>
      <c r="AH11" s="28">
        <v>6738789</v>
      </c>
      <c r="AI11" s="29">
        <v>6738789</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2705</v>
      </c>
      <c r="BC11" s="25">
        <v>38130</v>
      </c>
      <c r="BD11" s="28">
        <v>70835</v>
      </c>
      <c r="BE11" s="29">
        <v>70835</v>
      </c>
      <c r="BF11" s="24">
        <v>0</v>
      </c>
      <c r="BG11" s="25">
        <v>0</v>
      </c>
      <c r="BH11" s="26">
        <v>0</v>
      </c>
      <c r="BI11" s="404">
        <v>0</v>
      </c>
      <c r="BJ11" s="25">
        <v>0</v>
      </c>
      <c r="BK11" s="25">
        <v>0</v>
      </c>
      <c r="BL11" s="25">
        <v>0</v>
      </c>
      <c r="BM11" s="25">
        <v>0</v>
      </c>
      <c r="BN11" s="25">
        <v>0</v>
      </c>
      <c r="BO11" s="28">
        <v>0</v>
      </c>
      <c r="BP11" s="29">
        <v>0</v>
      </c>
      <c r="BQ11" s="24">
        <v>0</v>
      </c>
      <c r="BR11" s="25">
        <v>4485</v>
      </c>
      <c r="BS11" s="26">
        <v>4485</v>
      </c>
      <c r="BT11" s="27">
        <v>0</v>
      </c>
      <c r="BU11" s="25">
        <v>166772</v>
      </c>
      <c r="BV11" s="25">
        <v>165817</v>
      </c>
      <c r="BW11" s="25">
        <v>357475</v>
      </c>
      <c r="BX11" s="25">
        <v>573280</v>
      </c>
      <c r="BY11" s="25">
        <v>64575</v>
      </c>
      <c r="BZ11" s="28">
        <v>1327919</v>
      </c>
      <c r="CA11" s="29">
        <v>1332404</v>
      </c>
      <c r="CB11" s="24">
        <v>0</v>
      </c>
      <c r="CC11" s="25">
        <v>0</v>
      </c>
      <c r="CD11" s="26">
        <v>0</v>
      </c>
      <c r="CE11" s="27">
        <v>0</v>
      </c>
      <c r="CF11" s="25">
        <v>0</v>
      </c>
      <c r="CG11" s="25">
        <v>28191</v>
      </c>
      <c r="CH11" s="25">
        <v>4205</v>
      </c>
      <c r="CI11" s="25">
        <v>9510</v>
      </c>
      <c r="CJ11" s="25">
        <v>11610</v>
      </c>
      <c r="CK11" s="28">
        <v>53516</v>
      </c>
      <c r="CL11" s="29">
        <v>53516</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8288</v>
      </c>
      <c r="DK11" s="26">
        <v>8288</v>
      </c>
      <c r="DL11" s="27">
        <v>0</v>
      </c>
      <c r="DM11" s="25">
        <v>715014</v>
      </c>
      <c r="DN11" s="25">
        <v>969195</v>
      </c>
      <c r="DO11" s="25">
        <v>7850239</v>
      </c>
      <c r="DP11" s="25">
        <v>9724445</v>
      </c>
      <c r="DQ11" s="25">
        <v>4991319</v>
      </c>
      <c r="DR11" s="28">
        <v>24250212</v>
      </c>
      <c r="DS11" s="30">
        <v>24258500</v>
      </c>
      <c r="DT11" s="24">
        <v>0</v>
      </c>
      <c r="DU11" s="25">
        <v>0</v>
      </c>
      <c r="DV11" s="26">
        <v>0</v>
      </c>
      <c r="DW11" s="404">
        <v>0</v>
      </c>
      <c r="DX11" s="25">
        <v>271374</v>
      </c>
      <c r="DY11" s="25">
        <v>522488</v>
      </c>
      <c r="DZ11" s="25">
        <v>6782449</v>
      </c>
      <c r="EA11" s="25">
        <v>8800194</v>
      </c>
      <c r="EB11" s="25">
        <v>4817005</v>
      </c>
      <c r="EC11" s="28">
        <v>21193510</v>
      </c>
      <c r="ED11" s="29">
        <v>21193510</v>
      </c>
      <c r="EE11" s="24">
        <v>0</v>
      </c>
      <c r="EF11" s="25">
        <v>0</v>
      </c>
      <c r="EG11" s="26">
        <v>0</v>
      </c>
      <c r="EH11" s="404">
        <v>0</v>
      </c>
      <c r="EI11" s="25">
        <v>181978</v>
      </c>
      <c r="EJ11" s="25">
        <v>168676</v>
      </c>
      <c r="EK11" s="25">
        <v>398139</v>
      </c>
      <c r="EL11" s="25">
        <v>272303</v>
      </c>
      <c r="EM11" s="25">
        <v>67431</v>
      </c>
      <c r="EN11" s="28">
        <v>1088527</v>
      </c>
      <c r="EO11" s="29">
        <v>1088527</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217</v>
      </c>
      <c r="FI11" s="25">
        <v>11904</v>
      </c>
      <c r="FJ11" s="28">
        <v>12121</v>
      </c>
      <c r="FK11" s="29">
        <v>12121</v>
      </c>
      <c r="FL11" s="24">
        <v>0</v>
      </c>
      <c r="FM11" s="25">
        <v>0</v>
      </c>
      <c r="FN11" s="26">
        <v>0</v>
      </c>
      <c r="FO11" s="404">
        <v>0</v>
      </c>
      <c r="FP11" s="25">
        <v>0</v>
      </c>
      <c r="FQ11" s="25">
        <v>0</v>
      </c>
      <c r="FR11" s="25">
        <v>0</v>
      </c>
      <c r="FS11" s="25">
        <v>0</v>
      </c>
      <c r="FT11" s="25">
        <v>0</v>
      </c>
      <c r="FU11" s="28">
        <v>0</v>
      </c>
      <c r="FV11" s="29">
        <v>0</v>
      </c>
      <c r="FW11" s="24">
        <v>0</v>
      </c>
      <c r="FX11" s="25">
        <v>8288</v>
      </c>
      <c r="FY11" s="26">
        <v>8288</v>
      </c>
      <c r="FZ11" s="27">
        <v>0</v>
      </c>
      <c r="GA11" s="25">
        <v>261662</v>
      </c>
      <c r="GB11" s="25">
        <v>258252</v>
      </c>
      <c r="GC11" s="25">
        <v>663116</v>
      </c>
      <c r="GD11" s="25">
        <v>651479</v>
      </c>
      <c r="GE11" s="25">
        <v>94881</v>
      </c>
      <c r="GF11" s="28">
        <v>1929390</v>
      </c>
      <c r="GG11" s="29">
        <v>1937678</v>
      </c>
      <c r="GH11" s="24">
        <v>0</v>
      </c>
      <c r="GI11" s="25">
        <v>0</v>
      </c>
      <c r="GJ11" s="26">
        <v>0</v>
      </c>
      <c r="GK11" s="27">
        <v>0</v>
      </c>
      <c r="GL11" s="25">
        <v>0</v>
      </c>
      <c r="GM11" s="25">
        <v>19779</v>
      </c>
      <c r="GN11" s="25">
        <v>6535</v>
      </c>
      <c r="GO11" s="25">
        <v>252</v>
      </c>
      <c r="GP11" s="25">
        <v>98</v>
      </c>
      <c r="GQ11" s="28">
        <v>26664</v>
      </c>
      <c r="GR11" s="29">
        <v>26664</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12773</v>
      </c>
      <c r="HQ11" s="26">
        <v>12773</v>
      </c>
      <c r="HR11" s="27">
        <v>0</v>
      </c>
      <c r="HS11" s="25">
        <v>2490821</v>
      </c>
      <c r="HT11" s="25">
        <v>3124233</v>
      </c>
      <c r="HU11" s="25">
        <v>15386563</v>
      </c>
      <c r="HV11" s="25">
        <v>19616123</v>
      </c>
      <c r="HW11" s="25">
        <v>9323501</v>
      </c>
      <c r="HX11" s="28">
        <v>49941241</v>
      </c>
      <c r="HY11" s="29">
        <v>49954014</v>
      </c>
    </row>
    <row r="12" spans="2:233" ht="21" customHeight="1" x14ac:dyDescent="0.2">
      <c r="B12" s="106" t="s">
        <v>8</v>
      </c>
      <c r="C12" s="24">
        <v>0</v>
      </c>
      <c r="D12" s="25">
        <v>580</v>
      </c>
      <c r="E12" s="26">
        <v>580</v>
      </c>
      <c r="F12" s="27">
        <v>0</v>
      </c>
      <c r="G12" s="25">
        <v>604789</v>
      </c>
      <c r="H12" s="25">
        <v>1195038</v>
      </c>
      <c r="I12" s="25">
        <v>4670549</v>
      </c>
      <c r="J12" s="25">
        <v>4980176</v>
      </c>
      <c r="K12" s="25">
        <v>2687638</v>
      </c>
      <c r="L12" s="28">
        <v>14138190</v>
      </c>
      <c r="M12" s="29">
        <v>14138770</v>
      </c>
      <c r="N12" s="24">
        <v>0</v>
      </c>
      <c r="O12" s="25">
        <v>0</v>
      </c>
      <c r="P12" s="26">
        <v>0</v>
      </c>
      <c r="Q12" s="404">
        <v>0</v>
      </c>
      <c r="R12" s="25">
        <v>178560</v>
      </c>
      <c r="S12" s="25">
        <v>393010</v>
      </c>
      <c r="T12" s="25">
        <v>3254433</v>
      </c>
      <c r="U12" s="25">
        <v>3435502</v>
      </c>
      <c r="V12" s="25">
        <v>1984190</v>
      </c>
      <c r="W12" s="28">
        <v>9245695</v>
      </c>
      <c r="X12" s="29">
        <v>9245695</v>
      </c>
      <c r="Y12" s="24">
        <v>0</v>
      </c>
      <c r="Z12" s="25">
        <v>0</v>
      </c>
      <c r="AA12" s="26">
        <v>0</v>
      </c>
      <c r="AB12" s="404">
        <v>0</v>
      </c>
      <c r="AC12" s="25">
        <v>270390</v>
      </c>
      <c r="AD12" s="25">
        <v>661745</v>
      </c>
      <c r="AE12" s="25">
        <v>780780</v>
      </c>
      <c r="AF12" s="25">
        <v>933484</v>
      </c>
      <c r="AG12" s="25">
        <v>485697</v>
      </c>
      <c r="AH12" s="28">
        <v>3132096</v>
      </c>
      <c r="AI12" s="29">
        <v>3132096</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2705</v>
      </c>
      <c r="BB12" s="25">
        <v>0</v>
      </c>
      <c r="BC12" s="25">
        <v>40765</v>
      </c>
      <c r="BD12" s="28">
        <v>73470</v>
      </c>
      <c r="BE12" s="29">
        <v>73470</v>
      </c>
      <c r="BF12" s="24">
        <v>0</v>
      </c>
      <c r="BG12" s="25">
        <v>0</v>
      </c>
      <c r="BH12" s="26">
        <v>0</v>
      </c>
      <c r="BI12" s="404">
        <v>0</v>
      </c>
      <c r="BJ12" s="25">
        <v>0</v>
      </c>
      <c r="BK12" s="25">
        <v>5185</v>
      </c>
      <c r="BL12" s="25">
        <v>102430</v>
      </c>
      <c r="BM12" s="25">
        <v>325560</v>
      </c>
      <c r="BN12" s="25">
        <v>54095</v>
      </c>
      <c r="BO12" s="28">
        <v>487270</v>
      </c>
      <c r="BP12" s="29">
        <v>487270</v>
      </c>
      <c r="BQ12" s="24">
        <v>0</v>
      </c>
      <c r="BR12" s="25">
        <v>580</v>
      </c>
      <c r="BS12" s="26">
        <v>580</v>
      </c>
      <c r="BT12" s="27">
        <v>0</v>
      </c>
      <c r="BU12" s="25">
        <v>155839</v>
      </c>
      <c r="BV12" s="25">
        <v>106988</v>
      </c>
      <c r="BW12" s="25">
        <v>500201</v>
      </c>
      <c r="BX12" s="25">
        <v>285630</v>
      </c>
      <c r="BY12" s="25">
        <v>121910</v>
      </c>
      <c r="BZ12" s="28">
        <v>1170568</v>
      </c>
      <c r="CA12" s="29">
        <v>1171148</v>
      </c>
      <c r="CB12" s="24">
        <v>0</v>
      </c>
      <c r="CC12" s="25">
        <v>0</v>
      </c>
      <c r="CD12" s="26">
        <v>0</v>
      </c>
      <c r="CE12" s="27">
        <v>0</v>
      </c>
      <c r="CF12" s="25">
        <v>0</v>
      </c>
      <c r="CG12" s="25">
        <v>28110</v>
      </c>
      <c r="CH12" s="25">
        <v>0</v>
      </c>
      <c r="CI12" s="25">
        <v>0</v>
      </c>
      <c r="CJ12" s="25">
        <v>981</v>
      </c>
      <c r="CK12" s="28">
        <v>29091</v>
      </c>
      <c r="CL12" s="29">
        <v>29091</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0</v>
      </c>
      <c r="DJ12" s="25">
        <v>5568</v>
      </c>
      <c r="DK12" s="26">
        <v>5568</v>
      </c>
      <c r="DL12" s="27">
        <v>0</v>
      </c>
      <c r="DM12" s="25">
        <v>539689</v>
      </c>
      <c r="DN12" s="25">
        <v>1075490</v>
      </c>
      <c r="DO12" s="25">
        <v>5915064</v>
      </c>
      <c r="DP12" s="25">
        <v>5980620</v>
      </c>
      <c r="DQ12" s="25">
        <v>3165468</v>
      </c>
      <c r="DR12" s="28">
        <v>16676331</v>
      </c>
      <c r="DS12" s="30">
        <v>16681899</v>
      </c>
      <c r="DT12" s="24">
        <v>0</v>
      </c>
      <c r="DU12" s="25">
        <v>0</v>
      </c>
      <c r="DV12" s="26">
        <v>0</v>
      </c>
      <c r="DW12" s="404">
        <v>0</v>
      </c>
      <c r="DX12" s="25">
        <v>259098</v>
      </c>
      <c r="DY12" s="25">
        <v>768919</v>
      </c>
      <c r="DZ12" s="25">
        <v>4905387</v>
      </c>
      <c r="EA12" s="25">
        <v>4739831</v>
      </c>
      <c r="EB12" s="25">
        <v>2787799</v>
      </c>
      <c r="EC12" s="28">
        <v>13461034</v>
      </c>
      <c r="ED12" s="29">
        <v>13461034</v>
      </c>
      <c r="EE12" s="24">
        <v>0</v>
      </c>
      <c r="EF12" s="25">
        <v>0</v>
      </c>
      <c r="EG12" s="26">
        <v>0</v>
      </c>
      <c r="EH12" s="404">
        <v>0</v>
      </c>
      <c r="EI12" s="25">
        <v>46384</v>
      </c>
      <c r="EJ12" s="25">
        <v>63673</v>
      </c>
      <c r="EK12" s="25">
        <v>113925</v>
      </c>
      <c r="EL12" s="25">
        <v>105263</v>
      </c>
      <c r="EM12" s="25">
        <v>44205</v>
      </c>
      <c r="EN12" s="28">
        <v>373450</v>
      </c>
      <c r="EO12" s="29">
        <v>373450</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7</v>
      </c>
      <c r="FH12" s="25">
        <v>0</v>
      </c>
      <c r="FI12" s="25">
        <v>12121</v>
      </c>
      <c r="FJ12" s="28">
        <v>12338</v>
      </c>
      <c r="FK12" s="29">
        <v>12338</v>
      </c>
      <c r="FL12" s="24">
        <v>0</v>
      </c>
      <c r="FM12" s="25">
        <v>0</v>
      </c>
      <c r="FN12" s="26">
        <v>0</v>
      </c>
      <c r="FO12" s="404">
        <v>0</v>
      </c>
      <c r="FP12" s="25">
        <v>0</v>
      </c>
      <c r="FQ12" s="25">
        <v>42456</v>
      </c>
      <c r="FR12" s="25">
        <v>208066</v>
      </c>
      <c r="FS12" s="25">
        <v>493718</v>
      </c>
      <c r="FT12" s="25">
        <v>91310</v>
      </c>
      <c r="FU12" s="28">
        <v>835550</v>
      </c>
      <c r="FV12" s="29">
        <v>835550</v>
      </c>
      <c r="FW12" s="24">
        <v>0</v>
      </c>
      <c r="FX12" s="25">
        <v>5568</v>
      </c>
      <c r="FY12" s="26">
        <v>5568</v>
      </c>
      <c r="FZ12" s="27">
        <v>0</v>
      </c>
      <c r="GA12" s="25">
        <v>234207</v>
      </c>
      <c r="GB12" s="25">
        <v>200183</v>
      </c>
      <c r="GC12" s="25">
        <v>687469</v>
      </c>
      <c r="GD12" s="25">
        <v>641808</v>
      </c>
      <c r="GE12" s="25">
        <v>230018</v>
      </c>
      <c r="GF12" s="28">
        <v>1993685</v>
      </c>
      <c r="GG12" s="29">
        <v>1999253</v>
      </c>
      <c r="GH12" s="24">
        <v>0</v>
      </c>
      <c r="GI12" s="25">
        <v>0</v>
      </c>
      <c r="GJ12" s="26">
        <v>0</v>
      </c>
      <c r="GK12" s="27">
        <v>0</v>
      </c>
      <c r="GL12" s="25">
        <v>0</v>
      </c>
      <c r="GM12" s="25">
        <v>259</v>
      </c>
      <c r="GN12" s="25">
        <v>0</v>
      </c>
      <c r="GO12" s="25">
        <v>0</v>
      </c>
      <c r="GP12" s="25">
        <v>15</v>
      </c>
      <c r="GQ12" s="28">
        <v>274</v>
      </c>
      <c r="GR12" s="29">
        <v>274</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0</v>
      </c>
      <c r="HP12" s="25">
        <v>6148</v>
      </c>
      <c r="HQ12" s="26">
        <v>6148</v>
      </c>
      <c r="HR12" s="27">
        <v>0</v>
      </c>
      <c r="HS12" s="25">
        <v>1144478</v>
      </c>
      <c r="HT12" s="25">
        <v>2270528</v>
      </c>
      <c r="HU12" s="25">
        <v>10585613</v>
      </c>
      <c r="HV12" s="25">
        <v>10960796</v>
      </c>
      <c r="HW12" s="25">
        <v>5853106</v>
      </c>
      <c r="HX12" s="28">
        <v>30814521</v>
      </c>
      <c r="HY12" s="29">
        <v>30820669</v>
      </c>
    </row>
    <row r="13" spans="2:233" ht="21" customHeight="1" x14ac:dyDescent="0.2">
      <c r="B13" s="106" t="s">
        <v>9</v>
      </c>
      <c r="C13" s="24">
        <v>0</v>
      </c>
      <c r="D13" s="25">
        <v>0</v>
      </c>
      <c r="E13" s="26">
        <v>0</v>
      </c>
      <c r="F13" s="27">
        <v>0</v>
      </c>
      <c r="G13" s="25">
        <v>205887</v>
      </c>
      <c r="H13" s="25">
        <v>283062</v>
      </c>
      <c r="I13" s="25">
        <v>1948616</v>
      </c>
      <c r="J13" s="25">
        <v>1935551</v>
      </c>
      <c r="K13" s="25">
        <v>1665634</v>
      </c>
      <c r="L13" s="28">
        <v>6038750</v>
      </c>
      <c r="M13" s="29">
        <v>6038750</v>
      </c>
      <c r="N13" s="24">
        <v>0</v>
      </c>
      <c r="O13" s="25">
        <v>0</v>
      </c>
      <c r="P13" s="26">
        <v>0</v>
      </c>
      <c r="Q13" s="404">
        <v>0</v>
      </c>
      <c r="R13" s="25">
        <v>32330</v>
      </c>
      <c r="S13" s="25">
        <v>37890</v>
      </c>
      <c r="T13" s="25">
        <v>1409379</v>
      </c>
      <c r="U13" s="25">
        <v>1513975</v>
      </c>
      <c r="V13" s="25">
        <v>1225929</v>
      </c>
      <c r="W13" s="28">
        <v>4219503</v>
      </c>
      <c r="X13" s="29">
        <v>4219503</v>
      </c>
      <c r="Y13" s="24">
        <v>0</v>
      </c>
      <c r="Z13" s="25">
        <v>0</v>
      </c>
      <c r="AA13" s="26">
        <v>0</v>
      </c>
      <c r="AB13" s="404">
        <v>0</v>
      </c>
      <c r="AC13" s="25">
        <v>139647</v>
      </c>
      <c r="AD13" s="25">
        <v>111220</v>
      </c>
      <c r="AE13" s="25">
        <v>413440</v>
      </c>
      <c r="AF13" s="25">
        <v>339298</v>
      </c>
      <c r="AG13" s="25">
        <v>313930</v>
      </c>
      <c r="AH13" s="28">
        <v>1317535</v>
      </c>
      <c r="AI13" s="29">
        <v>1317535</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905</v>
      </c>
      <c r="BD13" s="28">
        <v>7905</v>
      </c>
      <c r="BE13" s="29">
        <v>7905</v>
      </c>
      <c r="BF13" s="24">
        <v>0</v>
      </c>
      <c r="BG13" s="25">
        <v>0</v>
      </c>
      <c r="BH13" s="26">
        <v>0</v>
      </c>
      <c r="BI13" s="404">
        <v>0</v>
      </c>
      <c r="BJ13" s="25">
        <v>0</v>
      </c>
      <c r="BK13" s="25">
        <v>0</v>
      </c>
      <c r="BL13" s="25">
        <v>0</v>
      </c>
      <c r="BM13" s="25">
        <v>0</v>
      </c>
      <c r="BN13" s="25">
        <v>24645</v>
      </c>
      <c r="BO13" s="28">
        <v>24645</v>
      </c>
      <c r="BP13" s="29">
        <v>24645</v>
      </c>
      <c r="BQ13" s="24">
        <v>0</v>
      </c>
      <c r="BR13" s="25">
        <v>0</v>
      </c>
      <c r="BS13" s="26">
        <v>0</v>
      </c>
      <c r="BT13" s="27">
        <v>0</v>
      </c>
      <c r="BU13" s="25">
        <v>32035</v>
      </c>
      <c r="BV13" s="25">
        <v>129832</v>
      </c>
      <c r="BW13" s="25">
        <v>120059</v>
      </c>
      <c r="BX13" s="25">
        <v>75573</v>
      </c>
      <c r="BY13" s="25">
        <v>87631</v>
      </c>
      <c r="BZ13" s="28">
        <v>445130</v>
      </c>
      <c r="CA13" s="29">
        <v>445130</v>
      </c>
      <c r="CB13" s="24">
        <v>0</v>
      </c>
      <c r="CC13" s="25">
        <v>0</v>
      </c>
      <c r="CD13" s="26">
        <v>0</v>
      </c>
      <c r="CE13" s="27">
        <v>0</v>
      </c>
      <c r="CF13" s="25">
        <v>1875</v>
      </c>
      <c r="CG13" s="25">
        <v>4120</v>
      </c>
      <c r="CH13" s="25">
        <v>5738</v>
      </c>
      <c r="CI13" s="25">
        <v>6705</v>
      </c>
      <c r="CJ13" s="25">
        <v>5594</v>
      </c>
      <c r="CK13" s="28">
        <v>24032</v>
      </c>
      <c r="CL13" s="29">
        <v>24032</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89459</v>
      </c>
      <c r="DN13" s="25">
        <v>292573</v>
      </c>
      <c r="DO13" s="25">
        <v>2510905</v>
      </c>
      <c r="DP13" s="25">
        <v>2320095</v>
      </c>
      <c r="DQ13" s="25">
        <v>2052333</v>
      </c>
      <c r="DR13" s="28">
        <v>7265365</v>
      </c>
      <c r="DS13" s="30">
        <v>7265365</v>
      </c>
      <c r="DT13" s="24">
        <v>0</v>
      </c>
      <c r="DU13" s="25">
        <v>0</v>
      </c>
      <c r="DV13" s="26">
        <v>0</v>
      </c>
      <c r="DW13" s="404">
        <v>0</v>
      </c>
      <c r="DX13" s="25">
        <v>36766</v>
      </c>
      <c r="DY13" s="25">
        <v>73377</v>
      </c>
      <c r="DZ13" s="25">
        <v>2230330</v>
      </c>
      <c r="EA13" s="25">
        <v>2127498</v>
      </c>
      <c r="EB13" s="25">
        <v>1794164</v>
      </c>
      <c r="EC13" s="28">
        <v>6262135</v>
      </c>
      <c r="ED13" s="29">
        <v>6262135</v>
      </c>
      <c r="EE13" s="24">
        <v>0</v>
      </c>
      <c r="EF13" s="25">
        <v>0</v>
      </c>
      <c r="EG13" s="26">
        <v>0</v>
      </c>
      <c r="EH13" s="404">
        <v>0</v>
      </c>
      <c r="EI13" s="25">
        <v>93</v>
      </c>
      <c r="EJ13" s="25">
        <v>35664</v>
      </c>
      <c r="EK13" s="25">
        <v>51397</v>
      </c>
      <c r="EL13" s="25">
        <v>28949</v>
      </c>
      <c r="EM13" s="25">
        <v>92190</v>
      </c>
      <c r="EN13" s="28">
        <v>208293</v>
      </c>
      <c r="EO13" s="29">
        <v>208293</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51</v>
      </c>
      <c r="FJ13" s="28">
        <v>651</v>
      </c>
      <c r="FK13" s="29">
        <v>651</v>
      </c>
      <c r="FL13" s="24">
        <v>0</v>
      </c>
      <c r="FM13" s="25">
        <v>0</v>
      </c>
      <c r="FN13" s="26">
        <v>0</v>
      </c>
      <c r="FO13" s="404">
        <v>0</v>
      </c>
      <c r="FP13" s="25">
        <v>0</v>
      </c>
      <c r="FQ13" s="25">
        <v>0</v>
      </c>
      <c r="FR13" s="25">
        <v>0</v>
      </c>
      <c r="FS13" s="25">
        <v>0</v>
      </c>
      <c r="FT13" s="25">
        <v>21576</v>
      </c>
      <c r="FU13" s="28">
        <v>21576</v>
      </c>
      <c r="FV13" s="29">
        <v>21576</v>
      </c>
      <c r="FW13" s="24">
        <v>0</v>
      </c>
      <c r="FX13" s="25">
        <v>0</v>
      </c>
      <c r="FY13" s="26">
        <v>0</v>
      </c>
      <c r="FZ13" s="27">
        <v>0</v>
      </c>
      <c r="GA13" s="25">
        <v>50094</v>
      </c>
      <c r="GB13" s="25">
        <v>183420</v>
      </c>
      <c r="GC13" s="25">
        <v>219800</v>
      </c>
      <c r="GD13" s="25">
        <v>163585</v>
      </c>
      <c r="GE13" s="25">
        <v>143535</v>
      </c>
      <c r="GF13" s="28">
        <v>760434</v>
      </c>
      <c r="GG13" s="29">
        <v>760434</v>
      </c>
      <c r="GH13" s="24">
        <v>0</v>
      </c>
      <c r="GI13" s="25">
        <v>0</v>
      </c>
      <c r="GJ13" s="26">
        <v>0</v>
      </c>
      <c r="GK13" s="27">
        <v>0</v>
      </c>
      <c r="GL13" s="25">
        <v>2506</v>
      </c>
      <c r="GM13" s="25">
        <v>112</v>
      </c>
      <c r="GN13" s="25">
        <v>9378</v>
      </c>
      <c r="GO13" s="25">
        <v>63</v>
      </c>
      <c r="GP13" s="25">
        <v>217</v>
      </c>
      <c r="GQ13" s="28">
        <v>12276</v>
      </c>
      <c r="GR13" s="29">
        <v>12276</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295346</v>
      </c>
      <c r="HT13" s="25">
        <v>575635</v>
      </c>
      <c r="HU13" s="25">
        <v>4459521</v>
      </c>
      <c r="HV13" s="25">
        <v>4255646</v>
      </c>
      <c r="HW13" s="25">
        <v>3717967</v>
      </c>
      <c r="HX13" s="28">
        <v>13304115</v>
      </c>
      <c r="HY13" s="29">
        <v>13304115</v>
      </c>
    </row>
    <row r="14" spans="2:233" ht="21" customHeight="1" x14ac:dyDescent="0.2">
      <c r="B14" s="106" t="s">
        <v>10</v>
      </c>
      <c r="C14" s="24">
        <v>0</v>
      </c>
      <c r="D14" s="25">
        <v>13700</v>
      </c>
      <c r="E14" s="26">
        <v>13700</v>
      </c>
      <c r="F14" s="27">
        <v>0</v>
      </c>
      <c r="G14" s="25">
        <v>677955</v>
      </c>
      <c r="H14" s="25">
        <v>1170138</v>
      </c>
      <c r="I14" s="25">
        <v>2955261</v>
      </c>
      <c r="J14" s="25">
        <v>4827850</v>
      </c>
      <c r="K14" s="25">
        <v>3881230</v>
      </c>
      <c r="L14" s="28">
        <v>13512434</v>
      </c>
      <c r="M14" s="29">
        <v>13526134</v>
      </c>
      <c r="N14" s="24">
        <v>0</v>
      </c>
      <c r="O14" s="25">
        <v>0</v>
      </c>
      <c r="P14" s="26">
        <v>0</v>
      </c>
      <c r="Q14" s="404">
        <v>0</v>
      </c>
      <c r="R14" s="25">
        <v>81375</v>
      </c>
      <c r="S14" s="25">
        <v>348265</v>
      </c>
      <c r="T14" s="25">
        <v>1732595</v>
      </c>
      <c r="U14" s="25">
        <v>3681447</v>
      </c>
      <c r="V14" s="25">
        <v>2998120</v>
      </c>
      <c r="W14" s="28">
        <v>8841802</v>
      </c>
      <c r="X14" s="29">
        <v>8841802</v>
      </c>
      <c r="Y14" s="24">
        <v>0</v>
      </c>
      <c r="Z14" s="25">
        <v>0</v>
      </c>
      <c r="AA14" s="26">
        <v>0</v>
      </c>
      <c r="AB14" s="404">
        <v>0</v>
      </c>
      <c r="AC14" s="25">
        <v>509175</v>
      </c>
      <c r="AD14" s="25">
        <v>574435</v>
      </c>
      <c r="AE14" s="25">
        <v>882143</v>
      </c>
      <c r="AF14" s="25">
        <v>833314</v>
      </c>
      <c r="AG14" s="25">
        <v>530276</v>
      </c>
      <c r="AH14" s="28">
        <v>3329343</v>
      </c>
      <c r="AI14" s="29">
        <v>3329343</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0</v>
      </c>
      <c r="BB14" s="25">
        <v>57350</v>
      </c>
      <c r="BC14" s="25">
        <v>203980</v>
      </c>
      <c r="BD14" s="28">
        <v>261330</v>
      </c>
      <c r="BE14" s="29">
        <v>261330</v>
      </c>
      <c r="BF14" s="24">
        <v>0</v>
      </c>
      <c r="BG14" s="25">
        <v>0</v>
      </c>
      <c r="BH14" s="26">
        <v>0</v>
      </c>
      <c r="BI14" s="404">
        <v>0</v>
      </c>
      <c r="BJ14" s="25">
        <v>0</v>
      </c>
      <c r="BK14" s="25">
        <v>0</v>
      </c>
      <c r="BL14" s="25">
        <v>0</v>
      </c>
      <c r="BM14" s="25">
        <v>32705</v>
      </c>
      <c r="BN14" s="25">
        <v>40610</v>
      </c>
      <c r="BO14" s="28">
        <v>73315</v>
      </c>
      <c r="BP14" s="29">
        <v>73315</v>
      </c>
      <c r="BQ14" s="24">
        <v>0</v>
      </c>
      <c r="BR14" s="25">
        <v>13700</v>
      </c>
      <c r="BS14" s="26">
        <v>13700</v>
      </c>
      <c r="BT14" s="27">
        <v>0</v>
      </c>
      <c r="BU14" s="25">
        <v>87405</v>
      </c>
      <c r="BV14" s="25">
        <v>247438</v>
      </c>
      <c r="BW14" s="25">
        <v>339508</v>
      </c>
      <c r="BX14" s="25">
        <v>200716</v>
      </c>
      <c r="BY14" s="25">
        <v>103971</v>
      </c>
      <c r="BZ14" s="28">
        <v>979038</v>
      </c>
      <c r="CA14" s="29">
        <v>992738</v>
      </c>
      <c r="CB14" s="24">
        <v>0</v>
      </c>
      <c r="CC14" s="25">
        <v>0</v>
      </c>
      <c r="CD14" s="26">
        <v>0</v>
      </c>
      <c r="CE14" s="27">
        <v>0</v>
      </c>
      <c r="CF14" s="25">
        <v>0</v>
      </c>
      <c r="CG14" s="25">
        <v>0</v>
      </c>
      <c r="CH14" s="25">
        <v>1015</v>
      </c>
      <c r="CI14" s="25">
        <v>22318</v>
      </c>
      <c r="CJ14" s="25">
        <v>4273</v>
      </c>
      <c r="CK14" s="28">
        <v>27606</v>
      </c>
      <c r="CL14" s="29">
        <v>27606</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0</v>
      </c>
      <c r="DJ14" s="25">
        <v>17406</v>
      </c>
      <c r="DK14" s="26">
        <v>17406</v>
      </c>
      <c r="DL14" s="27">
        <v>0</v>
      </c>
      <c r="DM14" s="25">
        <v>355863</v>
      </c>
      <c r="DN14" s="25">
        <v>1122780</v>
      </c>
      <c r="DO14" s="25">
        <v>3366684</v>
      </c>
      <c r="DP14" s="25">
        <v>5783355</v>
      </c>
      <c r="DQ14" s="25">
        <v>4067125</v>
      </c>
      <c r="DR14" s="28">
        <v>14695807</v>
      </c>
      <c r="DS14" s="30">
        <v>14713213</v>
      </c>
      <c r="DT14" s="24">
        <v>0</v>
      </c>
      <c r="DU14" s="25">
        <v>0</v>
      </c>
      <c r="DV14" s="26">
        <v>0</v>
      </c>
      <c r="DW14" s="404">
        <v>0</v>
      </c>
      <c r="DX14" s="25">
        <v>180296</v>
      </c>
      <c r="DY14" s="25">
        <v>555767</v>
      </c>
      <c r="DZ14" s="25">
        <v>2569069</v>
      </c>
      <c r="EA14" s="25">
        <v>5270985</v>
      </c>
      <c r="EB14" s="25">
        <v>3692425</v>
      </c>
      <c r="EC14" s="28">
        <v>12268542</v>
      </c>
      <c r="ED14" s="29">
        <v>12268542</v>
      </c>
      <c r="EE14" s="24">
        <v>0</v>
      </c>
      <c r="EF14" s="25">
        <v>0</v>
      </c>
      <c r="EG14" s="26">
        <v>0</v>
      </c>
      <c r="EH14" s="404">
        <v>0</v>
      </c>
      <c r="EI14" s="25">
        <v>39339</v>
      </c>
      <c r="EJ14" s="25">
        <v>173115</v>
      </c>
      <c r="EK14" s="25">
        <v>227822</v>
      </c>
      <c r="EL14" s="25">
        <v>139705</v>
      </c>
      <c r="EM14" s="25">
        <v>84889</v>
      </c>
      <c r="EN14" s="28">
        <v>664870</v>
      </c>
      <c r="EO14" s="29">
        <v>664870</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0</v>
      </c>
      <c r="FH14" s="25">
        <v>434</v>
      </c>
      <c r="FI14" s="25">
        <v>2604</v>
      </c>
      <c r="FJ14" s="28">
        <v>3038</v>
      </c>
      <c r="FK14" s="29">
        <v>3038</v>
      </c>
      <c r="FL14" s="24">
        <v>0</v>
      </c>
      <c r="FM14" s="25">
        <v>0</v>
      </c>
      <c r="FN14" s="26">
        <v>0</v>
      </c>
      <c r="FO14" s="404">
        <v>0</v>
      </c>
      <c r="FP14" s="25">
        <v>0</v>
      </c>
      <c r="FQ14" s="25">
        <v>0</v>
      </c>
      <c r="FR14" s="25">
        <v>0</v>
      </c>
      <c r="FS14" s="25">
        <v>36766</v>
      </c>
      <c r="FT14" s="25">
        <v>101494</v>
      </c>
      <c r="FU14" s="28">
        <v>138260</v>
      </c>
      <c r="FV14" s="29">
        <v>138260</v>
      </c>
      <c r="FW14" s="24">
        <v>0</v>
      </c>
      <c r="FX14" s="25">
        <v>17406</v>
      </c>
      <c r="FY14" s="26">
        <v>17406</v>
      </c>
      <c r="FZ14" s="27">
        <v>0</v>
      </c>
      <c r="GA14" s="25">
        <v>136228</v>
      </c>
      <c r="GB14" s="25">
        <v>393898</v>
      </c>
      <c r="GC14" s="25">
        <v>569737</v>
      </c>
      <c r="GD14" s="25">
        <v>330012</v>
      </c>
      <c r="GE14" s="25">
        <v>184170</v>
      </c>
      <c r="GF14" s="28">
        <v>1614045</v>
      </c>
      <c r="GG14" s="29">
        <v>1631451</v>
      </c>
      <c r="GH14" s="24">
        <v>0</v>
      </c>
      <c r="GI14" s="25">
        <v>0</v>
      </c>
      <c r="GJ14" s="26">
        <v>0</v>
      </c>
      <c r="GK14" s="27">
        <v>0</v>
      </c>
      <c r="GL14" s="25">
        <v>0</v>
      </c>
      <c r="GM14" s="25">
        <v>0</v>
      </c>
      <c r="GN14" s="25">
        <v>56</v>
      </c>
      <c r="GO14" s="25">
        <v>5453</v>
      </c>
      <c r="GP14" s="25">
        <v>1543</v>
      </c>
      <c r="GQ14" s="28">
        <v>7052</v>
      </c>
      <c r="GR14" s="29">
        <v>7052</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0</v>
      </c>
      <c r="HP14" s="25">
        <v>31106</v>
      </c>
      <c r="HQ14" s="26">
        <v>31106</v>
      </c>
      <c r="HR14" s="27">
        <v>0</v>
      </c>
      <c r="HS14" s="25">
        <v>1033818</v>
      </c>
      <c r="HT14" s="25">
        <v>2292918</v>
      </c>
      <c r="HU14" s="25">
        <v>6321945</v>
      </c>
      <c r="HV14" s="25">
        <v>10611205</v>
      </c>
      <c r="HW14" s="25">
        <v>7948355</v>
      </c>
      <c r="HX14" s="28">
        <v>28208241</v>
      </c>
      <c r="HY14" s="29">
        <v>28239347</v>
      </c>
    </row>
    <row r="15" spans="2:233" ht="21" customHeight="1" x14ac:dyDescent="0.2">
      <c r="B15" s="106" t="s">
        <v>11</v>
      </c>
      <c r="C15" s="24">
        <v>1535</v>
      </c>
      <c r="D15" s="25">
        <v>0</v>
      </c>
      <c r="E15" s="26">
        <v>1535</v>
      </c>
      <c r="F15" s="27">
        <v>0</v>
      </c>
      <c r="G15" s="25">
        <v>718738</v>
      </c>
      <c r="H15" s="25">
        <v>1127927</v>
      </c>
      <c r="I15" s="25">
        <v>2919479</v>
      </c>
      <c r="J15" s="25">
        <v>4952350</v>
      </c>
      <c r="K15" s="25">
        <v>2986427</v>
      </c>
      <c r="L15" s="28">
        <v>12704921</v>
      </c>
      <c r="M15" s="29">
        <v>12706456</v>
      </c>
      <c r="N15" s="24">
        <v>0</v>
      </c>
      <c r="O15" s="25">
        <v>0</v>
      </c>
      <c r="P15" s="26">
        <v>0</v>
      </c>
      <c r="Q15" s="404">
        <v>0</v>
      </c>
      <c r="R15" s="25">
        <v>3995</v>
      </c>
      <c r="S15" s="25">
        <v>134515</v>
      </c>
      <c r="T15" s="25">
        <v>1937510</v>
      </c>
      <c r="U15" s="25">
        <v>3200540</v>
      </c>
      <c r="V15" s="25">
        <v>1976974</v>
      </c>
      <c r="W15" s="28">
        <v>7253534</v>
      </c>
      <c r="X15" s="29">
        <v>7253534</v>
      </c>
      <c r="Y15" s="24">
        <v>0</v>
      </c>
      <c r="Z15" s="25">
        <v>0</v>
      </c>
      <c r="AA15" s="26">
        <v>0</v>
      </c>
      <c r="AB15" s="404">
        <v>0</v>
      </c>
      <c r="AC15" s="25">
        <v>565435</v>
      </c>
      <c r="AD15" s="25">
        <v>734905</v>
      </c>
      <c r="AE15" s="25">
        <v>666990</v>
      </c>
      <c r="AF15" s="25">
        <v>1333917</v>
      </c>
      <c r="AG15" s="25">
        <v>406580</v>
      </c>
      <c r="AH15" s="28">
        <v>3707827</v>
      </c>
      <c r="AI15" s="29">
        <v>3707827</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95480</v>
      </c>
      <c r="AZ15" s="25">
        <v>92845</v>
      </c>
      <c r="BA15" s="25">
        <v>59985</v>
      </c>
      <c r="BB15" s="25">
        <v>122520</v>
      </c>
      <c r="BC15" s="25">
        <v>497110</v>
      </c>
      <c r="BD15" s="28">
        <v>867940</v>
      </c>
      <c r="BE15" s="29">
        <v>867940</v>
      </c>
      <c r="BF15" s="24">
        <v>0</v>
      </c>
      <c r="BG15" s="25">
        <v>0</v>
      </c>
      <c r="BH15" s="26">
        <v>0</v>
      </c>
      <c r="BI15" s="404">
        <v>0</v>
      </c>
      <c r="BJ15" s="25">
        <v>0</v>
      </c>
      <c r="BK15" s="25">
        <v>24645</v>
      </c>
      <c r="BL15" s="25">
        <v>0</v>
      </c>
      <c r="BM15" s="25">
        <v>32705</v>
      </c>
      <c r="BN15" s="25">
        <v>0</v>
      </c>
      <c r="BO15" s="28">
        <v>57350</v>
      </c>
      <c r="BP15" s="29">
        <v>57350</v>
      </c>
      <c r="BQ15" s="24">
        <v>1535</v>
      </c>
      <c r="BR15" s="25">
        <v>0</v>
      </c>
      <c r="BS15" s="26">
        <v>1535</v>
      </c>
      <c r="BT15" s="27">
        <v>0</v>
      </c>
      <c r="BU15" s="25">
        <v>51084</v>
      </c>
      <c r="BV15" s="25">
        <v>134610</v>
      </c>
      <c r="BW15" s="25">
        <v>254994</v>
      </c>
      <c r="BX15" s="25">
        <v>262668</v>
      </c>
      <c r="BY15" s="25">
        <v>103783</v>
      </c>
      <c r="BZ15" s="28">
        <v>807139</v>
      </c>
      <c r="CA15" s="29">
        <v>808674</v>
      </c>
      <c r="CB15" s="24">
        <v>0</v>
      </c>
      <c r="CC15" s="25">
        <v>0</v>
      </c>
      <c r="CD15" s="26">
        <v>0</v>
      </c>
      <c r="CE15" s="27">
        <v>0</v>
      </c>
      <c r="CF15" s="25">
        <v>2744</v>
      </c>
      <c r="CG15" s="25">
        <v>6407</v>
      </c>
      <c r="CH15" s="25">
        <v>0</v>
      </c>
      <c r="CI15" s="25">
        <v>0</v>
      </c>
      <c r="CJ15" s="25">
        <v>1980</v>
      </c>
      <c r="CK15" s="28">
        <v>11131</v>
      </c>
      <c r="CL15" s="29">
        <v>11131</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970</v>
      </c>
      <c r="DK15" s="26">
        <v>2725</v>
      </c>
      <c r="DL15" s="27">
        <v>0</v>
      </c>
      <c r="DM15" s="25">
        <v>230081</v>
      </c>
      <c r="DN15" s="25">
        <v>426340</v>
      </c>
      <c r="DO15" s="25">
        <v>2671357</v>
      </c>
      <c r="DP15" s="25">
        <v>4432678</v>
      </c>
      <c r="DQ15" s="25">
        <v>2425820</v>
      </c>
      <c r="DR15" s="28">
        <v>10186276</v>
      </c>
      <c r="DS15" s="30">
        <v>10189001</v>
      </c>
      <c r="DT15" s="24">
        <v>0</v>
      </c>
      <c r="DU15" s="25">
        <v>0</v>
      </c>
      <c r="DV15" s="26">
        <v>0</v>
      </c>
      <c r="DW15" s="404">
        <v>0</v>
      </c>
      <c r="DX15" s="25">
        <v>22090</v>
      </c>
      <c r="DY15" s="25">
        <v>107191</v>
      </c>
      <c r="DZ15" s="25">
        <v>2261655</v>
      </c>
      <c r="EA15" s="25">
        <v>3918862</v>
      </c>
      <c r="EB15" s="25">
        <v>2152460</v>
      </c>
      <c r="EC15" s="28">
        <v>8462258</v>
      </c>
      <c r="ED15" s="29">
        <v>8462258</v>
      </c>
      <c r="EE15" s="24">
        <v>0</v>
      </c>
      <c r="EF15" s="25">
        <v>0</v>
      </c>
      <c r="EG15" s="26">
        <v>0</v>
      </c>
      <c r="EH15" s="404">
        <v>0</v>
      </c>
      <c r="EI15" s="25">
        <v>111944</v>
      </c>
      <c r="EJ15" s="25">
        <v>117420</v>
      </c>
      <c r="EK15" s="25">
        <v>167480</v>
      </c>
      <c r="EL15" s="25">
        <v>221452</v>
      </c>
      <c r="EM15" s="25">
        <v>80620</v>
      </c>
      <c r="EN15" s="28">
        <v>698916</v>
      </c>
      <c r="EO15" s="29">
        <v>698916</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12338</v>
      </c>
      <c r="FF15" s="25">
        <v>23002</v>
      </c>
      <c r="FG15" s="25">
        <v>651</v>
      </c>
      <c r="FH15" s="25">
        <v>1512</v>
      </c>
      <c r="FI15" s="25">
        <v>78699</v>
      </c>
      <c r="FJ15" s="28">
        <v>116202</v>
      </c>
      <c r="FK15" s="29">
        <v>116202</v>
      </c>
      <c r="FL15" s="24">
        <v>0</v>
      </c>
      <c r="FM15" s="25">
        <v>0</v>
      </c>
      <c r="FN15" s="26">
        <v>0</v>
      </c>
      <c r="FO15" s="404">
        <v>0</v>
      </c>
      <c r="FP15" s="25">
        <v>0</v>
      </c>
      <c r="FQ15" s="25">
        <v>21576</v>
      </c>
      <c r="FR15" s="25">
        <v>0</v>
      </c>
      <c r="FS15" s="25">
        <v>36766</v>
      </c>
      <c r="FT15" s="25">
        <v>0</v>
      </c>
      <c r="FU15" s="28">
        <v>58342</v>
      </c>
      <c r="FV15" s="29">
        <v>58342</v>
      </c>
      <c r="FW15" s="24">
        <v>1755</v>
      </c>
      <c r="FX15" s="25">
        <v>970</v>
      </c>
      <c r="FY15" s="26">
        <v>2725</v>
      </c>
      <c r="FZ15" s="27">
        <v>0</v>
      </c>
      <c r="GA15" s="25">
        <v>83660</v>
      </c>
      <c r="GB15" s="25">
        <v>157074</v>
      </c>
      <c r="GC15" s="25">
        <v>241571</v>
      </c>
      <c r="GD15" s="25">
        <v>254086</v>
      </c>
      <c r="GE15" s="25">
        <v>112932</v>
      </c>
      <c r="GF15" s="28">
        <v>849323</v>
      </c>
      <c r="GG15" s="29">
        <v>852048</v>
      </c>
      <c r="GH15" s="24">
        <v>0</v>
      </c>
      <c r="GI15" s="25">
        <v>0</v>
      </c>
      <c r="GJ15" s="26">
        <v>0</v>
      </c>
      <c r="GK15" s="27">
        <v>0</v>
      </c>
      <c r="GL15" s="25">
        <v>49</v>
      </c>
      <c r="GM15" s="25">
        <v>77</v>
      </c>
      <c r="GN15" s="25">
        <v>0</v>
      </c>
      <c r="GO15" s="25">
        <v>0</v>
      </c>
      <c r="GP15" s="25">
        <v>1109</v>
      </c>
      <c r="GQ15" s="28">
        <v>1235</v>
      </c>
      <c r="GR15" s="29">
        <v>1235</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970</v>
      </c>
      <c r="HQ15" s="26">
        <v>4260</v>
      </c>
      <c r="HR15" s="27">
        <v>0</v>
      </c>
      <c r="HS15" s="25">
        <v>948819</v>
      </c>
      <c r="HT15" s="25">
        <v>1554267</v>
      </c>
      <c r="HU15" s="25">
        <v>5590836</v>
      </c>
      <c r="HV15" s="25">
        <v>9385028</v>
      </c>
      <c r="HW15" s="25">
        <v>5412247</v>
      </c>
      <c r="HX15" s="28">
        <v>22891197</v>
      </c>
      <c r="HY15" s="29">
        <v>22895457</v>
      </c>
    </row>
    <row r="16" spans="2:233" ht="21" customHeight="1" x14ac:dyDescent="0.2">
      <c r="B16" s="106" t="s">
        <v>12</v>
      </c>
      <c r="C16" s="24">
        <v>8905</v>
      </c>
      <c r="D16" s="25">
        <v>0</v>
      </c>
      <c r="E16" s="26">
        <v>8905</v>
      </c>
      <c r="F16" s="27">
        <v>0</v>
      </c>
      <c r="G16" s="25">
        <v>161403</v>
      </c>
      <c r="H16" s="25">
        <v>745989</v>
      </c>
      <c r="I16" s="25">
        <v>2426683</v>
      </c>
      <c r="J16" s="25">
        <v>3618857</v>
      </c>
      <c r="K16" s="25">
        <v>1833769</v>
      </c>
      <c r="L16" s="28">
        <v>8786701</v>
      </c>
      <c r="M16" s="29">
        <v>8795606</v>
      </c>
      <c r="N16" s="24">
        <v>0</v>
      </c>
      <c r="O16" s="25">
        <v>0</v>
      </c>
      <c r="P16" s="26">
        <v>0</v>
      </c>
      <c r="Q16" s="404">
        <v>0</v>
      </c>
      <c r="R16" s="25">
        <v>2635</v>
      </c>
      <c r="S16" s="25">
        <v>75045</v>
      </c>
      <c r="T16" s="25">
        <v>1329186</v>
      </c>
      <c r="U16" s="25">
        <v>2533031</v>
      </c>
      <c r="V16" s="25">
        <v>1043469</v>
      </c>
      <c r="W16" s="28">
        <v>4983366</v>
      </c>
      <c r="X16" s="29">
        <v>4983366</v>
      </c>
      <c r="Y16" s="24">
        <v>0</v>
      </c>
      <c r="Z16" s="25">
        <v>0</v>
      </c>
      <c r="AA16" s="26">
        <v>0</v>
      </c>
      <c r="AB16" s="404">
        <v>0</v>
      </c>
      <c r="AC16" s="25">
        <v>80723</v>
      </c>
      <c r="AD16" s="25">
        <v>628550</v>
      </c>
      <c r="AE16" s="25">
        <v>840113</v>
      </c>
      <c r="AF16" s="25">
        <v>667535</v>
      </c>
      <c r="AG16" s="25">
        <v>600841</v>
      </c>
      <c r="AH16" s="28">
        <v>2817762</v>
      </c>
      <c r="AI16" s="29">
        <v>2817762</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4645</v>
      </c>
      <c r="BB16" s="25">
        <v>75950</v>
      </c>
      <c r="BC16" s="25">
        <v>46460</v>
      </c>
      <c r="BD16" s="28">
        <v>147055</v>
      </c>
      <c r="BE16" s="29">
        <v>147055</v>
      </c>
      <c r="BF16" s="24">
        <v>0</v>
      </c>
      <c r="BG16" s="25">
        <v>0</v>
      </c>
      <c r="BH16" s="26">
        <v>0</v>
      </c>
      <c r="BI16" s="404">
        <v>0</v>
      </c>
      <c r="BJ16" s="25">
        <v>0</v>
      </c>
      <c r="BK16" s="25">
        <v>0</v>
      </c>
      <c r="BL16" s="25">
        <v>65100</v>
      </c>
      <c r="BM16" s="25">
        <v>133300</v>
      </c>
      <c r="BN16" s="25">
        <v>32705</v>
      </c>
      <c r="BO16" s="28">
        <v>231105</v>
      </c>
      <c r="BP16" s="29">
        <v>231105</v>
      </c>
      <c r="BQ16" s="24">
        <v>8905</v>
      </c>
      <c r="BR16" s="25">
        <v>0</v>
      </c>
      <c r="BS16" s="26">
        <v>8905</v>
      </c>
      <c r="BT16" s="27">
        <v>0</v>
      </c>
      <c r="BU16" s="25">
        <v>78045</v>
      </c>
      <c r="BV16" s="25">
        <v>42155</v>
      </c>
      <c r="BW16" s="25">
        <v>167639</v>
      </c>
      <c r="BX16" s="25">
        <v>209041</v>
      </c>
      <c r="BY16" s="25">
        <v>72674</v>
      </c>
      <c r="BZ16" s="28">
        <v>569554</v>
      </c>
      <c r="CA16" s="29">
        <v>578459</v>
      </c>
      <c r="CB16" s="24">
        <v>0</v>
      </c>
      <c r="CC16" s="25">
        <v>0</v>
      </c>
      <c r="CD16" s="26">
        <v>0</v>
      </c>
      <c r="CE16" s="27">
        <v>0</v>
      </c>
      <c r="CF16" s="25">
        <v>0</v>
      </c>
      <c r="CG16" s="25">
        <v>239</v>
      </c>
      <c r="CH16" s="25">
        <v>0</v>
      </c>
      <c r="CI16" s="25">
        <v>0</v>
      </c>
      <c r="CJ16" s="25">
        <v>37620</v>
      </c>
      <c r="CK16" s="28">
        <v>37859</v>
      </c>
      <c r="CL16" s="29">
        <v>37859</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6687</v>
      </c>
      <c r="DJ16" s="25">
        <v>696</v>
      </c>
      <c r="DK16" s="26">
        <v>7383</v>
      </c>
      <c r="DL16" s="27">
        <v>0</v>
      </c>
      <c r="DM16" s="25">
        <v>193176</v>
      </c>
      <c r="DN16" s="25">
        <v>430806</v>
      </c>
      <c r="DO16" s="25">
        <v>2578154</v>
      </c>
      <c r="DP16" s="25">
        <v>3741191</v>
      </c>
      <c r="DQ16" s="25">
        <v>1795798</v>
      </c>
      <c r="DR16" s="28">
        <v>8739125</v>
      </c>
      <c r="DS16" s="30">
        <v>8746508</v>
      </c>
      <c r="DT16" s="24">
        <v>0</v>
      </c>
      <c r="DU16" s="25">
        <v>0</v>
      </c>
      <c r="DV16" s="26">
        <v>0</v>
      </c>
      <c r="DW16" s="404">
        <v>0</v>
      </c>
      <c r="DX16" s="25">
        <v>21576</v>
      </c>
      <c r="DY16" s="25">
        <v>262689</v>
      </c>
      <c r="DZ16" s="25">
        <v>1896813</v>
      </c>
      <c r="EA16" s="25">
        <v>3161251</v>
      </c>
      <c r="EB16" s="25">
        <v>1511744</v>
      </c>
      <c r="EC16" s="28">
        <v>6854073</v>
      </c>
      <c r="ED16" s="29">
        <v>6854073</v>
      </c>
      <c r="EE16" s="24">
        <v>0</v>
      </c>
      <c r="EF16" s="25">
        <v>0</v>
      </c>
      <c r="EG16" s="26">
        <v>0</v>
      </c>
      <c r="EH16" s="404">
        <v>0</v>
      </c>
      <c r="EI16" s="25">
        <v>56561</v>
      </c>
      <c r="EJ16" s="25">
        <v>79009</v>
      </c>
      <c r="EK16" s="25">
        <v>179131</v>
      </c>
      <c r="EL16" s="25">
        <v>88664</v>
      </c>
      <c r="EM16" s="25">
        <v>55101</v>
      </c>
      <c r="EN16" s="28">
        <v>458466</v>
      </c>
      <c r="EO16" s="29">
        <v>458466</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7</v>
      </c>
      <c r="FH16" s="25">
        <v>1302</v>
      </c>
      <c r="FI16" s="25">
        <v>12590</v>
      </c>
      <c r="FJ16" s="28">
        <v>14109</v>
      </c>
      <c r="FK16" s="29">
        <v>14109</v>
      </c>
      <c r="FL16" s="24">
        <v>0</v>
      </c>
      <c r="FM16" s="25">
        <v>0</v>
      </c>
      <c r="FN16" s="26">
        <v>0</v>
      </c>
      <c r="FO16" s="404">
        <v>0</v>
      </c>
      <c r="FP16" s="25">
        <v>0</v>
      </c>
      <c r="FQ16" s="25">
        <v>0</v>
      </c>
      <c r="FR16" s="25">
        <v>172608</v>
      </c>
      <c r="FS16" s="25">
        <v>218178</v>
      </c>
      <c r="FT16" s="25">
        <v>36766</v>
      </c>
      <c r="FU16" s="28">
        <v>427552</v>
      </c>
      <c r="FV16" s="29">
        <v>427552</v>
      </c>
      <c r="FW16" s="24">
        <v>6687</v>
      </c>
      <c r="FX16" s="25">
        <v>696</v>
      </c>
      <c r="FY16" s="26">
        <v>7383</v>
      </c>
      <c r="FZ16" s="27">
        <v>0</v>
      </c>
      <c r="GA16" s="25">
        <v>115039</v>
      </c>
      <c r="GB16" s="25">
        <v>89094</v>
      </c>
      <c r="GC16" s="25">
        <v>329385</v>
      </c>
      <c r="GD16" s="25">
        <v>271796</v>
      </c>
      <c r="GE16" s="25">
        <v>159141</v>
      </c>
      <c r="GF16" s="28">
        <v>964455</v>
      </c>
      <c r="GG16" s="29">
        <v>971838</v>
      </c>
      <c r="GH16" s="24">
        <v>0</v>
      </c>
      <c r="GI16" s="25">
        <v>0</v>
      </c>
      <c r="GJ16" s="26">
        <v>0</v>
      </c>
      <c r="GK16" s="27">
        <v>0</v>
      </c>
      <c r="GL16" s="25">
        <v>0</v>
      </c>
      <c r="GM16" s="25">
        <v>14</v>
      </c>
      <c r="GN16" s="25">
        <v>0</v>
      </c>
      <c r="GO16" s="25">
        <v>0</v>
      </c>
      <c r="GP16" s="25">
        <v>20456</v>
      </c>
      <c r="GQ16" s="28">
        <v>20470</v>
      </c>
      <c r="GR16" s="29">
        <v>20470</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5592</v>
      </c>
      <c r="HP16" s="25">
        <v>696</v>
      </c>
      <c r="HQ16" s="26">
        <v>16288</v>
      </c>
      <c r="HR16" s="27">
        <v>0</v>
      </c>
      <c r="HS16" s="25">
        <v>354579</v>
      </c>
      <c r="HT16" s="25">
        <v>1176795</v>
      </c>
      <c r="HU16" s="25">
        <v>5004837</v>
      </c>
      <c r="HV16" s="25">
        <v>7360048</v>
      </c>
      <c r="HW16" s="25">
        <v>3629567</v>
      </c>
      <c r="HX16" s="28">
        <v>17525826</v>
      </c>
      <c r="HY16" s="29">
        <v>17542114</v>
      </c>
    </row>
    <row r="17" spans="2:233" ht="21" customHeight="1" x14ac:dyDescent="0.2">
      <c r="B17" s="106" t="s">
        <v>13</v>
      </c>
      <c r="C17" s="24">
        <v>0</v>
      </c>
      <c r="D17" s="25">
        <v>0</v>
      </c>
      <c r="E17" s="26">
        <v>0</v>
      </c>
      <c r="F17" s="27">
        <v>0</v>
      </c>
      <c r="G17" s="25">
        <v>106885</v>
      </c>
      <c r="H17" s="25">
        <v>172420</v>
      </c>
      <c r="I17" s="25">
        <v>275977</v>
      </c>
      <c r="J17" s="25">
        <v>686797</v>
      </c>
      <c r="K17" s="25">
        <v>557902</v>
      </c>
      <c r="L17" s="28">
        <v>1799981</v>
      </c>
      <c r="M17" s="29">
        <v>1799981</v>
      </c>
      <c r="N17" s="24">
        <v>0</v>
      </c>
      <c r="O17" s="25">
        <v>0</v>
      </c>
      <c r="P17" s="26">
        <v>0</v>
      </c>
      <c r="Q17" s="404">
        <v>0</v>
      </c>
      <c r="R17" s="25">
        <v>2635</v>
      </c>
      <c r="S17" s="25">
        <v>37975</v>
      </c>
      <c r="T17" s="25">
        <v>227285</v>
      </c>
      <c r="U17" s="25">
        <v>663195</v>
      </c>
      <c r="V17" s="25">
        <v>424107</v>
      </c>
      <c r="W17" s="28">
        <v>1355197</v>
      </c>
      <c r="X17" s="29">
        <v>1355197</v>
      </c>
      <c r="Y17" s="24">
        <v>0</v>
      </c>
      <c r="Z17" s="25">
        <v>0</v>
      </c>
      <c r="AA17" s="26">
        <v>0</v>
      </c>
      <c r="AB17" s="404">
        <v>0</v>
      </c>
      <c r="AC17" s="25">
        <v>86735</v>
      </c>
      <c r="AD17" s="25">
        <v>119800</v>
      </c>
      <c r="AE17" s="25">
        <v>16462</v>
      </c>
      <c r="AF17" s="25">
        <v>15077</v>
      </c>
      <c r="AG17" s="25">
        <v>75440</v>
      </c>
      <c r="AH17" s="28">
        <v>313514</v>
      </c>
      <c r="AI17" s="29">
        <v>313514</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8520</v>
      </c>
      <c r="BV17" s="25">
        <v>14645</v>
      </c>
      <c r="BW17" s="25">
        <v>29235</v>
      </c>
      <c r="BX17" s="25">
        <v>8115</v>
      </c>
      <c r="BY17" s="25">
        <v>58355</v>
      </c>
      <c r="BZ17" s="28">
        <v>118870</v>
      </c>
      <c r="CA17" s="29">
        <v>118870</v>
      </c>
      <c r="CB17" s="24">
        <v>0</v>
      </c>
      <c r="CC17" s="25">
        <v>0</v>
      </c>
      <c r="CD17" s="26">
        <v>0</v>
      </c>
      <c r="CE17" s="27">
        <v>0</v>
      </c>
      <c r="CF17" s="25">
        <v>8995</v>
      </c>
      <c r="CG17" s="25">
        <v>0</v>
      </c>
      <c r="CH17" s="25">
        <v>2995</v>
      </c>
      <c r="CI17" s="25">
        <v>410</v>
      </c>
      <c r="CJ17" s="25">
        <v>0</v>
      </c>
      <c r="CK17" s="28">
        <v>12400</v>
      </c>
      <c r="CL17" s="29">
        <v>12400</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54888</v>
      </c>
      <c r="DN17" s="25">
        <v>76097</v>
      </c>
      <c r="DO17" s="25">
        <v>443001</v>
      </c>
      <c r="DP17" s="25">
        <v>708785</v>
      </c>
      <c r="DQ17" s="25">
        <v>586260</v>
      </c>
      <c r="DR17" s="28">
        <v>1869031</v>
      </c>
      <c r="DS17" s="30">
        <v>1869031</v>
      </c>
      <c r="DT17" s="24">
        <v>0</v>
      </c>
      <c r="DU17" s="25">
        <v>0</v>
      </c>
      <c r="DV17" s="26">
        <v>0</v>
      </c>
      <c r="DW17" s="404">
        <v>0</v>
      </c>
      <c r="DX17" s="25">
        <v>21576</v>
      </c>
      <c r="DY17" s="25">
        <v>59892</v>
      </c>
      <c r="DZ17" s="25">
        <v>389096</v>
      </c>
      <c r="EA17" s="25">
        <v>688116</v>
      </c>
      <c r="EB17" s="25">
        <v>525317</v>
      </c>
      <c r="EC17" s="28">
        <v>1683997</v>
      </c>
      <c r="ED17" s="29">
        <v>1683997</v>
      </c>
      <c r="EE17" s="24">
        <v>0</v>
      </c>
      <c r="EF17" s="25">
        <v>0</v>
      </c>
      <c r="EG17" s="26">
        <v>0</v>
      </c>
      <c r="EH17" s="404">
        <v>0</v>
      </c>
      <c r="EI17" s="25">
        <v>22925</v>
      </c>
      <c r="EJ17" s="25">
        <v>1085</v>
      </c>
      <c r="EK17" s="25">
        <v>1288</v>
      </c>
      <c r="EL17" s="25">
        <v>1386</v>
      </c>
      <c r="EM17" s="25">
        <v>1197</v>
      </c>
      <c r="EN17" s="28">
        <v>27881</v>
      </c>
      <c r="EO17" s="29">
        <v>27881</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7371</v>
      </c>
      <c r="GB17" s="25">
        <v>15120</v>
      </c>
      <c r="GC17" s="25">
        <v>52617</v>
      </c>
      <c r="GD17" s="25">
        <v>19255</v>
      </c>
      <c r="GE17" s="25">
        <v>59746</v>
      </c>
      <c r="GF17" s="28">
        <v>154109</v>
      </c>
      <c r="GG17" s="29">
        <v>154109</v>
      </c>
      <c r="GH17" s="24">
        <v>0</v>
      </c>
      <c r="GI17" s="25">
        <v>0</v>
      </c>
      <c r="GJ17" s="26">
        <v>0</v>
      </c>
      <c r="GK17" s="27">
        <v>0</v>
      </c>
      <c r="GL17" s="25">
        <v>3016</v>
      </c>
      <c r="GM17" s="25">
        <v>0</v>
      </c>
      <c r="GN17" s="25">
        <v>0</v>
      </c>
      <c r="GO17" s="25">
        <v>28</v>
      </c>
      <c r="GP17" s="25">
        <v>0</v>
      </c>
      <c r="GQ17" s="28">
        <v>3044</v>
      </c>
      <c r="GR17" s="29">
        <v>3044</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161773</v>
      </c>
      <c r="HT17" s="25">
        <v>248517</v>
      </c>
      <c r="HU17" s="25">
        <v>718978</v>
      </c>
      <c r="HV17" s="25">
        <v>1395582</v>
      </c>
      <c r="HW17" s="25">
        <v>1144162</v>
      </c>
      <c r="HX17" s="28">
        <v>3669012</v>
      </c>
      <c r="HY17" s="29">
        <v>3669012</v>
      </c>
    </row>
    <row r="18" spans="2:233" ht="21" customHeight="1" x14ac:dyDescent="0.2">
      <c r="B18" s="106" t="s">
        <v>15</v>
      </c>
      <c r="C18" s="24">
        <v>0</v>
      </c>
      <c r="D18" s="25">
        <v>0</v>
      </c>
      <c r="E18" s="26">
        <v>0</v>
      </c>
      <c r="F18" s="27">
        <v>0</v>
      </c>
      <c r="G18" s="25">
        <v>247837</v>
      </c>
      <c r="H18" s="25">
        <v>314217</v>
      </c>
      <c r="I18" s="25">
        <v>1704859</v>
      </c>
      <c r="J18" s="25">
        <v>2581671</v>
      </c>
      <c r="K18" s="25">
        <v>1250066</v>
      </c>
      <c r="L18" s="28">
        <v>6098650</v>
      </c>
      <c r="M18" s="29">
        <v>6098650</v>
      </c>
      <c r="N18" s="24">
        <v>0</v>
      </c>
      <c r="O18" s="25">
        <v>0</v>
      </c>
      <c r="P18" s="26">
        <v>0</v>
      </c>
      <c r="Q18" s="404">
        <v>0</v>
      </c>
      <c r="R18" s="25">
        <v>0</v>
      </c>
      <c r="S18" s="25">
        <v>2635</v>
      </c>
      <c r="T18" s="25">
        <v>1217690</v>
      </c>
      <c r="U18" s="25">
        <v>1725800</v>
      </c>
      <c r="V18" s="25">
        <v>871780</v>
      </c>
      <c r="W18" s="28">
        <v>3817905</v>
      </c>
      <c r="X18" s="29">
        <v>3817905</v>
      </c>
      <c r="Y18" s="24">
        <v>0</v>
      </c>
      <c r="Z18" s="25">
        <v>0</v>
      </c>
      <c r="AA18" s="26">
        <v>0</v>
      </c>
      <c r="AB18" s="404">
        <v>0</v>
      </c>
      <c r="AC18" s="25">
        <v>172778</v>
      </c>
      <c r="AD18" s="25">
        <v>295270</v>
      </c>
      <c r="AE18" s="25">
        <v>272003</v>
      </c>
      <c r="AF18" s="25">
        <v>585268</v>
      </c>
      <c r="AG18" s="25">
        <v>227691</v>
      </c>
      <c r="AH18" s="28">
        <v>1553010</v>
      </c>
      <c r="AI18" s="29">
        <v>1553010</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7890</v>
      </c>
      <c r="BM18" s="25">
        <v>158100</v>
      </c>
      <c r="BN18" s="25">
        <v>106020</v>
      </c>
      <c r="BO18" s="28">
        <v>332010</v>
      </c>
      <c r="BP18" s="29">
        <v>332010</v>
      </c>
      <c r="BQ18" s="24">
        <v>0</v>
      </c>
      <c r="BR18" s="25">
        <v>0</v>
      </c>
      <c r="BS18" s="26">
        <v>0</v>
      </c>
      <c r="BT18" s="27">
        <v>0</v>
      </c>
      <c r="BU18" s="25">
        <v>75059</v>
      </c>
      <c r="BV18" s="25">
        <v>14388</v>
      </c>
      <c r="BW18" s="25">
        <v>146683</v>
      </c>
      <c r="BX18" s="25">
        <v>111343</v>
      </c>
      <c r="BY18" s="25">
        <v>44575</v>
      </c>
      <c r="BZ18" s="28">
        <v>392048</v>
      </c>
      <c r="CA18" s="29">
        <v>392048</v>
      </c>
      <c r="CB18" s="24">
        <v>0</v>
      </c>
      <c r="CC18" s="25">
        <v>0</v>
      </c>
      <c r="CD18" s="26">
        <v>0</v>
      </c>
      <c r="CE18" s="27">
        <v>0</v>
      </c>
      <c r="CF18" s="25">
        <v>0</v>
      </c>
      <c r="CG18" s="25">
        <v>1924</v>
      </c>
      <c r="CH18" s="25">
        <v>593</v>
      </c>
      <c r="CI18" s="25">
        <v>1160</v>
      </c>
      <c r="CJ18" s="25">
        <v>0</v>
      </c>
      <c r="CK18" s="28">
        <v>3677</v>
      </c>
      <c r="CL18" s="29">
        <v>3677</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74721</v>
      </c>
      <c r="DN18" s="25">
        <v>97523</v>
      </c>
      <c r="DO18" s="25">
        <v>1613889</v>
      </c>
      <c r="DP18" s="25">
        <v>2662565</v>
      </c>
      <c r="DQ18" s="25">
        <v>1273140</v>
      </c>
      <c r="DR18" s="28">
        <v>5721838</v>
      </c>
      <c r="DS18" s="30">
        <v>5721838</v>
      </c>
      <c r="DT18" s="24">
        <v>0</v>
      </c>
      <c r="DU18" s="25">
        <v>0</v>
      </c>
      <c r="DV18" s="26">
        <v>0</v>
      </c>
      <c r="DW18" s="404">
        <v>0</v>
      </c>
      <c r="DX18" s="25">
        <v>0</v>
      </c>
      <c r="DY18" s="25">
        <v>10881</v>
      </c>
      <c r="DZ18" s="25">
        <v>1224831</v>
      </c>
      <c r="EA18" s="25">
        <v>2239705</v>
      </c>
      <c r="EB18" s="25">
        <v>1005734</v>
      </c>
      <c r="EC18" s="28">
        <v>4481151</v>
      </c>
      <c r="ED18" s="29">
        <v>4481151</v>
      </c>
      <c r="EE18" s="24">
        <v>0</v>
      </c>
      <c r="EF18" s="25">
        <v>0</v>
      </c>
      <c r="EG18" s="26">
        <v>0</v>
      </c>
      <c r="EH18" s="404">
        <v>0</v>
      </c>
      <c r="EI18" s="25">
        <v>24508</v>
      </c>
      <c r="EJ18" s="25">
        <v>60228</v>
      </c>
      <c r="EK18" s="25">
        <v>4347</v>
      </c>
      <c r="EL18" s="25">
        <v>52131</v>
      </c>
      <c r="EM18" s="25">
        <v>23954</v>
      </c>
      <c r="EN18" s="28">
        <v>165168</v>
      </c>
      <c r="EO18" s="29">
        <v>165168</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44646</v>
      </c>
      <c r="FS18" s="25">
        <v>195088</v>
      </c>
      <c r="FT18" s="25">
        <v>175026</v>
      </c>
      <c r="FU18" s="28">
        <v>514760</v>
      </c>
      <c r="FV18" s="29">
        <v>514760</v>
      </c>
      <c r="FW18" s="24">
        <v>0</v>
      </c>
      <c r="FX18" s="25">
        <v>0</v>
      </c>
      <c r="FY18" s="26">
        <v>0</v>
      </c>
      <c r="FZ18" s="27">
        <v>0</v>
      </c>
      <c r="GA18" s="25">
        <v>50213</v>
      </c>
      <c r="GB18" s="25">
        <v>21739</v>
      </c>
      <c r="GC18" s="25">
        <v>238275</v>
      </c>
      <c r="GD18" s="25">
        <v>174883</v>
      </c>
      <c r="GE18" s="25">
        <v>68426</v>
      </c>
      <c r="GF18" s="28">
        <v>553536</v>
      </c>
      <c r="GG18" s="29">
        <v>553536</v>
      </c>
      <c r="GH18" s="24">
        <v>0</v>
      </c>
      <c r="GI18" s="25">
        <v>0</v>
      </c>
      <c r="GJ18" s="26">
        <v>0</v>
      </c>
      <c r="GK18" s="27">
        <v>0</v>
      </c>
      <c r="GL18" s="25">
        <v>0</v>
      </c>
      <c r="GM18" s="25">
        <v>4675</v>
      </c>
      <c r="GN18" s="25">
        <v>1790</v>
      </c>
      <c r="GO18" s="25">
        <v>758</v>
      </c>
      <c r="GP18" s="25">
        <v>0</v>
      </c>
      <c r="GQ18" s="28">
        <v>7223</v>
      </c>
      <c r="GR18" s="29">
        <v>7223</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322558</v>
      </c>
      <c r="HT18" s="25">
        <v>411740</v>
      </c>
      <c r="HU18" s="25">
        <v>3318748</v>
      </c>
      <c r="HV18" s="25">
        <v>5244236</v>
      </c>
      <c r="HW18" s="25">
        <v>2523206</v>
      </c>
      <c r="HX18" s="28">
        <v>11820488</v>
      </c>
      <c r="HY18" s="29">
        <v>11820488</v>
      </c>
    </row>
    <row r="19" spans="2:233" ht="21" customHeight="1" x14ac:dyDescent="0.2">
      <c r="B19" s="106" t="s">
        <v>16</v>
      </c>
      <c r="C19" s="24">
        <v>0</v>
      </c>
      <c r="D19" s="25">
        <v>2685</v>
      </c>
      <c r="E19" s="26">
        <v>2685</v>
      </c>
      <c r="F19" s="27">
        <v>0</v>
      </c>
      <c r="G19" s="25">
        <v>495578</v>
      </c>
      <c r="H19" s="25">
        <v>735075</v>
      </c>
      <c r="I19" s="25">
        <v>2956491</v>
      </c>
      <c r="J19" s="25">
        <v>3958629</v>
      </c>
      <c r="K19" s="25">
        <v>1856895</v>
      </c>
      <c r="L19" s="28">
        <v>10002668</v>
      </c>
      <c r="M19" s="29">
        <v>10005353</v>
      </c>
      <c r="N19" s="24">
        <v>0</v>
      </c>
      <c r="O19" s="25">
        <v>0</v>
      </c>
      <c r="P19" s="26">
        <v>0</v>
      </c>
      <c r="Q19" s="404">
        <v>0</v>
      </c>
      <c r="R19" s="25">
        <v>67890</v>
      </c>
      <c r="S19" s="25">
        <v>49660</v>
      </c>
      <c r="T19" s="25">
        <v>1920495</v>
      </c>
      <c r="U19" s="25">
        <v>2983075</v>
      </c>
      <c r="V19" s="25">
        <v>1526430</v>
      </c>
      <c r="W19" s="28">
        <v>6547550</v>
      </c>
      <c r="X19" s="29">
        <v>6547550</v>
      </c>
      <c r="Y19" s="24">
        <v>0</v>
      </c>
      <c r="Z19" s="25">
        <v>0</v>
      </c>
      <c r="AA19" s="26">
        <v>0</v>
      </c>
      <c r="AB19" s="404">
        <v>0</v>
      </c>
      <c r="AC19" s="25">
        <v>377838</v>
      </c>
      <c r="AD19" s="25">
        <v>573657</v>
      </c>
      <c r="AE19" s="25">
        <v>900341</v>
      </c>
      <c r="AF19" s="25">
        <v>732978</v>
      </c>
      <c r="AG19" s="25">
        <v>192660</v>
      </c>
      <c r="AH19" s="28">
        <v>2777474</v>
      </c>
      <c r="AI19" s="29">
        <v>2777474</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635</v>
      </c>
      <c r="BB19" s="25">
        <v>42040</v>
      </c>
      <c r="BC19" s="25">
        <v>28735</v>
      </c>
      <c r="BD19" s="28">
        <v>73410</v>
      </c>
      <c r="BE19" s="29">
        <v>73410</v>
      </c>
      <c r="BF19" s="24">
        <v>0</v>
      </c>
      <c r="BG19" s="25">
        <v>0</v>
      </c>
      <c r="BH19" s="26">
        <v>0</v>
      </c>
      <c r="BI19" s="404">
        <v>0</v>
      </c>
      <c r="BJ19" s="25">
        <v>0</v>
      </c>
      <c r="BK19" s="25">
        <v>27280</v>
      </c>
      <c r="BL19" s="25">
        <v>54560</v>
      </c>
      <c r="BM19" s="25">
        <v>40610</v>
      </c>
      <c r="BN19" s="25">
        <v>62620</v>
      </c>
      <c r="BO19" s="28">
        <v>185070</v>
      </c>
      <c r="BP19" s="29">
        <v>185070</v>
      </c>
      <c r="BQ19" s="24">
        <v>0</v>
      </c>
      <c r="BR19" s="25">
        <v>2685</v>
      </c>
      <c r="BS19" s="26">
        <v>2685</v>
      </c>
      <c r="BT19" s="27">
        <v>0</v>
      </c>
      <c r="BU19" s="25">
        <v>49850</v>
      </c>
      <c r="BV19" s="25">
        <v>84478</v>
      </c>
      <c r="BW19" s="25">
        <v>78460</v>
      </c>
      <c r="BX19" s="25">
        <v>158686</v>
      </c>
      <c r="BY19" s="25">
        <v>46450</v>
      </c>
      <c r="BZ19" s="28">
        <v>417924</v>
      </c>
      <c r="CA19" s="29">
        <v>420609</v>
      </c>
      <c r="CB19" s="24">
        <v>0</v>
      </c>
      <c r="CC19" s="25">
        <v>0</v>
      </c>
      <c r="CD19" s="26">
        <v>0</v>
      </c>
      <c r="CE19" s="27">
        <v>0</v>
      </c>
      <c r="CF19" s="25">
        <v>0</v>
      </c>
      <c r="CG19" s="25">
        <v>0</v>
      </c>
      <c r="CH19" s="25">
        <v>0</v>
      </c>
      <c r="CI19" s="25">
        <v>1240</v>
      </c>
      <c r="CJ19" s="25">
        <v>0</v>
      </c>
      <c r="CK19" s="28">
        <v>1240</v>
      </c>
      <c r="CL19" s="29">
        <v>1240</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3755</v>
      </c>
      <c r="DK19" s="26">
        <v>3755</v>
      </c>
      <c r="DL19" s="27">
        <v>0</v>
      </c>
      <c r="DM19" s="25">
        <v>299181</v>
      </c>
      <c r="DN19" s="25">
        <v>587559</v>
      </c>
      <c r="DO19" s="25">
        <v>3434577</v>
      </c>
      <c r="DP19" s="25">
        <v>4564351</v>
      </c>
      <c r="DQ19" s="25">
        <v>2305010</v>
      </c>
      <c r="DR19" s="28">
        <v>11190678</v>
      </c>
      <c r="DS19" s="30">
        <v>11194433</v>
      </c>
      <c r="DT19" s="24">
        <v>0</v>
      </c>
      <c r="DU19" s="25">
        <v>0</v>
      </c>
      <c r="DV19" s="26">
        <v>0</v>
      </c>
      <c r="DW19" s="404">
        <v>0</v>
      </c>
      <c r="DX19" s="25">
        <v>91512</v>
      </c>
      <c r="DY19" s="25">
        <v>188420</v>
      </c>
      <c r="DZ19" s="25">
        <v>2843337</v>
      </c>
      <c r="EA19" s="25">
        <v>4016620</v>
      </c>
      <c r="EB19" s="25">
        <v>2112027</v>
      </c>
      <c r="EC19" s="28">
        <v>9251916</v>
      </c>
      <c r="ED19" s="29">
        <v>9251916</v>
      </c>
      <c r="EE19" s="24">
        <v>0</v>
      </c>
      <c r="EF19" s="25">
        <v>0</v>
      </c>
      <c r="EG19" s="26">
        <v>0</v>
      </c>
      <c r="EH19" s="404">
        <v>0</v>
      </c>
      <c r="EI19" s="25">
        <v>139631</v>
      </c>
      <c r="EJ19" s="25">
        <v>247088</v>
      </c>
      <c r="EK19" s="25">
        <v>353693</v>
      </c>
      <c r="EL19" s="25">
        <v>250247</v>
      </c>
      <c r="EM19" s="25">
        <v>47210</v>
      </c>
      <c r="EN19" s="28">
        <v>1037869</v>
      </c>
      <c r="EO19" s="29">
        <v>1037869</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7</v>
      </c>
      <c r="FH19" s="25">
        <v>12268</v>
      </c>
      <c r="FI19" s="25">
        <v>651</v>
      </c>
      <c r="FJ19" s="28">
        <v>13136</v>
      </c>
      <c r="FK19" s="29">
        <v>13136</v>
      </c>
      <c r="FL19" s="24">
        <v>0</v>
      </c>
      <c r="FM19" s="25">
        <v>0</v>
      </c>
      <c r="FN19" s="26">
        <v>0</v>
      </c>
      <c r="FO19" s="404">
        <v>0</v>
      </c>
      <c r="FP19" s="25">
        <v>0</v>
      </c>
      <c r="FQ19" s="25">
        <v>43152</v>
      </c>
      <c r="FR19" s="25">
        <v>86304</v>
      </c>
      <c r="FS19" s="25">
        <v>101494</v>
      </c>
      <c r="FT19" s="25">
        <v>101494</v>
      </c>
      <c r="FU19" s="28">
        <v>332444</v>
      </c>
      <c r="FV19" s="29">
        <v>332444</v>
      </c>
      <c r="FW19" s="24">
        <v>0</v>
      </c>
      <c r="FX19" s="25">
        <v>3755</v>
      </c>
      <c r="FY19" s="26">
        <v>3755</v>
      </c>
      <c r="FZ19" s="27">
        <v>0</v>
      </c>
      <c r="GA19" s="25">
        <v>68038</v>
      </c>
      <c r="GB19" s="25">
        <v>108899</v>
      </c>
      <c r="GC19" s="25">
        <v>151026</v>
      </c>
      <c r="GD19" s="25">
        <v>183659</v>
      </c>
      <c r="GE19" s="25">
        <v>43628</v>
      </c>
      <c r="GF19" s="28">
        <v>555250</v>
      </c>
      <c r="GG19" s="29">
        <v>559005</v>
      </c>
      <c r="GH19" s="24">
        <v>0</v>
      </c>
      <c r="GI19" s="25">
        <v>0</v>
      </c>
      <c r="GJ19" s="26">
        <v>0</v>
      </c>
      <c r="GK19" s="27">
        <v>0</v>
      </c>
      <c r="GL19" s="25">
        <v>0</v>
      </c>
      <c r="GM19" s="25">
        <v>0</v>
      </c>
      <c r="GN19" s="25">
        <v>0</v>
      </c>
      <c r="GO19" s="25">
        <v>63</v>
      </c>
      <c r="GP19" s="25">
        <v>0</v>
      </c>
      <c r="GQ19" s="28">
        <v>63</v>
      </c>
      <c r="GR19" s="29">
        <v>63</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6440</v>
      </c>
      <c r="HQ19" s="26">
        <v>6440</v>
      </c>
      <c r="HR19" s="27">
        <v>0</v>
      </c>
      <c r="HS19" s="25">
        <v>794759</v>
      </c>
      <c r="HT19" s="25">
        <v>1322634</v>
      </c>
      <c r="HU19" s="25">
        <v>6391068</v>
      </c>
      <c r="HV19" s="25">
        <v>8522980</v>
      </c>
      <c r="HW19" s="25">
        <v>4161905</v>
      </c>
      <c r="HX19" s="28">
        <v>21193346</v>
      </c>
      <c r="HY19" s="29">
        <v>21199786</v>
      </c>
    </row>
    <row r="20" spans="2:233" ht="21" customHeight="1" x14ac:dyDescent="0.2">
      <c r="B20" s="106" t="s">
        <v>17</v>
      </c>
      <c r="C20" s="24">
        <v>3290</v>
      </c>
      <c r="D20" s="25">
        <v>0</v>
      </c>
      <c r="E20" s="26">
        <v>3290</v>
      </c>
      <c r="F20" s="27">
        <v>0</v>
      </c>
      <c r="G20" s="25">
        <v>282095</v>
      </c>
      <c r="H20" s="25">
        <v>1131012</v>
      </c>
      <c r="I20" s="25">
        <v>2731368</v>
      </c>
      <c r="J20" s="25">
        <v>3659030</v>
      </c>
      <c r="K20" s="25">
        <v>2624790</v>
      </c>
      <c r="L20" s="28">
        <v>10428295</v>
      </c>
      <c r="M20" s="29">
        <v>10431585</v>
      </c>
      <c r="N20" s="24">
        <v>0</v>
      </c>
      <c r="O20" s="25">
        <v>0</v>
      </c>
      <c r="P20" s="26">
        <v>0</v>
      </c>
      <c r="Q20" s="404">
        <v>0</v>
      </c>
      <c r="R20" s="25">
        <v>83340</v>
      </c>
      <c r="S20" s="25">
        <v>189965</v>
      </c>
      <c r="T20" s="25">
        <v>1449459</v>
      </c>
      <c r="U20" s="25">
        <v>2343460</v>
      </c>
      <c r="V20" s="25">
        <v>1976325</v>
      </c>
      <c r="W20" s="28">
        <v>6042549</v>
      </c>
      <c r="X20" s="29">
        <v>6042549</v>
      </c>
      <c r="Y20" s="24">
        <v>0</v>
      </c>
      <c r="Z20" s="25">
        <v>0</v>
      </c>
      <c r="AA20" s="26">
        <v>0</v>
      </c>
      <c r="AB20" s="404">
        <v>0</v>
      </c>
      <c r="AC20" s="25">
        <v>157870</v>
      </c>
      <c r="AD20" s="25">
        <v>836872</v>
      </c>
      <c r="AE20" s="25">
        <v>686497</v>
      </c>
      <c r="AF20" s="25">
        <v>728605</v>
      </c>
      <c r="AG20" s="25">
        <v>157680</v>
      </c>
      <c r="AH20" s="28">
        <v>2567524</v>
      </c>
      <c r="AI20" s="29">
        <v>2567524</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4505</v>
      </c>
      <c r="BC20" s="25">
        <v>90305</v>
      </c>
      <c r="BD20" s="28">
        <v>94810</v>
      </c>
      <c r="BE20" s="29">
        <v>94810</v>
      </c>
      <c r="BF20" s="24">
        <v>0</v>
      </c>
      <c r="BG20" s="25">
        <v>0</v>
      </c>
      <c r="BH20" s="26">
        <v>0</v>
      </c>
      <c r="BI20" s="404">
        <v>0</v>
      </c>
      <c r="BJ20" s="25">
        <v>0</v>
      </c>
      <c r="BK20" s="25">
        <v>0</v>
      </c>
      <c r="BL20" s="25">
        <v>394345</v>
      </c>
      <c r="BM20" s="25">
        <v>298935</v>
      </c>
      <c r="BN20" s="25">
        <v>324680</v>
      </c>
      <c r="BO20" s="28">
        <v>1017960</v>
      </c>
      <c r="BP20" s="29">
        <v>1017960</v>
      </c>
      <c r="BQ20" s="24">
        <v>3290</v>
      </c>
      <c r="BR20" s="25">
        <v>0</v>
      </c>
      <c r="BS20" s="26">
        <v>3290</v>
      </c>
      <c r="BT20" s="27">
        <v>0</v>
      </c>
      <c r="BU20" s="25">
        <v>39580</v>
      </c>
      <c r="BV20" s="25">
        <v>96800</v>
      </c>
      <c r="BW20" s="25">
        <v>196817</v>
      </c>
      <c r="BX20" s="25">
        <v>265225</v>
      </c>
      <c r="BY20" s="25">
        <v>55700</v>
      </c>
      <c r="BZ20" s="28">
        <v>654122</v>
      </c>
      <c r="CA20" s="29">
        <v>657412</v>
      </c>
      <c r="CB20" s="24">
        <v>0</v>
      </c>
      <c r="CC20" s="25">
        <v>0</v>
      </c>
      <c r="CD20" s="26">
        <v>0</v>
      </c>
      <c r="CE20" s="27">
        <v>0</v>
      </c>
      <c r="CF20" s="25">
        <v>1305</v>
      </c>
      <c r="CG20" s="25">
        <v>7375</v>
      </c>
      <c r="CH20" s="25">
        <v>4250</v>
      </c>
      <c r="CI20" s="25">
        <v>18300</v>
      </c>
      <c r="CJ20" s="25">
        <v>20100</v>
      </c>
      <c r="CK20" s="28">
        <v>51330</v>
      </c>
      <c r="CL20" s="29">
        <v>51330</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3558</v>
      </c>
      <c r="DJ20" s="25">
        <v>0</v>
      </c>
      <c r="DK20" s="26">
        <v>3558</v>
      </c>
      <c r="DL20" s="27">
        <v>0</v>
      </c>
      <c r="DM20" s="25">
        <v>116380</v>
      </c>
      <c r="DN20" s="25">
        <v>398134</v>
      </c>
      <c r="DO20" s="25">
        <v>2979356</v>
      </c>
      <c r="DP20" s="25">
        <v>4155602</v>
      </c>
      <c r="DQ20" s="25">
        <v>3021051</v>
      </c>
      <c r="DR20" s="28">
        <v>10670523</v>
      </c>
      <c r="DS20" s="30">
        <v>10674081</v>
      </c>
      <c r="DT20" s="24">
        <v>0</v>
      </c>
      <c r="DU20" s="25">
        <v>0</v>
      </c>
      <c r="DV20" s="26">
        <v>0</v>
      </c>
      <c r="DW20" s="404">
        <v>0</v>
      </c>
      <c r="DX20" s="25">
        <v>66216</v>
      </c>
      <c r="DY20" s="25">
        <v>247541</v>
      </c>
      <c r="DZ20" s="25">
        <v>2059335</v>
      </c>
      <c r="EA20" s="25">
        <v>3134336</v>
      </c>
      <c r="EB20" s="25">
        <v>2348515</v>
      </c>
      <c r="EC20" s="28">
        <v>7855943</v>
      </c>
      <c r="ED20" s="29">
        <v>7855943</v>
      </c>
      <c r="EE20" s="24">
        <v>0</v>
      </c>
      <c r="EF20" s="25">
        <v>0</v>
      </c>
      <c r="EG20" s="26">
        <v>0</v>
      </c>
      <c r="EH20" s="404">
        <v>0</v>
      </c>
      <c r="EI20" s="25">
        <v>2835</v>
      </c>
      <c r="EJ20" s="25">
        <v>21344</v>
      </c>
      <c r="EK20" s="25">
        <v>60129</v>
      </c>
      <c r="EL20" s="25">
        <v>62141</v>
      </c>
      <c r="EM20" s="25">
        <v>3087</v>
      </c>
      <c r="EN20" s="28">
        <v>149536</v>
      </c>
      <c r="EO20" s="29">
        <v>149536</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371</v>
      </c>
      <c r="FI20" s="25">
        <v>630</v>
      </c>
      <c r="FJ20" s="28">
        <v>1001</v>
      </c>
      <c r="FK20" s="29">
        <v>1001</v>
      </c>
      <c r="FL20" s="24">
        <v>0</v>
      </c>
      <c r="FM20" s="25">
        <v>0</v>
      </c>
      <c r="FN20" s="26">
        <v>0</v>
      </c>
      <c r="FO20" s="404">
        <v>0</v>
      </c>
      <c r="FP20" s="25">
        <v>0</v>
      </c>
      <c r="FQ20" s="25">
        <v>0</v>
      </c>
      <c r="FR20" s="25">
        <v>633714</v>
      </c>
      <c r="FS20" s="25">
        <v>614880</v>
      </c>
      <c r="FT20" s="25">
        <v>540145</v>
      </c>
      <c r="FU20" s="28">
        <v>1788739</v>
      </c>
      <c r="FV20" s="29">
        <v>1788739</v>
      </c>
      <c r="FW20" s="24">
        <v>3558</v>
      </c>
      <c r="FX20" s="25">
        <v>0</v>
      </c>
      <c r="FY20" s="26">
        <v>3558</v>
      </c>
      <c r="FZ20" s="27">
        <v>0</v>
      </c>
      <c r="GA20" s="25">
        <v>47252</v>
      </c>
      <c r="GB20" s="25">
        <v>128962</v>
      </c>
      <c r="GC20" s="25">
        <v>226108</v>
      </c>
      <c r="GD20" s="25">
        <v>341035</v>
      </c>
      <c r="GE20" s="25">
        <v>119382</v>
      </c>
      <c r="GF20" s="28">
        <v>862739</v>
      </c>
      <c r="GG20" s="29">
        <v>866297</v>
      </c>
      <c r="GH20" s="24">
        <v>0</v>
      </c>
      <c r="GI20" s="25">
        <v>0</v>
      </c>
      <c r="GJ20" s="26">
        <v>0</v>
      </c>
      <c r="GK20" s="27">
        <v>0</v>
      </c>
      <c r="GL20" s="25">
        <v>77</v>
      </c>
      <c r="GM20" s="25">
        <v>287</v>
      </c>
      <c r="GN20" s="25">
        <v>70</v>
      </c>
      <c r="GO20" s="25">
        <v>2839</v>
      </c>
      <c r="GP20" s="25">
        <v>9292</v>
      </c>
      <c r="GQ20" s="28">
        <v>12565</v>
      </c>
      <c r="GR20" s="29">
        <v>12565</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6848</v>
      </c>
      <c r="HP20" s="25">
        <v>0</v>
      </c>
      <c r="HQ20" s="26">
        <v>6848</v>
      </c>
      <c r="HR20" s="27">
        <v>0</v>
      </c>
      <c r="HS20" s="25">
        <v>398475</v>
      </c>
      <c r="HT20" s="25">
        <v>1529146</v>
      </c>
      <c r="HU20" s="25">
        <v>5710724</v>
      </c>
      <c r="HV20" s="25">
        <v>7814632</v>
      </c>
      <c r="HW20" s="25">
        <v>5645841</v>
      </c>
      <c r="HX20" s="28">
        <v>21098818</v>
      </c>
      <c r="HY20" s="29">
        <v>21105666</v>
      </c>
    </row>
    <row r="21" spans="2:233" ht="21" customHeight="1" x14ac:dyDescent="0.2">
      <c r="B21" s="106" t="s">
        <v>18</v>
      </c>
      <c r="C21" s="24">
        <v>0</v>
      </c>
      <c r="D21" s="25">
        <v>6060</v>
      </c>
      <c r="E21" s="26">
        <v>6060</v>
      </c>
      <c r="F21" s="27">
        <v>0</v>
      </c>
      <c r="G21" s="25">
        <v>221380</v>
      </c>
      <c r="H21" s="25">
        <v>560441</v>
      </c>
      <c r="I21" s="25">
        <v>2161905</v>
      </c>
      <c r="J21" s="25">
        <v>3858026</v>
      </c>
      <c r="K21" s="25">
        <v>2264805</v>
      </c>
      <c r="L21" s="28">
        <v>9066557</v>
      </c>
      <c r="M21" s="29">
        <v>9072617</v>
      </c>
      <c r="N21" s="24">
        <v>0</v>
      </c>
      <c r="O21" s="25">
        <v>0</v>
      </c>
      <c r="P21" s="26">
        <v>0</v>
      </c>
      <c r="Q21" s="404">
        <v>0</v>
      </c>
      <c r="R21" s="25">
        <v>25265</v>
      </c>
      <c r="S21" s="25">
        <v>66650</v>
      </c>
      <c r="T21" s="25">
        <v>1346045</v>
      </c>
      <c r="U21" s="25">
        <v>3033465</v>
      </c>
      <c r="V21" s="25">
        <v>1884460</v>
      </c>
      <c r="W21" s="28">
        <v>6355885</v>
      </c>
      <c r="X21" s="29">
        <v>6355885</v>
      </c>
      <c r="Y21" s="24">
        <v>0</v>
      </c>
      <c r="Z21" s="25">
        <v>0</v>
      </c>
      <c r="AA21" s="26">
        <v>0</v>
      </c>
      <c r="AB21" s="404">
        <v>0</v>
      </c>
      <c r="AC21" s="25">
        <v>171895</v>
      </c>
      <c r="AD21" s="25">
        <v>406121</v>
      </c>
      <c r="AE21" s="25">
        <v>509250</v>
      </c>
      <c r="AF21" s="25">
        <v>406630</v>
      </c>
      <c r="AG21" s="25">
        <v>206430</v>
      </c>
      <c r="AH21" s="28">
        <v>1700326</v>
      </c>
      <c r="AI21" s="29">
        <v>1700326</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32550</v>
      </c>
      <c r="BC21" s="25">
        <v>35340</v>
      </c>
      <c r="BD21" s="28">
        <v>67890</v>
      </c>
      <c r="BE21" s="29">
        <v>67890</v>
      </c>
      <c r="BF21" s="24">
        <v>0</v>
      </c>
      <c r="BG21" s="25">
        <v>0</v>
      </c>
      <c r="BH21" s="26">
        <v>0</v>
      </c>
      <c r="BI21" s="404">
        <v>0</v>
      </c>
      <c r="BJ21" s="25">
        <v>0</v>
      </c>
      <c r="BK21" s="25">
        <v>2635</v>
      </c>
      <c r="BL21" s="25">
        <v>35340</v>
      </c>
      <c r="BM21" s="25">
        <v>100595</v>
      </c>
      <c r="BN21" s="25">
        <v>37975</v>
      </c>
      <c r="BO21" s="28">
        <v>176545</v>
      </c>
      <c r="BP21" s="29">
        <v>176545</v>
      </c>
      <c r="BQ21" s="24">
        <v>0</v>
      </c>
      <c r="BR21" s="25">
        <v>6060</v>
      </c>
      <c r="BS21" s="26">
        <v>6060</v>
      </c>
      <c r="BT21" s="27">
        <v>0</v>
      </c>
      <c r="BU21" s="25">
        <v>22530</v>
      </c>
      <c r="BV21" s="25">
        <v>82440</v>
      </c>
      <c r="BW21" s="25">
        <v>269980</v>
      </c>
      <c r="BX21" s="25">
        <v>274231</v>
      </c>
      <c r="BY21" s="25">
        <v>100600</v>
      </c>
      <c r="BZ21" s="28">
        <v>749781</v>
      </c>
      <c r="CA21" s="29">
        <v>755841</v>
      </c>
      <c r="CB21" s="24">
        <v>0</v>
      </c>
      <c r="CC21" s="25">
        <v>0</v>
      </c>
      <c r="CD21" s="26">
        <v>0</v>
      </c>
      <c r="CE21" s="27">
        <v>0</v>
      </c>
      <c r="CF21" s="25">
        <v>1690</v>
      </c>
      <c r="CG21" s="25">
        <v>2595</v>
      </c>
      <c r="CH21" s="25">
        <v>1290</v>
      </c>
      <c r="CI21" s="25">
        <v>10555</v>
      </c>
      <c r="CJ21" s="25">
        <v>0</v>
      </c>
      <c r="CK21" s="28">
        <v>16130</v>
      </c>
      <c r="CL21" s="29">
        <v>16130</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9550</v>
      </c>
      <c r="DK21" s="26">
        <v>9550</v>
      </c>
      <c r="DL21" s="27">
        <v>0</v>
      </c>
      <c r="DM21" s="25">
        <v>137759</v>
      </c>
      <c r="DN21" s="25">
        <v>368767</v>
      </c>
      <c r="DO21" s="25">
        <v>2772771</v>
      </c>
      <c r="DP21" s="25">
        <v>4488635</v>
      </c>
      <c r="DQ21" s="25">
        <v>2911554</v>
      </c>
      <c r="DR21" s="28">
        <v>10679486</v>
      </c>
      <c r="DS21" s="30">
        <v>10689036</v>
      </c>
      <c r="DT21" s="24">
        <v>0</v>
      </c>
      <c r="DU21" s="25">
        <v>0</v>
      </c>
      <c r="DV21" s="26">
        <v>0</v>
      </c>
      <c r="DW21" s="404">
        <v>0</v>
      </c>
      <c r="DX21" s="25">
        <v>42036</v>
      </c>
      <c r="DY21" s="25">
        <v>142414</v>
      </c>
      <c r="DZ21" s="25">
        <v>2094702</v>
      </c>
      <c r="EA21" s="25">
        <v>3802433</v>
      </c>
      <c r="EB21" s="25">
        <v>2594545</v>
      </c>
      <c r="EC21" s="28">
        <v>8676130</v>
      </c>
      <c r="ED21" s="29">
        <v>8676130</v>
      </c>
      <c r="EE21" s="24">
        <v>0</v>
      </c>
      <c r="EF21" s="25">
        <v>0</v>
      </c>
      <c r="EG21" s="26">
        <v>0</v>
      </c>
      <c r="EH21" s="404">
        <v>0</v>
      </c>
      <c r="EI21" s="25">
        <v>38254</v>
      </c>
      <c r="EJ21" s="25">
        <v>81386</v>
      </c>
      <c r="EK21" s="25">
        <v>160887</v>
      </c>
      <c r="EL21" s="25">
        <v>17307</v>
      </c>
      <c r="EM21" s="25">
        <v>14277</v>
      </c>
      <c r="EN21" s="28">
        <v>312111</v>
      </c>
      <c r="EO21" s="29">
        <v>312111</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868</v>
      </c>
      <c r="FI21" s="25">
        <v>651</v>
      </c>
      <c r="FJ21" s="28">
        <v>1519</v>
      </c>
      <c r="FK21" s="29">
        <v>1519</v>
      </c>
      <c r="FL21" s="24">
        <v>0</v>
      </c>
      <c r="FM21" s="25">
        <v>0</v>
      </c>
      <c r="FN21" s="26">
        <v>0</v>
      </c>
      <c r="FO21" s="404">
        <v>0</v>
      </c>
      <c r="FP21" s="25">
        <v>0</v>
      </c>
      <c r="FQ21" s="25">
        <v>21576</v>
      </c>
      <c r="FR21" s="25">
        <v>58342</v>
      </c>
      <c r="FS21" s="25">
        <v>181412</v>
      </c>
      <c r="FT21" s="25">
        <v>79918</v>
      </c>
      <c r="FU21" s="28">
        <v>341248</v>
      </c>
      <c r="FV21" s="29">
        <v>341248</v>
      </c>
      <c r="FW21" s="24">
        <v>0</v>
      </c>
      <c r="FX21" s="25">
        <v>9550</v>
      </c>
      <c r="FY21" s="26">
        <v>9550</v>
      </c>
      <c r="FZ21" s="27">
        <v>0</v>
      </c>
      <c r="GA21" s="25">
        <v>55113</v>
      </c>
      <c r="GB21" s="25">
        <v>122609</v>
      </c>
      <c r="GC21" s="25">
        <v>455260</v>
      </c>
      <c r="GD21" s="25">
        <v>482845</v>
      </c>
      <c r="GE21" s="25">
        <v>222163</v>
      </c>
      <c r="GF21" s="28">
        <v>1337990</v>
      </c>
      <c r="GG21" s="29">
        <v>1347540</v>
      </c>
      <c r="GH21" s="24">
        <v>0</v>
      </c>
      <c r="GI21" s="25">
        <v>0</v>
      </c>
      <c r="GJ21" s="26">
        <v>0</v>
      </c>
      <c r="GK21" s="27">
        <v>0</v>
      </c>
      <c r="GL21" s="25">
        <v>2356</v>
      </c>
      <c r="GM21" s="25">
        <v>782</v>
      </c>
      <c r="GN21" s="25">
        <v>3580</v>
      </c>
      <c r="GO21" s="25">
        <v>3770</v>
      </c>
      <c r="GP21" s="25">
        <v>0</v>
      </c>
      <c r="GQ21" s="28">
        <v>10488</v>
      </c>
      <c r="GR21" s="29">
        <v>10488</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15610</v>
      </c>
      <c r="HQ21" s="26">
        <v>15610</v>
      </c>
      <c r="HR21" s="27">
        <v>0</v>
      </c>
      <c r="HS21" s="25">
        <v>359139</v>
      </c>
      <c r="HT21" s="25">
        <v>929208</v>
      </c>
      <c r="HU21" s="25">
        <v>4934676</v>
      </c>
      <c r="HV21" s="25">
        <v>8346661</v>
      </c>
      <c r="HW21" s="25">
        <v>5176359</v>
      </c>
      <c r="HX21" s="28">
        <v>19746043</v>
      </c>
      <c r="HY21" s="29">
        <v>19761653</v>
      </c>
    </row>
    <row r="22" spans="2:233" ht="21" customHeight="1" x14ac:dyDescent="0.2">
      <c r="B22" s="106" t="s">
        <v>19</v>
      </c>
      <c r="C22" s="24">
        <v>0</v>
      </c>
      <c r="D22" s="25">
        <v>0</v>
      </c>
      <c r="E22" s="26">
        <v>0</v>
      </c>
      <c r="F22" s="27">
        <v>0</v>
      </c>
      <c r="G22" s="25">
        <v>183970</v>
      </c>
      <c r="H22" s="25">
        <v>410070</v>
      </c>
      <c r="I22" s="25">
        <v>1489983</v>
      </c>
      <c r="J22" s="25">
        <v>1306425</v>
      </c>
      <c r="K22" s="25">
        <v>1328750</v>
      </c>
      <c r="L22" s="28">
        <v>4719198</v>
      </c>
      <c r="M22" s="29">
        <v>4719198</v>
      </c>
      <c r="N22" s="24">
        <v>0</v>
      </c>
      <c r="O22" s="25">
        <v>0</v>
      </c>
      <c r="P22" s="26">
        <v>0</v>
      </c>
      <c r="Q22" s="404">
        <v>0</v>
      </c>
      <c r="R22" s="25">
        <v>18285</v>
      </c>
      <c r="S22" s="25">
        <v>48585</v>
      </c>
      <c r="T22" s="25">
        <v>1035430</v>
      </c>
      <c r="U22" s="25">
        <v>967760</v>
      </c>
      <c r="V22" s="25">
        <v>1113720</v>
      </c>
      <c r="W22" s="28">
        <v>3183780</v>
      </c>
      <c r="X22" s="29">
        <v>3183780</v>
      </c>
      <c r="Y22" s="24">
        <v>0</v>
      </c>
      <c r="Z22" s="25">
        <v>0</v>
      </c>
      <c r="AA22" s="26">
        <v>0</v>
      </c>
      <c r="AB22" s="404">
        <v>0</v>
      </c>
      <c r="AC22" s="25">
        <v>143705</v>
      </c>
      <c r="AD22" s="25">
        <v>282890</v>
      </c>
      <c r="AE22" s="25">
        <v>367930</v>
      </c>
      <c r="AF22" s="25">
        <v>273325</v>
      </c>
      <c r="AG22" s="25">
        <v>162420</v>
      </c>
      <c r="AH22" s="28">
        <v>1230270</v>
      </c>
      <c r="AI22" s="29">
        <v>1230270</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0</v>
      </c>
      <c r="BD22" s="28">
        <v>0</v>
      </c>
      <c r="BE22" s="29">
        <v>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21980</v>
      </c>
      <c r="BV22" s="25">
        <v>71880</v>
      </c>
      <c r="BW22" s="25">
        <v>77878</v>
      </c>
      <c r="BX22" s="25">
        <v>63745</v>
      </c>
      <c r="BY22" s="25">
        <v>50435</v>
      </c>
      <c r="BZ22" s="28">
        <v>285918</v>
      </c>
      <c r="CA22" s="29">
        <v>285918</v>
      </c>
      <c r="CB22" s="24">
        <v>0</v>
      </c>
      <c r="CC22" s="25">
        <v>0</v>
      </c>
      <c r="CD22" s="26">
        <v>0</v>
      </c>
      <c r="CE22" s="27">
        <v>0</v>
      </c>
      <c r="CF22" s="25">
        <v>0</v>
      </c>
      <c r="CG22" s="25">
        <v>6715</v>
      </c>
      <c r="CH22" s="25">
        <v>8745</v>
      </c>
      <c r="CI22" s="25">
        <v>1595</v>
      </c>
      <c r="CJ22" s="25">
        <v>2175</v>
      </c>
      <c r="CK22" s="28">
        <v>19230</v>
      </c>
      <c r="CL22" s="29">
        <v>19230</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59533</v>
      </c>
      <c r="DN22" s="25">
        <v>236828</v>
      </c>
      <c r="DO22" s="25">
        <v>1723038</v>
      </c>
      <c r="DP22" s="25">
        <v>1565019</v>
      </c>
      <c r="DQ22" s="25">
        <v>1314156</v>
      </c>
      <c r="DR22" s="28">
        <v>4898574</v>
      </c>
      <c r="DS22" s="30">
        <v>4898574</v>
      </c>
      <c r="DT22" s="24">
        <v>0</v>
      </c>
      <c r="DU22" s="25">
        <v>0</v>
      </c>
      <c r="DV22" s="26">
        <v>0</v>
      </c>
      <c r="DW22" s="404">
        <v>0</v>
      </c>
      <c r="DX22" s="25">
        <v>11155</v>
      </c>
      <c r="DY22" s="25">
        <v>120353</v>
      </c>
      <c r="DZ22" s="25">
        <v>1577386</v>
      </c>
      <c r="EA22" s="25">
        <v>1447993</v>
      </c>
      <c r="EB22" s="25">
        <v>1244607</v>
      </c>
      <c r="EC22" s="28">
        <v>4401494</v>
      </c>
      <c r="ED22" s="29">
        <v>4401494</v>
      </c>
      <c r="EE22" s="24">
        <v>0</v>
      </c>
      <c r="EF22" s="25">
        <v>0</v>
      </c>
      <c r="EG22" s="26">
        <v>0</v>
      </c>
      <c r="EH22" s="404">
        <v>0</v>
      </c>
      <c r="EI22" s="25">
        <v>13136</v>
      </c>
      <c r="EJ22" s="25">
        <v>31950</v>
      </c>
      <c r="EK22" s="25">
        <v>4355</v>
      </c>
      <c r="EL22" s="25">
        <v>25476</v>
      </c>
      <c r="EM22" s="25">
        <v>33742</v>
      </c>
      <c r="EN22" s="28">
        <v>108659</v>
      </c>
      <c r="EO22" s="29">
        <v>108659</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0</v>
      </c>
      <c r="FJ22" s="28">
        <v>0</v>
      </c>
      <c r="FK22" s="29">
        <v>0</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5242</v>
      </c>
      <c r="GB22" s="25">
        <v>74669</v>
      </c>
      <c r="GC22" s="25">
        <v>139444</v>
      </c>
      <c r="GD22" s="25">
        <v>86180</v>
      </c>
      <c r="GE22" s="25">
        <v>35695</v>
      </c>
      <c r="GF22" s="28">
        <v>371230</v>
      </c>
      <c r="GG22" s="29">
        <v>371230</v>
      </c>
      <c r="GH22" s="24">
        <v>0</v>
      </c>
      <c r="GI22" s="25">
        <v>0</v>
      </c>
      <c r="GJ22" s="26">
        <v>0</v>
      </c>
      <c r="GK22" s="27">
        <v>0</v>
      </c>
      <c r="GL22" s="25">
        <v>0</v>
      </c>
      <c r="GM22" s="25">
        <v>9856</v>
      </c>
      <c r="GN22" s="25">
        <v>1853</v>
      </c>
      <c r="GO22" s="25">
        <v>5370</v>
      </c>
      <c r="GP22" s="25">
        <v>112</v>
      </c>
      <c r="GQ22" s="28">
        <v>17191</v>
      </c>
      <c r="GR22" s="29">
        <v>17191</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43503</v>
      </c>
      <c r="HT22" s="25">
        <v>646898</v>
      </c>
      <c r="HU22" s="25">
        <v>3213021</v>
      </c>
      <c r="HV22" s="25">
        <v>2871444</v>
      </c>
      <c r="HW22" s="25">
        <v>2642906</v>
      </c>
      <c r="HX22" s="28">
        <v>9617772</v>
      </c>
      <c r="HY22" s="29">
        <v>9617772</v>
      </c>
    </row>
    <row r="23" spans="2:233" ht="21" customHeight="1" x14ac:dyDescent="0.2">
      <c r="B23" s="106" t="s">
        <v>20</v>
      </c>
      <c r="C23" s="24">
        <v>0</v>
      </c>
      <c r="D23" s="25">
        <v>290</v>
      </c>
      <c r="E23" s="26">
        <v>290</v>
      </c>
      <c r="F23" s="27">
        <v>0</v>
      </c>
      <c r="G23" s="25">
        <v>134965</v>
      </c>
      <c r="H23" s="25">
        <v>476445</v>
      </c>
      <c r="I23" s="25">
        <v>1587760</v>
      </c>
      <c r="J23" s="25">
        <v>1469335</v>
      </c>
      <c r="K23" s="25">
        <v>861130</v>
      </c>
      <c r="L23" s="28">
        <v>4529635</v>
      </c>
      <c r="M23" s="29">
        <v>4529925</v>
      </c>
      <c r="N23" s="24">
        <v>0</v>
      </c>
      <c r="O23" s="25">
        <v>0</v>
      </c>
      <c r="P23" s="26">
        <v>0</v>
      </c>
      <c r="Q23" s="404">
        <v>0</v>
      </c>
      <c r="R23" s="25">
        <v>23070</v>
      </c>
      <c r="S23" s="25">
        <v>263020</v>
      </c>
      <c r="T23" s="25">
        <v>1302165</v>
      </c>
      <c r="U23" s="25">
        <v>1237380</v>
      </c>
      <c r="V23" s="25">
        <v>738740</v>
      </c>
      <c r="W23" s="28">
        <v>3564375</v>
      </c>
      <c r="X23" s="29">
        <v>3564375</v>
      </c>
      <c r="Y23" s="24">
        <v>0</v>
      </c>
      <c r="Z23" s="25">
        <v>0</v>
      </c>
      <c r="AA23" s="26">
        <v>0</v>
      </c>
      <c r="AB23" s="404">
        <v>0</v>
      </c>
      <c r="AC23" s="25">
        <v>81420</v>
      </c>
      <c r="AD23" s="25">
        <v>162795</v>
      </c>
      <c r="AE23" s="25">
        <v>157945</v>
      </c>
      <c r="AF23" s="25">
        <v>140725</v>
      </c>
      <c r="AG23" s="25">
        <v>70525</v>
      </c>
      <c r="AH23" s="28">
        <v>613410</v>
      </c>
      <c r="AI23" s="29">
        <v>613410</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0</v>
      </c>
      <c r="BD23" s="28">
        <v>0</v>
      </c>
      <c r="BE23" s="29">
        <v>0</v>
      </c>
      <c r="BF23" s="24">
        <v>0</v>
      </c>
      <c r="BG23" s="25">
        <v>0</v>
      </c>
      <c r="BH23" s="26">
        <v>0</v>
      </c>
      <c r="BI23" s="404">
        <v>0</v>
      </c>
      <c r="BJ23" s="25">
        <v>0</v>
      </c>
      <c r="BK23" s="25">
        <v>0</v>
      </c>
      <c r="BL23" s="25">
        <v>0</v>
      </c>
      <c r="BM23" s="25">
        <v>0</v>
      </c>
      <c r="BN23" s="25">
        <v>0</v>
      </c>
      <c r="BO23" s="28">
        <v>0</v>
      </c>
      <c r="BP23" s="29">
        <v>0</v>
      </c>
      <c r="BQ23" s="24">
        <v>0</v>
      </c>
      <c r="BR23" s="25">
        <v>290</v>
      </c>
      <c r="BS23" s="26">
        <v>290</v>
      </c>
      <c r="BT23" s="27">
        <v>0</v>
      </c>
      <c r="BU23" s="25">
        <v>30475</v>
      </c>
      <c r="BV23" s="25">
        <v>50195</v>
      </c>
      <c r="BW23" s="25">
        <v>125310</v>
      </c>
      <c r="BX23" s="25">
        <v>89635</v>
      </c>
      <c r="BY23" s="25">
        <v>51865</v>
      </c>
      <c r="BZ23" s="28">
        <v>347480</v>
      </c>
      <c r="CA23" s="29">
        <v>347770</v>
      </c>
      <c r="CB23" s="24">
        <v>0</v>
      </c>
      <c r="CC23" s="25">
        <v>0</v>
      </c>
      <c r="CD23" s="26">
        <v>0</v>
      </c>
      <c r="CE23" s="27">
        <v>0</v>
      </c>
      <c r="CF23" s="25">
        <v>0</v>
      </c>
      <c r="CG23" s="25">
        <v>435</v>
      </c>
      <c r="CH23" s="25">
        <v>2340</v>
      </c>
      <c r="CI23" s="25">
        <v>1595</v>
      </c>
      <c r="CJ23" s="25">
        <v>0</v>
      </c>
      <c r="CK23" s="28">
        <v>4370</v>
      </c>
      <c r="CL23" s="29">
        <v>4370</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2784</v>
      </c>
      <c r="DK23" s="26">
        <v>2784</v>
      </c>
      <c r="DL23" s="27">
        <v>0</v>
      </c>
      <c r="DM23" s="25">
        <v>146744</v>
      </c>
      <c r="DN23" s="25">
        <v>497416</v>
      </c>
      <c r="DO23" s="25">
        <v>2372607</v>
      </c>
      <c r="DP23" s="25">
        <v>2672288</v>
      </c>
      <c r="DQ23" s="25">
        <v>1189949</v>
      </c>
      <c r="DR23" s="28">
        <v>6879004</v>
      </c>
      <c r="DS23" s="30">
        <v>6881788</v>
      </c>
      <c r="DT23" s="24">
        <v>0</v>
      </c>
      <c r="DU23" s="25">
        <v>0</v>
      </c>
      <c r="DV23" s="26">
        <v>0</v>
      </c>
      <c r="DW23" s="404">
        <v>0</v>
      </c>
      <c r="DX23" s="25">
        <v>52008</v>
      </c>
      <c r="DY23" s="25">
        <v>370684</v>
      </c>
      <c r="DZ23" s="25">
        <v>2121952</v>
      </c>
      <c r="EA23" s="25">
        <v>2481631</v>
      </c>
      <c r="EB23" s="25">
        <v>1077266</v>
      </c>
      <c r="EC23" s="28">
        <v>6103541</v>
      </c>
      <c r="ED23" s="29">
        <v>6103541</v>
      </c>
      <c r="EE23" s="24">
        <v>0</v>
      </c>
      <c r="EF23" s="25">
        <v>0</v>
      </c>
      <c r="EG23" s="26">
        <v>0</v>
      </c>
      <c r="EH23" s="404">
        <v>0</v>
      </c>
      <c r="EI23" s="25">
        <v>23296</v>
      </c>
      <c r="EJ23" s="25">
        <v>13450</v>
      </c>
      <c r="EK23" s="25">
        <v>1953</v>
      </c>
      <c r="EL23" s="25">
        <v>3682</v>
      </c>
      <c r="EM23" s="25">
        <v>1519</v>
      </c>
      <c r="EN23" s="28">
        <v>43900</v>
      </c>
      <c r="EO23" s="29">
        <v>43900</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0</v>
      </c>
      <c r="FJ23" s="28">
        <v>0</v>
      </c>
      <c r="FK23" s="29">
        <v>0</v>
      </c>
      <c r="FL23" s="24">
        <v>0</v>
      </c>
      <c r="FM23" s="25">
        <v>0</v>
      </c>
      <c r="FN23" s="26">
        <v>0</v>
      </c>
      <c r="FO23" s="404">
        <v>0</v>
      </c>
      <c r="FP23" s="25">
        <v>0</v>
      </c>
      <c r="FQ23" s="25">
        <v>0</v>
      </c>
      <c r="FR23" s="25">
        <v>0</v>
      </c>
      <c r="FS23" s="25">
        <v>0</v>
      </c>
      <c r="FT23" s="25">
        <v>0</v>
      </c>
      <c r="FU23" s="28">
        <v>0</v>
      </c>
      <c r="FV23" s="29">
        <v>0</v>
      </c>
      <c r="FW23" s="24">
        <v>0</v>
      </c>
      <c r="FX23" s="25">
        <v>2784</v>
      </c>
      <c r="FY23" s="26">
        <v>2784</v>
      </c>
      <c r="FZ23" s="27">
        <v>0</v>
      </c>
      <c r="GA23" s="25">
        <v>71440</v>
      </c>
      <c r="GB23" s="25">
        <v>111850</v>
      </c>
      <c r="GC23" s="25">
        <v>245168</v>
      </c>
      <c r="GD23" s="25">
        <v>184083</v>
      </c>
      <c r="GE23" s="25">
        <v>107942</v>
      </c>
      <c r="GF23" s="28">
        <v>720483</v>
      </c>
      <c r="GG23" s="29">
        <v>723267</v>
      </c>
      <c r="GH23" s="24">
        <v>0</v>
      </c>
      <c r="GI23" s="25">
        <v>0</v>
      </c>
      <c r="GJ23" s="26">
        <v>0</v>
      </c>
      <c r="GK23" s="27">
        <v>0</v>
      </c>
      <c r="GL23" s="25">
        <v>0</v>
      </c>
      <c r="GM23" s="25">
        <v>1432</v>
      </c>
      <c r="GN23" s="25">
        <v>3534</v>
      </c>
      <c r="GO23" s="25">
        <v>2892</v>
      </c>
      <c r="GP23" s="25">
        <v>3222</v>
      </c>
      <c r="GQ23" s="28">
        <v>11080</v>
      </c>
      <c r="GR23" s="29">
        <v>11080</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3074</v>
      </c>
      <c r="HQ23" s="26">
        <v>3074</v>
      </c>
      <c r="HR23" s="27">
        <v>0</v>
      </c>
      <c r="HS23" s="25">
        <v>281709</v>
      </c>
      <c r="HT23" s="25">
        <v>973861</v>
      </c>
      <c r="HU23" s="25">
        <v>3960367</v>
      </c>
      <c r="HV23" s="25">
        <v>4141623</v>
      </c>
      <c r="HW23" s="25">
        <v>2051079</v>
      </c>
      <c r="HX23" s="28">
        <v>11408639</v>
      </c>
      <c r="HY23" s="29">
        <v>11411713</v>
      </c>
    </row>
    <row r="24" spans="2:233" ht="21" customHeight="1" x14ac:dyDescent="0.2">
      <c r="B24" s="106" t="s">
        <v>21</v>
      </c>
      <c r="C24" s="24">
        <v>0</v>
      </c>
      <c r="D24" s="25">
        <v>0</v>
      </c>
      <c r="E24" s="26">
        <v>0</v>
      </c>
      <c r="F24" s="27">
        <v>0</v>
      </c>
      <c r="G24" s="25">
        <v>178105</v>
      </c>
      <c r="H24" s="25">
        <v>342417</v>
      </c>
      <c r="I24" s="25">
        <v>1760759</v>
      </c>
      <c r="J24" s="25">
        <v>2165155</v>
      </c>
      <c r="K24" s="25">
        <v>1202230</v>
      </c>
      <c r="L24" s="28">
        <v>5648666</v>
      </c>
      <c r="M24" s="29">
        <v>5648666</v>
      </c>
      <c r="N24" s="24">
        <v>0</v>
      </c>
      <c r="O24" s="25">
        <v>0</v>
      </c>
      <c r="P24" s="26">
        <v>0</v>
      </c>
      <c r="Q24" s="404">
        <v>0</v>
      </c>
      <c r="R24" s="25">
        <v>38130</v>
      </c>
      <c r="S24" s="25">
        <v>198865</v>
      </c>
      <c r="T24" s="25">
        <v>1477660</v>
      </c>
      <c r="U24" s="25">
        <v>1573756</v>
      </c>
      <c r="V24" s="25">
        <v>951300</v>
      </c>
      <c r="W24" s="28">
        <v>4239711</v>
      </c>
      <c r="X24" s="29">
        <v>4239711</v>
      </c>
      <c r="Y24" s="24">
        <v>0</v>
      </c>
      <c r="Z24" s="25">
        <v>0</v>
      </c>
      <c r="AA24" s="26">
        <v>0</v>
      </c>
      <c r="AB24" s="404">
        <v>0</v>
      </c>
      <c r="AC24" s="25">
        <v>108415</v>
      </c>
      <c r="AD24" s="25">
        <v>74891</v>
      </c>
      <c r="AE24" s="25">
        <v>170850</v>
      </c>
      <c r="AF24" s="25">
        <v>275450</v>
      </c>
      <c r="AG24" s="25">
        <v>97960</v>
      </c>
      <c r="AH24" s="28">
        <v>727566</v>
      </c>
      <c r="AI24" s="29">
        <v>727566</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35495</v>
      </c>
      <c r="BB24" s="25">
        <v>30960</v>
      </c>
      <c r="BC24" s="25">
        <v>97440</v>
      </c>
      <c r="BD24" s="28">
        <v>163895</v>
      </c>
      <c r="BE24" s="29">
        <v>163895</v>
      </c>
      <c r="BF24" s="24">
        <v>0</v>
      </c>
      <c r="BG24" s="25">
        <v>0</v>
      </c>
      <c r="BH24" s="26">
        <v>0</v>
      </c>
      <c r="BI24" s="404">
        <v>0</v>
      </c>
      <c r="BJ24" s="25">
        <v>0</v>
      </c>
      <c r="BK24" s="25">
        <v>0</v>
      </c>
      <c r="BL24" s="25">
        <v>0</v>
      </c>
      <c r="BM24" s="25">
        <v>0</v>
      </c>
      <c r="BN24" s="25">
        <v>0</v>
      </c>
      <c r="BO24" s="28">
        <v>0</v>
      </c>
      <c r="BP24" s="29">
        <v>0</v>
      </c>
      <c r="BQ24" s="24">
        <v>0</v>
      </c>
      <c r="BR24" s="25">
        <v>0</v>
      </c>
      <c r="BS24" s="26">
        <v>0</v>
      </c>
      <c r="BT24" s="27">
        <v>0</v>
      </c>
      <c r="BU24" s="25">
        <v>31560</v>
      </c>
      <c r="BV24" s="25">
        <v>63490</v>
      </c>
      <c r="BW24" s="25">
        <v>76754</v>
      </c>
      <c r="BX24" s="25">
        <v>278229</v>
      </c>
      <c r="BY24" s="25">
        <v>55530</v>
      </c>
      <c r="BZ24" s="28">
        <v>505563</v>
      </c>
      <c r="CA24" s="29">
        <v>505563</v>
      </c>
      <c r="CB24" s="24">
        <v>0</v>
      </c>
      <c r="CC24" s="25">
        <v>0</v>
      </c>
      <c r="CD24" s="26">
        <v>0</v>
      </c>
      <c r="CE24" s="27">
        <v>0</v>
      </c>
      <c r="CF24" s="25">
        <v>0</v>
      </c>
      <c r="CG24" s="25">
        <v>5171</v>
      </c>
      <c r="CH24" s="25">
        <v>0</v>
      </c>
      <c r="CI24" s="25">
        <v>6760</v>
      </c>
      <c r="CJ24" s="25">
        <v>0</v>
      </c>
      <c r="CK24" s="28">
        <v>11931</v>
      </c>
      <c r="CL24" s="29">
        <v>11931</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0</v>
      </c>
      <c r="DK24" s="26">
        <v>0</v>
      </c>
      <c r="DL24" s="27">
        <v>0</v>
      </c>
      <c r="DM24" s="25">
        <v>108105</v>
      </c>
      <c r="DN24" s="25">
        <v>386702</v>
      </c>
      <c r="DO24" s="25">
        <v>2178182</v>
      </c>
      <c r="DP24" s="25">
        <v>2435234</v>
      </c>
      <c r="DQ24" s="25">
        <v>1460988</v>
      </c>
      <c r="DR24" s="28">
        <v>6569211</v>
      </c>
      <c r="DS24" s="30">
        <v>6569211</v>
      </c>
      <c r="DT24" s="24">
        <v>0</v>
      </c>
      <c r="DU24" s="25">
        <v>0</v>
      </c>
      <c r="DV24" s="26">
        <v>0</v>
      </c>
      <c r="DW24" s="404">
        <v>0</v>
      </c>
      <c r="DX24" s="25">
        <v>41540</v>
      </c>
      <c r="DY24" s="25">
        <v>233306</v>
      </c>
      <c r="DZ24" s="25">
        <v>1907756</v>
      </c>
      <c r="EA24" s="25">
        <v>2085206</v>
      </c>
      <c r="EB24" s="25">
        <v>1337470</v>
      </c>
      <c r="EC24" s="28">
        <v>5605278</v>
      </c>
      <c r="ED24" s="29">
        <v>5605278</v>
      </c>
      <c r="EE24" s="24">
        <v>0</v>
      </c>
      <c r="EF24" s="25">
        <v>0</v>
      </c>
      <c r="EG24" s="26">
        <v>0</v>
      </c>
      <c r="EH24" s="404">
        <v>0</v>
      </c>
      <c r="EI24" s="25">
        <v>13633</v>
      </c>
      <c r="EJ24" s="25">
        <v>14858</v>
      </c>
      <c r="EK24" s="25">
        <v>14263</v>
      </c>
      <c r="EL24" s="25">
        <v>10333</v>
      </c>
      <c r="EM24" s="25">
        <v>16014</v>
      </c>
      <c r="EN24" s="28">
        <v>69101</v>
      </c>
      <c r="EO24" s="29">
        <v>69101</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11687</v>
      </c>
      <c r="FH24" s="25">
        <v>651</v>
      </c>
      <c r="FI24" s="25">
        <v>12338</v>
      </c>
      <c r="FJ24" s="28">
        <v>24676</v>
      </c>
      <c r="FK24" s="29">
        <v>24676</v>
      </c>
      <c r="FL24" s="24">
        <v>0</v>
      </c>
      <c r="FM24" s="25">
        <v>0</v>
      </c>
      <c r="FN24" s="26">
        <v>0</v>
      </c>
      <c r="FO24" s="404">
        <v>0</v>
      </c>
      <c r="FP24" s="25">
        <v>0</v>
      </c>
      <c r="FQ24" s="25">
        <v>0</v>
      </c>
      <c r="FR24" s="25">
        <v>0</v>
      </c>
      <c r="FS24" s="25">
        <v>0</v>
      </c>
      <c r="FT24" s="25">
        <v>0</v>
      </c>
      <c r="FU24" s="28">
        <v>0</v>
      </c>
      <c r="FV24" s="29">
        <v>0</v>
      </c>
      <c r="FW24" s="24">
        <v>0</v>
      </c>
      <c r="FX24" s="25">
        <v>0</v>
      </c>
      <c r="FY24" s="26">
        <v>0</v>
      </c>
      <c r="FZ24" s="27">
        <v>0</v>
      </c>
      <c r="GA24" s="25">
        <v>52932</v>
      </c>
      <c r="GB24" s="25">
        <v>130186</v>
      </c>
      <c r="GC24" s="25">
        <v>244476</v>
      </c>
      <c r="GD24" s="25">
        <v>334454</v>
      </c>
      <c r="GE24" s="25">
        <v>95166</v>
      </c>
      <c r="GF24" s="28">
        <v>857214</v>
      </c>
      <c r="GG24" s="29">
        <v>857214</v>
      </c>
      <c r="GH24" s="24">
        <v>0</v>
      </c>
      <c r="GI24" s="25">
        <v>0</v>
      </c>
      <c r="GJ24" s="26">
        <v>0</v>
      </c>
      <c r="GK24" s="27">
        <v>0</v>
      </c>
      <c r="GL24" s="25">
        <v>0</v>
      </c>
      <c r="GM24" s="25">
        <v>8352</v>
      </c>
      <c r="GN24" s="25">
        <v>0</v>
      </c>
      <c r="GO24" s="25">
        <v>4590</v>
      </c>
      <c r="GP24" s="25">
        <v>0</v>
      </c>
      <c r="GQ24" s="28">
        <v>12942</v>
      </c>
      <c r="GR24" s="29">
        <v>12942</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0</v>
      </c>
      <c r="HQ24" s="26">
        <v>0</v>
      </c>
      <c r="HR24" s="27">
        <v>0</v>
      </c>
      <c r="HS24" s="25">
        <v>286210</v>
      </c>
      <c r="HT24" s="25">
        <v>729119</v>
      </c>
      <c r="HU24" s="25">
        <v>3938941</v>
      </c>
      <c r="HV24" s="25">
        <v>4600389</v>
      </c>
      <c r="HW24" s="25">
        <v>2663218</v>
      </c>
      <c r="HX24" s="28">
        <v>12217877</v>
      </c>
      <c r="HY24" s="29">
        <v>12217877</v>
      </c>
    </row>
    <row r="25" spans="2:233" ht="21" customHeight="1" x14ac:dyDescent="0.2">
      <c r="B25" s="106" t="s">
        <v>22</v>
      </c>
      <c r="C25" s="24">
        <v>0</v>
      </c>
      <c r="D25" s="25">
        <v>0</v>
      </c>
      <c r="E25" s="26">
        <v>0</v>
      </c>
      <c r="F25" s="27">
        <v>0</v>
      </c>
      <c r="G25" s="25">
        <v>136840</v>
      </c>
      <c r="H25" s="25">
        <v>256125</v>
      </c>
      <c r="I25" s="25">
        <v>850871</v>
      </c>
      <c r="J25" s="25">
        <v>1127158</v>
      </c>
      <c r="K25" s="25">
        <v>530820</v>
      </c>
      <c r="L25" s="28">
        <v>2901814</v>
      </c>
      <c r="M25" s="29">
        <v>2901814</v>
      </c>
      <c r="N25" s="24">
        <v>0</v>
      </c>
      <c r="O25" s="25">
        <v>0</v>
      </c>
      <c r="P25" s="26">
        <v>0</v>
      </c>
      <c r="Q25" s="404">
        <v>0</v>
      </c>
      <c r="R25" s="25">
        <v>69845</v>
      </c>
      <c r="S25" s="25">
        <v>35340</v>
      </c>
      <c r="T25" s="25">
        <v>618231</v>
      </c>
      <c r="U25" s="25">
        <v>708268</v>
      </c>
      <c r="V25" s="25">
        <v>270830</v>
      </c>
      <c r="W25" s="28">
        <v>1702514</v>
      </c>
      <c r="X25" s="29">
        <v>1702514</v>
      </c>
      <c r="Y25" s="24">
        <v>0</v>
      </c>
      <c r="Z25" s="25">
        <v>0</v>
      </c>
      <c r="AA25" s="26">
        <v>0</v>
      </c>
      <c r="AB25" s="404">
        <v>0</v>
      </c>
      <c r="AC25" s="25">
        <v>65410</v>
      </c>
      <c r="AD25" s="25">
        <v>214055</v>
      </c>
      <c r="AE25" s="25">
        <v>140140</v>
      </c>
      <c r="AF25" s="25">
        <v>306660</v>
      </c>
      <c r="AG25" s="25">
        <v>132215</v>
      </c>
      <c r="AH25" s="28">
        <v>858480</v>
      </c>
      <c r="AI25" s="29">
        <v>858480</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4645</v>
      </c>
      <c r="BC25" s="25">
        <v>27280</v>
      </c>
      <c r="BD25" s="28">
        <v>51925</v>
      </c>
      <c r="BE25" s="29">
        <v>51925</v>
      </c>
      <c r="BF25" s="24">
        <v>0</v>
      </c>
      <c r="BG25" s="25">
        <v>0</v>
      </c>
      <c r="BH25" s="26">
        <v>0</v>
      </c>
      <c r="BI25" s="404">
        <v>0</v>
      </c>
      <c r="BJ25" s="25">
        <v>0</v>
      </c>
      <c r="BK25" s="25">
        <v>0</v>
      </c>
      <c r="BL25" s="25">
        <v>27280</v>
      </c>
      <c r="BM25" s="25">
        <v>54560</v>
      </c>
      <c r="BN25" s="25">
        <v>91610</v>
      </c>
      <c r="BO25" s="28">
        <v>173450</v>
      </c>
      <c r="BP25" s="29">
        <v>173450</v>
      </c>
      <c r="BQ25" s="24">
        <v>0</v>
      </c>
      <c r="BR25" s="25">
        <v>0</v>
      </c>
      <c r="BS25" s="26">
        <v>0</v>
      </c>
      <c r="BT25" s="27">
        <v>0</v>
      </c>
      <c r="BU25" s="25">
        <v>1585</v>
      </c>
      <c r="BV25" s="25">
        <v>6730</v>
      </c>
      <c r="BW25" s="25">
        <v>64060</v>
      </c>
      <c r="BX25" s="25">
        <v>7820</v>
      </c>
      <c r="BY25" s="25">
        <v>8885</v>
      </c>
      <c r="BZ25" s="28">
        <v>89080</v>
      </c>
      <c r="CA25" s="29">
        <v>89080</v>
      </c>
      <c r="CB25" s="24">
        <v>0</v>
      </c>
      <c r="CC25" s="25">
        <v>0</v>
      </c>
      <c r="CD25" s="26">
        <v>0</v>
      </c>
      <c r="CE25" s="27">
        <v>0</v>
      </c>
      <c r="CF25" s="25">
        <v>0</v>
      </c>
      <c r="CG25" s="25">
        <v>0</v>
      </c>
      <c r="CH25" s="25">
        <v>1160</v>
      </c>
      <c r="CI25" s="25">
        <v>25205</v>
      </c>
      <c r="CJ25" s="25">
        <v>0</v>
      </c>
      <c r="CK25" s="28">
        <v>26365</v>
      </c>
      <c r="CL25" s="29">
        <v>26365</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0</v>
      </c>
      <c r="DK25" s="26">
        <v>0</v>
      </c>
      <c r="DL25" s="27">
        <v>0</v>
      </c>
      <c r="DM25" s="25">
        <v>65897</v>
      </c>
      <c r="DN25" s="25">
        <v>84029</v>
      </c>
      <c r="DO25" s="25">
        <v>745512</v>
      </c>
      <c r="DP25" s="25">
        <v>1052668</v>
      </c>
      <c r="DQ25" s="25">
        <v>491930</v>
      </c>
      <c r="DR25" s="28">
        <v>2440036</v>
      </c>
      <c r="DS25" s="30">
        <v>2440036</v>
      </c>
      <c r="DT25" s="24">
        <v>0</v>
      </c>
      <c r="DU25" s="25">
        <v>0</v>
      </c>
      <c r="DV25" s="26">
        <v>0</v>
      </c>
      <c r="DW25" s="404">
        <v>0</v>
      </c>
      <c r="DX25" s="25">
        <v>52155</v>
      </c>
      <c r="DY25" s="25">
        <v>37913</v>
      </c>
      <c r="DZ25" s="25">
        <v>610860</v>
      </c>
      <c r="EA25" s="25">
        <v>876714</v>
      </c>
      <c r="EB25" s="25">
        <v>342942</v>
      </c>
      <c r="EC25" s="28">
        <v>1920584</v>
      </c>
      <c r="ED25" s="29">
        <v>1920584</v>
      </c>
      <c r="EE25" s="24">
        <v>0</v>
      </c>
      <c r="EF25" s="25">
        <v>0</v>
      </c>
      <c r="EG25" s="26">
        <v>0</v>
      </c>
      <c r="EH25" s="404">
        <v>0</v>
      </c>
      <c r="EI25" s="25">
        <v>12338</v>
      </c>
      <c r="EJ25" s="25">
        <v>37586</v>
      </c>
      <c r="EK25" s="25">
        <v>23732</v>
      </c>
      <c r="EL25" s="25">
        <v>59463</v>
      </c>
      <c r="EM25" s="25">
        <v>12682</v>
      </c>
      <c r="EN25" s="28">
        <v>145801</v>
      </c>
      <c r="EO25" s="29">
        <v>145801</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1098</v>
      </c>
      <c r="FI25" s="25">
        <v>434</v>
      </c>
      <c r="FJ25" s="28">
        <v>11532</v>
      </c>
      <c r="FK25" s="29">
        <v>11532</v>
      </c>
      <c r="FL25" s="24">
        <v>0</v>
      </c>
      <c r="FM25" s="25">
        <v>0</v>
      </c>
      <c r="FN25" s="26">
        <v>0</v>
      </c>
      <c r="FO25" s="404">
        <v>0</v>
      </c>
      <c r="FP25" s="25">
        <v>0</v>
      </c>
      <c r="FQ25" s="25">
        <v>0</v>
      </c>
      <c r="FR25" s="25">
        <v>42780</v>
      </c>
      <c r="FS25" s="25">
        <v>85560</v>
      </c>
      <c r="FT25" s="25">
        <v>119390</v>
      </c>
      <c r="FU25" s="28">
        <v>247730</v>
      </c>
      <c r="FV25" s="29">
        <v>247730</v>
      </c>
      <c r="FW25" s="24">
        <v>0</v>
      </c>
      <c r="FX25" s="25">
        <v>0</v>
      </c>
      <c r="FY25" s="26">
        <v>0</v>
      </c>
      <c r="FZ25" s="27">
        <v>0</v>
      </c>
      <c r="GA25" s="25">
        <v>1404</v>
      </c>
      <c r="GB25" s="25">
        <v>8530</v>
      </c>
      <c r="GC25" s="25">
        <v>65276</v>
      </c>
      <c r="GD25" s="25">
        <v>19623</v>
      </c>
      <c r="GE25" s="25">
        <v>15036</v>
      </c>
      <c r="GF25" s="28">
        <v>109869</v>
      </c>
      <c r="GG25" s="29">
        <v>109869</v>
      </c>
      <c r="GH25" s="24">
        <v>0</v>
      </c>
      <c r="GI25" s="25">
        <v>0</v>
      </c>
      <c r="GJ25" s="26">
        <v>0</v>
      </c>
      <c r="GK25" s="27">
        <v>0</v>
      </c>
      <c r="GL25" s="25">
        <v>0</v>
      </c>
      <c r="GM25" s="25">
        <v>0</v>
      </c>
      <c r="GN25" s="25">
        <v>2864</v>
      </c>
      <c r="GO25" s="25">
        <v>210</v>
      </c>
      <c r="GP25" s="25">
        <v>1446</v>
      </c>
      <c r="GQ25" s="28">
        <v>4520</v>
      </c>
      <c r="GR25" s="29">
        <v>4520</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0</v>
      </c>
      <c r="HQ25" s="26">
        <v>0</v>
      </c>
      <c r="HR25" s="27">
        <v>0</v>
      </c>
      <c r="HS25" s="25">
        <v>202737</v>
      </c>
      <c r="HT25" s="25">
        <v>340154</v>
      </c>
      <c r="HU25" s="25">
        <v>1596383</v>
      </c>
      <c r="HV25" s="25">
        <v>2179826</v>
      </c>
      <c r="HW25" s="25">
        <v>1022750</v>
      </c>
      <c r="HX25" s="28">
        <v>5341850</v>
      </c>
      <c r="HY25" s="29">
        <v>5341850</v>
      </c>
    </row>
    <row r="26" spans="2:233" ht="21" customHeight="1" x14ac:dyDescent="0.2">
      <c r="B26" s="106" t="s">
        <v>23</v>
      </c>
      <c r="C26" s="24">
        <v>145</v>
      </c>
      <c r="D26" s="25">
        <v>0</v>
      </c>
      <c r="E26" s="26">
        <v>145</v>
      </c>
      <c r="F26" s="27">
        <v>0</v>
      </c>
      <c r="G26" s="25">
        <v>222835</v>
      </c>
      <c r="H26" s="25">
        <v>296920</v>
      </c>
      <c r="I26" s="25">
        <v>1242594</v>
      </c>
      <c r="J26" s="25">
        <v>1284452</v>
      </c>
      <c r="K26" s="25">
        <v>1105140</v>
      </c>
      <c r="L26" s="28">
        <v>4151941</v>
      </c>
      <c r="M26" s="29">
        <v>4152086</v>
      </c>
      <c r="N26" s="24">
        <v>0</v>
      </c>
      <c r="O26" s="25">
        <v>0</v>
      </c>
      <c r="P26" s="26">
        <v>0</v>
      </c>
      <c r="Q26" s="404">
        <v>0</v>
      </c>
      <c r="R26" s="25">
        <v>58930</v>
      </c>
      <c r="S26" s="25">
        <v>197685</v>
      </c>
      <c r="T26" s="25">
        <v>866810</v>
      </c>
      <c r="U26" s="25">
        <v>926462</v>
      </c>
      <c r="V26" s="25">
        <v>768220</v>
      </c>
      <c r="W26" s="28">
        <v>2818107</v>
      </c>
      <c r="X26" s="29">
        <v>2818107</v>
      </c>
      <c r="Y26" s="24">
        <v>0</v>
      </c>
      <c r="Z26" s="25">
        <v>0</v>
      </c>
      <c r="AA26" s="26">
        <v>0</v>
      </c>
      <c r="AB26" s="404">
        <v>0</v>
      </c>
      <c r="AC26" s="25">
        <v>136090</v>
      </c>
      <c r="AD26" s="25">
        <v>84010</v>
      </c>
      <c r="AE26" s="25">
        <v>299041</v>
      </c>
      <c r="AF26" s="25">
        <v>280465</v>
      </c>
      <c r="AG26" s="25">
        <v>175860</v>
      </c>
      <c r="AH26" s="28">
        <v>975466</v>
      </c>
      <c r="AI26" s="29">
        <v>975466</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24785</v>
      </c>
      <c r="BC26" s="25">
        <v>110050</v>
      </c>
      <c r="BD26" s="28">
        <v>134835</v>
      </c>
      <c r="BE26" s="29">
        <v>134835</v>
      </c>
      <c r="BF26" s="24">
        <v>0</v>
      </c>
      <c r="BG26" s="25">
        <v>0</v>
      </c>
      <c r="BH26" s="26">
        <v>0</v>
      </c>
      <c r="BI26" s="404">
        <v>0</v>
      </c>
      <c r="BJ26" s="25">
        <v>0</v>
      </c>
      <c r="BK26" s="25">
        <v>0</v>
      </c>
      <c r="BL26" s="25">
        <v>0</v>
      </c>
      <c r="BM26" s="25">
        <v>0</v>
      </c>
      <c r="BN26" s="25">
        <v>0</v>
      </c>
      <c r="BO26" s="28">
        <v>0</v>
      </c>
      <c r="BP26" s="29">
        <v>0</v>
      </c>
      <c r="BQ26" s="24">
        <v>145</v>
      </c>
      <c r="BR26" s="25">
        <v>0</v>
      </c>
      <c r="BS26" s="26">
        <v>145</v>
      </c>
      <c r="BT26" s="27">
        <v>0</v>
      </c>
      <c r="BU26" s="25">
        <v>27815</v>
      </c>
      <c r="BV26" s="25">
        <v>15225</v>
      </c>
      <c r="BW26" s="25">
        <v>76743</v>
      </c>
      <c r="BX26" s="25">
        <v>52740</v>
      </c>
      <c r="BY26" s="25">
        <v>49995</v>
      </c>
      <c r="BZ26" s="28">
        <v>222518</v>
      </c>
      <c r="CA26" s="29">
        <v>222663</v>
      </c>
      <c r="CB26" s="24">
        <v>0</v>
      </c>
      <c r="CC26" s="25">
        <v>0</v>
      </c>
      <c r="CD26" s="26">
        <v>0</v>
      </c>
      <c r="CE26" s="27">
        <v>0</v>
      </c>
      <c r="CF26" s="25">
        <v>0</v>
      </c>
      <c r="CG26" s="25">
        <v>0</v>
      </c>
      <c r="CH26" s="25">
        <v>0</v>
      </c>
      <c r="CI26" s="25">
        <v>0</v>
      </c>
      <c r="CJ26" s="25">
        <v>1015</v>
      </c>
      <c r="CK26" s="28">
        <v>1015</v>
      </c>
      <c r="CL26" s="29">
        <v>1015</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3480</v>
      </c>
      <c r="DJ26" s="25">
        <v>0</v>
      </c>
      <c r="DK26" s="26">
        <v>3480</v>
      </c>
      <c r="DL26" s="27">
        <v>0</v>
      </c>
      <c r="DM26" s="25">
        <v>117721</v>
      </c>
      <c r="DN26" s="25">
        <v>203884</v>
      </c>
      <c r="DO26" s="25">
        <v>1128298</v>
      </c>
      <c r="DP26" s="25">
        <v>1265645</v>
      </c>
      <c r="DQ26" s="25">
        <v>825877</v>
      </c>
      <c r="DR26" s="28">
        <v>3541425</v>
      </c>
      <c r="DS26" s="30">
        <v>3544905</v>
      </c>
      <c r="DT26" s="24">
        <v>0</v>
      </c>
      <c r="DU26" s="25">
        <v>0</v>
      </c>
      <c r="DV26" s="26">
        <v>0</v>
      </c>
      <c r="DW26" s="404">
        <v>0</v>
      </c>
      <c r="DX26" s="25">
        <v>54252</v>
      </c>
      <c r="DY26" s="25">
        <v>142158</v>
      </c>
      <c r="DZ26" s="25">
        <v>986420</v>
      </c>
      <c r="EA26" s="25">
        <v>1191296</v>
      </c>
      <c r="EB26" s="25">
        <v>687820</v>
      </c>
      <c r="EC26" s="28">
        <v>3061946</v>
      </c>
      <c r="ED26" s="29">
        <v>3061946</v>
      </c>
      <c r="EE26" s="24">
        <v>0</v>
      </c>
      <c r="EF26" s="25">
        <v>0</v>
      </c>
      <c r="EG26" s="26">
        <v>0</v>
      </c>
      <c r="EH26" s="404">
        <v>0</v>
      </c>
      <c r="EI26" s="25">
        <v>49755</v>
      </c>
      <c r="EJ26" s="25">
        <v>13206</v>
      </c>
      <c r="EK26" s="25">
        <v>14242</v>
      </c>
      <c r="EL26" s="25">
        <v>5313</v>
      </c>
      <c r="EM26" s="25">
        <v>58099</v>
      </c>
      <c r="EN26" s="28">
        <v>140615</v>
      </c>
      <c r="EO26" s="29">
        <v>140615</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7</v>
      </c>
      <c r="FI26" s="25">
        <v>11904</v>
      </c>
      <c r="FJ26" s="28">
        <v>12121</v>
      </c>
      <c r="FK26" s="29">
        <v>12121</v>
      </c>
      <c r="FL26" s="24">
        <v>0</v>
      </c>
      <c r="FM26" s="25">
        <v>0</v>
      </c>
      <c r="FN26" s="26">
        <v>0</v>
      </c>
      <c r="FO26" s="404">
        <v>0</v>
      </c>
      <c r="FP26" s="25">
        <v>0</v>
      </c>
      <c r="FQ26" s="25">
        <v>0</v>
      </c>
      <c r="FR26" s="25">
        <v>0</v>
      </c>
      <c r="FS26" s="25">
        <v>0</v>
      </c>
      <c r="FT26" s="25">
        <v>0</v>
      </c>
      <c r="FU26" s="28">
        <v>0</v>
      </c>
      <c r="FV26" s="29">
        <v>0</v>
      </c>
      <c r="FW26" s="24">
        <v>3480</v>
      </c>
      <c r="FX26" s="25">
        <v>0</v>
      </c>
      <c r="FY26" s="26">
        <v>3480</v>
      </c>
      <c r="FZ26" s="27">
        <v>0</v>
      </c>
      <c r="GA26" s="25">
        <v>13714</v>
      </c>
      <c r="GB26" s="25">
        <v>48520</v>
      </c>
      <c r="GC26" s="25">
        <v>127636</v>
      </c>
      <c r="GD26" s="25">
        <v>68819</v>
      </c>
      <c r="GE26" s="25">
        <v>66594</v>
      </c>
      <c r="GF26" s="28">
        <v>325283</v>
      </c>
      <c r="GG26" s="29">
        <v>328763</v>
      </c>
      <c r="GH26" s="24">
        <v>0</v>
      </c>
      <c r="GI26" s="25">
        <v>0</v>
      </c>
      <c r="GJ26" s="26">
        <v>0</v>
      </c>
      <c r="GK26" s="27">
        <v>0</v>
      </c>
      <c r="GL26" s="25">
        <v>0</v>
      </c>
      <c r="GM26" s="25">
        <v>0</v>
      </c>
      <c r="GN26" s="25">
        <v>0</v>
      </c>
      <c r="GO26" s="25">
        <v>0</v>
      </c>
      <c r="GP26" s="25">
        <v>1460</v>
      </c>
      <c r="GQ26" s="28">
        <v>1460</v>
      </c>
      <c r="GR26" s="29">
        <v>1460</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3625</v>
      </c>
      <c r="HP26" s="25">
        <v>0</v>
      </c>
      <c r="HQ26" s="26">
        <v>3625</v>
      </c>
      <c r="HR26" s="27">
        <v>0</v>
      </c>
      <c r="HS26" s="25">
        <v>340556</v>
      </c>
      <c r="HT26" s="25">
        <v>500804</v>
      </c>
      <c r="HU26" s="25">
        <v>2370892</v>
      </c>
      <c r="HV26" s="25">
        <v>2550097</v>
      </c>
      <c r="HW26" s="25">
        <v>1931017</v>
      </c>
      <c r="HX26" s="28">
        <v>7693366</v>
      </c>
      <c r="HY26" s="29">
        <v>7696991</v>
      </c>
    </row>
    <row r="27" spans="2:233" ht="21" customHeight="1" x14ac:dyDescent="0.2">
      <c r="B27" s="106" t="s">
        <v>24</v>
      </c>
      <c r="C27" s="24">
        <v>0</v>
      </c>
      <c r="D27" s="25">
        <v>0</v>
      </c>
      <c r="E27" s="26">
        <v>0</v>
      </c>
      <c r="F27" s="27">
        <v>0</v>
      </c>
      <c r="G27" s="25">
        <v>68815</v>
      </c>
      <c r="H27" s="25">
        <v>42910</v>
      </c>
      <c r="I27" s="25">
        <v>262485</v>
      </c>
      <c r="J27" s="25">
        <v>871767</v>
      </c>
      <c r="K27" s="25">
        <v>229040</v>
      </c>
      <c r="L27" s="28">
        <v>1475017</v>
      </c>
      <c r="M27" s="29">
        <v>1475017</v>
      </c>
      <c r="N27" s="24">
        <v>0</v>
      </c>
      <c r="O27" s="25">
        <v>0</v>
      </c>
      <c r="P27" s="26">
        <v>0</v>
      </c>
      <c r="Q27" s="404">
        <v>0</v>
      </c>
      <c r="R27" s="25">
        <v>0</v>
      </c>
      <c r="S27" s="25">
        <v>0</v>
      </c>
      <c r="T27" s="25">
        <v>147250</v>
      </c>
      <c r="U27" s="25">
        <v>689405</v>
      </c>
      <c r="V27" s="25">
        <v>159790</v>
      </c>
      <c r="W27" s="28">
        <v>996445</v>
      </c>
      <c r="X27" s="29">
        <v>996445</v>
      </c>
      <c r="Y27" s="24">
        <v>0</v>
      </c>
      <c r="Z27" s="25">
        <v>0</v>
      </c>
      <c r="AA27" s="26">
        <v>0</v>
      </c>
      <c r="AB27" s="404">
        <v>0</v>
      </c>
      <c r="AC27" s="25">
        <v>59985</v>
      </c>
      <c r="AD27" s="25">
        <v>30115</v>
      </c>
      <c r="AE27" s="25">
        <v>78585</v>
      </c>
      <c r="AF27" s="25">
        <v>142972</v>
      </c>
      <c r="AG27" s="25">
        <v>48690</v>
      </c>
      <c r="AH27" s="28">
        <v>360347</v>
      </c>
      <c r="AI27" s="29">
        <v>360347</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0</v>
      </c>
      <c r="BD27" s="28">
        <v>0</v>
      </c>
      <c r="BE27" s="29">
        <v>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8830</v>
      </c>
      <c r="BV27" s="25">
        <v>12795</v>
      </c>
      <c r="BW27" s="25">
        <v>34270</v>
      </c>
      <c r="BX27" s="25">
        <v>39390</v>
      </c>
      <c r="BY27" s="25">
        <v>13245</v>
      </c>
      <c r="BZ27" s="28">
        <v>108530</v>
      </c>
      <c r="CA27" s="29">
        <v>108530</v>
      </c>
      <c r="CB27" s="24">
        <v>0</v>
      </c>
      <c r="CC27" s="25">
        <v>0</v>
      </c>
      <c r="CD27" s="26">
        <v>0</v>
      </c>
      <c r="CE27" s="27">
        <v>0</v>
      </c>
      <c r="CF27" s="25">
        <v>0</v>
      </c>
      <c r="CG27" s="25">
        <v>0</v>
      </c>
      <c r="CH27" s="25">
        <v>2380</v>
      </c>
      <c r="CI27" s="25">
        <v>0</v>
      </c>
      <c r="CJ27" s="25">
        <v>7315</v>
      </c>
      <c r="CK27" s="28">
        <v>9695</v>
      </c>
      <c r="CL27" s="29">
        <v>9695</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27217</v>
      </c>
      <c r="DN27" s="25">
        <v>27928</v>
      </c>
      <c r="DO27" s="25">
        <v>304990</v>
      </c>
      <c r="DP27" s="25">
        <v>842420</v>
      </c>
      <c r="DQ27" s="25">
        <v>369564</v>
      </c>
      <c r="DR27" s="28">
        <v>1572119</v>
      </c>
      <c r="DS27" s="30">
        <v>1572119</v>
      </c>
      <c r="DT27" s="24">
        <v>0</v>
      </c>
      <c r="DU27" s="25">
        <v>0</v>
      </c>
      <c r="DV27" s="26">
        <v>0</v>
      </c>
      <c r="DW27" s="404">
        <v>0</v>
      </c>
      <c r="DX27" s="25">
        <v>0</v>
      </c>
      <c r="DY27" s="25">
        <v>0</v>
      </c>
      <c r="DZ27" s="25">
        <v>146444</v>
      </c>
      <c r="EA27" s="25">
        <v>805961</v>
      </c>
      <c r="EB27" s="25">
        <v>326351</v>
      </c>
      <c r="EC27" s="28">
        <v>1278756</v>
      </c>
      <c r="ED27" s="29">
        <v>1278756</v>
      </c>
      <c r="EE27" s="24">
        <v>0</v>
      </c>
      <c r="EF27" s="25">
        <v>0</v>
      </c>
      <c r="EG27" s="26">
        <v>0</v>
      </c>
      <c r="EH27" s="404">
        <v>0</v>
      </c>
      <c r="EI27" s="25">
        <v>651</v>
      </c>
      <c r="EJ27" s="25">
        <v>9265</v>
      </c>
      <c r="EK27" s="25">
        <v>117745</v>
      </c>
      <c r="EL27" s="25">
        <v>4327</v>
      </c>
      <c r="EM27" s="25">
        <v>23472</v>
      </c>
      <c r="EN27" s="28">
        <v>155460</v>
      </c>
      <c r="EO27" s="29">
        <v>155460</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0</v>
      </c>
      <c r="FJ27" s="28">
        <v>0</v>
      </c>
      <c r="FK27" s="29">
        <v>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26566</v>
      </c>
      <c r="GB27" s="25">
        <v>18663</v>
      </c>
      <c r="GC27" s="25">
        <v>40759</v>
      </c>
      <c r="GD27" s="25">
        <v>32132</v>
      </c>
      <c r="GE27" s="25">
        <v>19678</v>
      </c>
      <c r="GF27" s="28">
        <v>137798</v>
      </c>
      <c r="GG27" s="29">
        <v>137798</v>
      </c>
      <c r="GH27" s="24">
        <v>0</v>
      </c>
      <c r="GI27" s="25">
        <v>0</v>
      </c>
      <c r="GJ27" s="26">
        <v>0</v>
      </c>
      <c r="GK27" s="27">
        <v>0</v>
      </c>
      <c r="GL27" s="25">
        <v>0</v>
      </c>
      <c r="GM27" s="25">
        <v>0</v>
      </c>
      <c r="GN27" s="25">
        <v>42</v>
      </c>
      <c r="GO27" s="25">
        <v>0</v>
      </c>
      <c r="GP27" s="25">
        <v>63</v>
      </c>
      <c r="GQ27" s="28">
        <v>105</v>
      </c>
      <c r="GR27" s="29">
        <v>105</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96032</v>
      </c>
      <c r="HT27" s="25">
        <v>70838</v>
      </c>
      <c r="HU27" s="25">
        <v>567475</v>
      </c>
      <c r="HV27" s="25">
        <v>1714187</v>
      </c>
      <c r="HW27" s="25">
        <v>598604</v>
      </c>
      <c r="HX27" s="28">
        <v>3047136</v>
      </c>
      <c r="HY27" s="29">
        <v>3047136</v>
      </c>
    </row>
    <row r="28" spans="2:233" ht="21" customHeight="1" x14ac:dyDescent="0.2">
      <c r="B28" s="106" t="s">
        <v>25</v>
      </c>
      <c r="C28" s="24">
        <v>0</v>
      </c>
      <c r="D28" s="25">
        <v>0</v>
      </c>
      <c r="E28" s="26">
        <v>0</v>
      </c>
      <c r="F28" s="27">
        <v>0</v>
      </c>
      <c r="G28" s="25">
        <v>67313</v>
      </c>
      <c r="H28" s="25">
        <v>249383</v>
      </c>
      <c r="I28" s="25">
        <v>658780</v>
      </c>
      <c r="J28" s="25">
        <v>734866</v>
      </c>
      <c r="K28" s="25">
        <v>430660</v>
      </c>
      <c r="L28" s="28">
        <v>2141002</v>
      </c>
      <c r="M28" s="29">
        <v>2141002</v>
      </c>
      <c r="N28" s="24">
        <v>0</v>
      </c>
      <c r="O28" s="25">
        <v>0</v>
      </c>
      <c r="P28" s="26">
        <v>0</v>
      </c>
      <c r="Q28" s="404">
        <v>0</v>
      </c>
      <c r="R28" s="25">
        <v>0</v>
      </c>
      <c r="S28" s="25">
        <v>2635</v>
      </c>
      <c r="T28" s="25">
        <v>501210</v>
      </c>
      <c r="U28" s="25">
        <v>508005</v>
      </c>
      <c r="V28" s="25">
        <v>313325</v>
      </c>
      <c r="W28" s="28">
        <v>1325175</v>
      </c>
      <c r="X28" s="29">
        <v>1325175</v>
      </c>
      <c r="Y28" s="24">
        <v>0</v>
      </c>
      <c r="Z28" s="25">
        <v>0</v>
      </c>
      <c r="AA28" s="26">
        <v>0</v>
      </c>
      <c r="AB28" s="404">
        <v>0</v>
      </c>
      <c r="AC28" s="25">
        <v>33045</v>
      </c>
      <c r="AD28" s="25">
        <v>218343</v>
      </c>
      <c r="AE28" s="25">
        <v>85615</v>
      </c>
      <c r="AF28" s="25">
        <v>175188</v>
      </c>
      <c r="AG28" s="25">
        <v>84630</v>
      </c>
      <c r="AH28" s="28">
        <v>596821</v>
      </c>
      <c r="AI28" s="29">
        <v>596821</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32705</v>
      </c>
      <c r="BD28" s="28">
        <v>32705</v>
      </c>
      <c r="BE28" s="29">
        <v>32705</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34268</v>
      </c>
      <c r="BV28" s="25">
        <v>28405</v>
      </c>
      <c r="BW28" s="25">
        <v>69200</v>
      </c>
      <c r="BX28" s="25">
        <v>51673</v>
      </c>
      <c r="BY28" s="25">
        <v>0</v>
      </c>
      <c r="BZ28" s="28">
        <v>183546</v>
      </c>
      <c r="CA28" s="29">
        <v>183546</v>
      </c>
      <c r="CB28" s="24">
        <v>0</v>
      </c>
      <c r="CC28" s="25">
        <v>0</v>
      </c>
      <c r="CD28" s="26">
        <v>0</v>
      </c>
      <c r="CE28" s="27">
        <v>0</v>
      </c>
      <c r="CF28" s="25">
        <v>0</v>
      </c>
      <c r="CG28" s="25">
        <v>0</v>
      </c>
      <c r="CH28" s="25">
        <v>2755</v>
      </c>
      <c r="CI28" s="25">
        <v>0</v>
      </c>
      <c r="CJ28" s="25">
        <v>0</v>
      </c>
      <c r="CK28" s="28">
        <v>2755</v>
      </c>
      <c r="CL28" s="29">
        <v>2755</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28390</v>
      </c>
      <c r="DN28" s="25">
        <v>102283</v>
      </c>
      <c r="DO28" s="25">
        <v>708115</v>
      </c>
      <c r="DP28" s="25">
        <v>1012425</v>
      </c>
      <c r="DQ28" s="25">
        <v>296160</v>
      </c>
      <c r="DR28" s="28">
        <v>2147373</v>
      </c>
      <c r="DS28" s="30">
        <v>2147373</v>
      </c>
      <c r="DT28" s="24">
        <v>0</v>
      </c>
      <c r="DU28" s="25">
        <v>0</v>
      </c>
      <c r="DV28" s="26">
        <v>0</v>
      </c>
      <c r="DW28" s="404">
        <v>0</v>
      </c>
      <c r="DX28" s="25">
        <v>0</v>
      </c>
      <c r="DY28" s="25">
        <v>15035</v>
      </c>
      <c r="DZ28" s="25">
        <v>623073</v>
      </c>
      <c r="EA28" s="25">
        <v>904358</v>
      </c>
      <c r="EB28" s="25">
        <v>295075</v>
      </c>
      <c r="EC28" s="28">
        <v>1837541</v>
      </c>
      <c r="ED28" s="29">
        <v>1837541</v>
      </c>
      <c r="EE28" s="24">
        <v>0</v>
      </c>
      <c r="EF28" s="25">
        <v>0</v>
      </c>
      <c r="EG28" s="26">
        <v>0</v>
      </c>
      <c r="EH28" s="404">
        <v>0</v>
      </c>
      <c r="EI28" s="25">
        <v>245</v>
      </c>
      <c r="EJ28" s="25">
        <v>30124</v>
      </c>
      <c r="EK28" s="25">
        <v>2461</v>
      </c>
      <c r="EL28" s="25">
        <v>26447</v>
      </c>
      <c r="EM28" s="25">
        <v>868</v>
      </c>
      <c r="EN28" s="28">
        <v>60145</v>
      </c>
      <c r="EO28" s="29">
        <v>60145</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217</v>
      </c>
      <c r="FJ28" s="28">
        <v>217</v>
      </c>
      <c r="FK28" s="29">
        <v>217</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28145</v>
      </c>
      <c r="GB28" s="25">
        <v>57124</v>
      </c>
      <c r="GC28" s="25">
        <v>82413</v>
      </c>
      <c r="GD28" s="25">
        <v>81620</v>
      </c>
      <c r="GE28" s="25">
        <v>0</v>
      </c>
      <c r="GF28" s="28">
        <v>249302</v>
      </c>
      <c r="GG28" s="29">
        <v>249302</v>
      </c>
      <c r="GH28" s="24">
        <v>0</v>
      </c>
      <c r="GI28" s="25">
        <v>0</v>
      </c>
      <c r="GJ28" s="26">
        <v>0</v>
      </c>
      <c r="GK28" s="27">
        <v>0</v>
      </c>
      <c r="GL28" s="25">
        <v>0</v>
      </c>
      <c r="GM28" s="25">
        <v>0</v>
      </c>
      <c r="GN28" s="25">
        <v>168</v>
      </c>
      <c r="GO28" s="25">
        <v>0</v>
      </c>
      <c r="GP28" s="25">
        <v>0</v>
      </c>
      <c r="GQ28" s="28">
        <v>168</v>
      </c>
      <c r="GR28" s="29">
        <v>168</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95703</v>
      </c>
      <c r="HT28" s="25">
        <v>351666</v>
      </c>
      <c r="HU28" s="25">
        <v>1366895</v>
      </c>
      <c r="HV28" s="25">
        <v>1747291</v>
      </c>
      <c r="HW28" s="25">
        <v>726820</v>
      </c>
      <c r="HX28" s="28">
        <v>4288375</v>
      </c>
      <c r="HY28" s="29">
        <v>4288375</v>
      </c>
    </row>
    <row r="29" spans="2:233" ht="21" customHeight="1" x14ac:dyDescent="0.2">
      <c r="B29" s="106" t="s">
        <v>26</v>
      </c>
      <c r="C29" s="24">
        <v>0</v>
      </c>
      <c r="D29" s="25">
        <v>0</v>
      </c>
      <c r="E29" s="26">
        <v>0</v>
      </c>
      <c r="F29" s="27">
        <v>0</v>
      </c>
      <c r="G29" s="25">
        <v>33285</v>
      </c>
      <c r="H29" s="25">
        <v>81704</v>
      </c>
      <c r="I29" s="25">
        <v>330515</v>
      </c>
      <c r="J29" s="25">
        <v>768325</v>
      </c>
      <c r="K29" s="25">
        <v>572755</v>
      </c>
      <c r="L29" s="28">
        <v>1786584</v>
      </c>
      <c r="M29" s="29">
        <v>1786584</v>
      </c>
      <c r="N29" s="24">
        <v>0</v>
      </c>
      <c r="O29" s="25">
        <v>0</v>
      </c>
      <c r="P29" s="26">
        <v>0</v>
      </c>
      <c r="Q29" s="404">
        <v>0</v>
      </c>
      <c r="R29" s="25">
        <v>0</v>
      </c>
      <c r="S29" s="25">
        <v>30690</v>
      </c>
      <c r="T29" s="25">
        <v>115250</v>
      </c>
      <c r="U29" s="25">
        <v>441685</v>
      </c>
      <c r="V29" s="25">
        <v>476785</v>
      </c>
      <c r="W29" s="28">
        <v>1064410</v>
      </c>
      <c r="X29" s="29">
        <v>1064410</v>
      </c>
      <c r="Y29" s="24">
        <v>0</v>
      </c>
      <c r="Z29" s="25">
        <v>0</v>
      </c>
      <c r="AA29" s="26">
        <v>0</v>
      </c>
      <c r="AB29" s="404">
        <v>0</v>
      </c>
      <c r="AC29" s="25">
        <v>32705</v>
      </c>
      <c r="AD29" s="25">
        <v>43245</v>
      </c>
      <c r="AE29" s="25">
        <v>187420</v>
      </c>
      <c r="AF29" s="25">
        <v>252050</v>
      </c>
      <c r="AG29" s="25">
        <v>75250</v>
      </c>
      <c r="AH29" s="28">
        <v>590670</v>
      </c>
      <c r="AI29" s="29">
        <v>590670</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635</v>
      </c>
      <c r="BB29" s="25">
        <v>32705</v>
      </c>
      <c r="BC29" s="25">
        <v>5270</v>
      </c>
      <c r="BD29" s="28">
        <v>40610</v>
      </c>
      <c r="BE29" s="29">
        <v>40610</v>
      </c>
      <c r="BF29" s="24">
        <v>0</v>
      </c>
      <c r="BG29" s="25">
        <v>0</v>
      </c>
      <c r="BH29" s="26">
        <v>0</v>
      </c>
      <c r="BI29" s="404">
        <v>0</v>
      </c>
      <c r="BJ29" s="25">
        <v>0</v>
      </c>
      <c r="BK29" s="25">
        <v>0</v>
      </c>
      <c r="BL29" s="25">
        <v>0</v>
      </c>
      <c r="BM29" s="25">
        <v>0</v>
      </c>
      <c r="BN29" s="25">
        <v>0</v>
      </c>
      <c r="BO29" s="28">
        <v>0</v>
      </c>
      <c r="BP29" s="29">
        <v>0</v>
      </c>
      <c r="BQ29" s="24">
        <v>0</v>
      </c>
      <c r="BR29" s="25">
        <v>0</v>
      </c>
      <c r="BS29" s="26">
        <v>0</v>
      </c>
      <c r="BT29" s="27">
        <v>0</v>
      </c>
      <c r="BU29" s="25">
        <v>580</v>
      </c>
      <c r="BV29" s="25">
        <v>6434</v>
      </c>
      <c r="BW29" s="25">
        <v>25210</v>
      </c>
      <c r="BX29" s="25">
        <v>38115</v>
      </c>
      <c r="BY29" s="25">
        <v>15450</v>
      </c>
      <c r="BZ29" s="28">
        <v>85789</v>
      </c>
      <c r="CA29" s="29">
        <v>85789</v>
      </c>
      <c r="CB29" s="24">
        <v>0</v>
      </c>
      <c r="CC29" s="25">
        <v>0</v>
      </c>
      <c r="CD29" s="26">
        <v>0</v>
      </c>
      <c r="CE29" s="27">
        <v>0</v>
      </c>
      <c r="CF29" s="25">
        <v>0</v>
      </c>
      <c r="CG29" s="25">
        <v>1335</v>
      </c>
      <c r="CH29" s="25">
        <v>0</v>
      </c>
      <c r="CI29" s="25">
        <v>3770</v>
      </c>
      <c r="CJ29" s="25">
        <v>0</v>
      </c>
      <c r="CK29" s="28">
        <v>5105</v>
      </c>
      <c r="CL29" s="29">
        <v>5105</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0</v>
      </c>
      <c r="DJ29" s="25">
        <v>0</v>
      </c>
      <c r="DK29" s="26">
        <v>0</v>
      </c>
      <c r="DL29" s="27">
        <v>0</v>
      </c>
      <c r="DM29" s="25">
        <v>3025</v>
      </c>
      <c r="DN29" s="25">
        <v>56475</v>
      </c>
      <c r="DO29" s="25">
        <v>277272</v>
      </c>
      <c r="DP29" s="25">
        <v>798071</v>
      </c>
      <c r="DQ29" s="25">
        <v>514600</v>
      </c>
      <c r="DR29" s="28">
        <v>1649443</v>
      </c>
      <c r="DS29" s="30">
        <v>1649443</v>
      </c>
      <c r="DT29" s="24">
        <v>0</v>
      </c>
      <c r="DU29" s="25">
        <v>0</v>
      </c>
      <c r="DV29" s="26">
        <v>0</v>
      </c>
      <c r="DW29" s="404">
        <v>0</v>
      </c>
      <c r="DX29" s="25">
        <v>0</v>
      </c>
      <c r="DY29" s="25">
        <v>35650</v>
      </c>
      <c r="DZ29" s="25">
        <v>236194</v>
      </c>
      <c r="EA29" s="25">
        <v>670888</v>
      </c>
      <c r="EB29" s="25">
        <v>461039</v>
      </c>
      <c r="EC29" s="28">
        <v>1403771</v>
      </c>
      <c r="ED29" s="29">
        <v>1403771</v>
      </c>
      <c r="EE29" s="24">
        <v>0</v>
      </c>
      <c r="EF29" s="25">
        <v>0</v>
      </c>
      <c r="EG29" s="26">
        <v>0</v>
      </c>
      <c r="EH29" s="404">
        <v>0</v>
      </c>
      <c r="EI29" s="25">
        <v>217</v>
      </c>
      <c r="EJ29" s="25">
        <v>1085</v>
      </c>
      <c r="EK29" s="25">
        <v>24627</v>
      </c>
      <c r="EL29" s="25">
        <v>49822</v>
      </c>
      <c r="EM29" s="25">
        <v>12485</v>
      </c>
      <c r="EN29" s="28">
        <v>88236</v>
      </c>
      <c r="EO29" s="29">
        <v>88236</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7</v>
      </c>
      <c r="FH29" s="25">
        <v>217</v>
      </c>
      <c r="FI29" s="25">
        <v>434</v>
      </c>
      <c r="FJ29" s="28">
        <v>868</v>
      </c>
      <c r="FK29" s="29">
        <v>868</v>
      </c>
      <c r="FL29" s="24">
        <v>0</v>
      </c>
      <c r="FM29" s="25">
        <v>0</v>
      </c>
      <c r="FN29" s="26">
        <v>0</v>
      </c>
      <c r="FO29" s="404">
        <v>0</v>
      </c>
      <c r="FP29" s="25">
        <v>0</v>
      </c>
      <c r="FQ29" s="25">
        <v>0</v>
      </c>
      <c r="FR29" s="25">
        <v>0</v>
      </c>
      <c r="FS29" s="25">
        <v>0</v>
      </c>
      <c r="FT29" s="25">
        <v>0</v>
      </c>
      <c r="FU29" s="28">
        <v>0</v>
      </c>
      <c r="FV29" s="29">
        <v>0</v>
      </c>
      <c r="FW29" s="24">
        <v>0</v>
      </c>
      <c r="FX29" s="25">
        <v>0</v>
      </c>
      <c r="FY29" s="26">
        <v>0</v>
      </c>
      <c r="FZ29" s="27">
        <v>0</v>
      </c>
      <c r="GA29" s="25">
        <v>2808</v>
      </c>
      <c r="GB29" s="25">
        <v>18666</v>
      </c>
      <c r="GC29" s="25">
        <v>16234</v>
      </c>
      <c r="GD29" s="25">
        <v>76962</v>
      </c>
      <c r="GE29" s="25">
        <v>40642</v>
      </c>
      <c r="GF29" s="28">
        <v>155312</v>
      </c>
      <c r="GG29" s="29">
        <v>155312</v>
      </c>
      <c r="GH29" s="24">
        <v>0</v>
      </c>
      <c r="GI29" s="25">
        <v>0</v>
      </c>
      <c r="GJ29" s="26">
        <v>0</v>
      </c>
      <c r="GK29" s="27">
        <v>0</v>
      </c>
      <c r="GL29" s="25">
        <v>0</v>
      </c>
      <c r="GM29" s="25">
        <v>1074</v>
      </c>
      <c r="GN29" s="25">
        <v>0</v>
      </c>
      <c r="GO29" s="25">
        <v>182</v>
      </c>
      <c r="GP29" s="25">
        <v>0</v>
      </c>
      <c r="GQ29" s="28">
        <v>1256</v>
      </c>
      <c r="GR29" s="29">
        <v>1256</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0</v>
      </c>
      <c r="HP29" s="25">
        <v>0</v>
      </c>
      <c r="HQ29" s="26">
        <v>0</v>
      </c>
      <c r="HR29" s="27">
        <v>0</v>
      </c>
      <c r="HS29" s="25">
        <v>36310</v>
      </c>
      <c r="HT29" s="25">
        <v>138179</v>
      </c>
      <c r="HU29" s="25">
        <v>607787</v>
      </c>
      <c r="HV29" s="25">
        <v>1566396</v>
      </c>
      <c r="HW29" s="25">
        <v>1087355</v>
      </c>
      <c r="HX29" s="28">
        <v>3436027</v>
      </c>
      <c r="HY29" s="29">
        <v>3436027</v>
      </c>
    </row>
    <row r="30" spans="2:233" ht="21" customHeight="1" x14ac:dyDescent="0.2">
      <c r="B30" s="106" t="s">
        <v>27</v>
      </c>
      <c r="C30" s="24">
        <v>0</v>
      </c>
      <c r="D30" s="25">
        <v>0</v>
      </c>
      <c r="E30" s="26">
        <v>0</v>
      </c>
      <c r="F30" s="27">
        <v>0</v>
      </c>
      <c r="G30" s="25">
        <v>38573</v>
      </c>
      <c r="H30" s="25">
        <v>87555</v>
      </c>
      <c r="I30" s="25">
        <v>508357</v>
      </c>
      <c r="J30" s="25">
        <v>916405</v>
      </c>
      <c r="K30" s="25">
        <v>379410</v>
      </c>
      <c r="L30" s="28">
        <v>1930300</v>
      </c>
      <c r="M30" s="29">
        <v>1930300</v>
      </c>
      <c r="N30" s="24">
        <v>0</v>
      </c>
      <c r="O30" s="25">
        <v>0</v>
      </c>
      <c r="P30" s="26">
        <v>0</v>
      </c>
      <c r="Q30" s="404">
        <v>0</v>
      </c>
      <c r="R30" s="25">
        <v>32705</v>
      </c>
      <c r="S30" s="25">
        <v>0</v>
      </c>
      <c r="T30" s="25">
        <v>341225</v>
      </c>
      <c r="U30" s="25">
        <v>654815</v>
      </c>
      <c r="V30" s="25">
        <v>374140</v>
      </c>
      <c r="W30" s="28">
        <v>1402885</v>
      </c>
      <c r="X30" s="29">
        <v>1402885</v>
      </c>
      <c r="Y30" s="24">
        <v>0</v>
      </c>
      <c r="Z30" s="25">
        <v>0</v>
      </c>
      <c r="AA30" s="26">
        <v>0</v>
      </c>
      <c r="AB30" s="404">
        <v>0</v>
      </c>
      <c r="AC30" s="25">
        <v>2550</v>
      </c>
      <c r="AD30" s="25">
        <v>87265</v>
      </c>
      <c r="AE30" s="25">
        <v>92690</v>
      </c>
      <c r="AF30" s="25">
        <v>218085</v>
      </c>
      <c r="AG30" s="25">
        <v>5270</v>
      </c>
      <c r="AH30" s="28">
        <v>405860</v>
      </c>
      <c r="AI30" s="29">
        <v>405860</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9985</v>
      </c>
      <c r="BM30" s="25">
        <v>37975</v>
      </c>
      <c r="BN30" s="25">
        <v>0</v>
      </c>
      <c r="BO30" s="28">
        <v>97960</v>
      </c>
      <c r="BP30" s="29">
        <v>97960</v>
      </c>
      <c r="BQ30" s="24">
        <v>0</v>
      </c>
      <c r="BR30" s="25">
        <v>0</v>
      </c>
      <c r="BS30" s="26">
        <v>0</v>
      </c>
      <c r="BT30" s="27">
        <v>0</v>
      </c>
      <c r="BU30" s="25">
        <v>3318</v>
      </c>
      <c r="BV30" s="25">
        <v>290</v>
      </c>
      <c r="BW30" s="25">
        <v>14457</v>
      </c>
      <c r="BX30" s="25">
        <v>5530</v>
      </c>
      <c r="BY30" s="25">
        <v>0</v>
      </c>
      <c r="BZ30" s="28">
        <v>23595</v>
      </c>
      <c r="CA30" s="29">
        <v>23595</v>
      </c>
      <c r="CB30" s="24">
        <v>0</v>
      </c>
      <c r="CC30" s="25">
        <v>0</v>
      </c>
      <c r="CD30" s="26">
        <v>0</v>
      </c>
      <c r="CE30" s="27">
        <v>0</v>
      </c>
      <c r="CF30" s="25">
        <v>0</v>
      </c>
      <c r="CG30" s="25">
        <v>0</v>
      </c>
      <c r="CH30" s="25">
        <v>0</v>
      </c>
      <c r="CI30" s="25">
        <v>0</v>
      </c>
      <c r="CJ30" s="25">
        <v>0</v>
      </c>
      <c r="CK30" s="28">
        <v>0</v>
      </c>
      <c r="CL30" s="29">
        <v>0</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21207</v>
      </c>
      <c r="DN30" s="25">
        <v>2965</v>
      </c>
      <c r="DO30" s="25">
        <v>420745</v>
      </c>
      <c r="DP30" s="25">
        <v>770128</v>
      </c>
      <c r="DQ30" s="25">
        <v>362870</v>
      </c>
      <c r="DR30" s="28">
        <v>1577915</v>
      </c>
      <c r="DS30" s="30">
        <v>1577915</v>
      </c>
      <c r="DT30" s="24">
        <v>0</v>
      </c>
      <c r="DU30" s="25">
        <v>0</v>
      </c>
      <c r="DV30" s="26">
        <v>0</v>
      </c>
      <c r="DW30" s="404">
        <v>0</v>
      </c>
      <c r="DX30" s="25">
        <v>14570</v>
      </c>
      <c r="DY30" s="25">
        <v>0</v>
      </c>
      <c r="DZ30" s="25">
        <v>327278</v>
      </c>
      <c r="EA30" s="25">
        <v>577151</v>
      </c>
      <c r="EB30" s="25">
        <v>352423</v>
      </c>
      <c r="EC30" s="28">
        <v>1271422</v>
      </c>
      <c r="ED30" s="29">
        <v>1271422</v>
      </c>
      <c r="EE30" s="24">
        <v>0</v>
      </c>
      <c r="EF30" s="25">
        <v>0</v>
      </c>
      <c r="EG30" s="26">
        <v>0</v>
      </c>
      <c r="EH30" s="404">
        <v>0</v>
      </c>
      <c r="EI30" s="25">
        <v>217</v>
      </c>
      <c r="EJ30" s="25">
        <v>1085</v>
      </c>
      <c r="EK30" s="25">
        <v>868</v>
      </c>
      <c r="EL30" s="25">
        <v>108252</v>
      </c>
      <c r="EM30" s="25">
        <v>10447</v>
      </c>
      <c r="EN30" s="28">
        <v>120869</v>
      </c>
      <c r="EO30" s="29">
        <v>120869</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9918</v>
      </c>
      <c r="FS30" s="25">
        <v>79918</v>
      </c>
      <c r="FT30" s="25">
        <v>0</v>
      </c>
      <c r="FU30" s="28">
        <v>159836</v>
      </c>
      <c r="FV30" s="29">
        <v>159836</v>
      </c>
      <c r="FW30" s="24">
        <v>0</v>
      </c>
      <c r="FX30" s="25">
        <v>0</v>
      </c>
      <c r="FY30" s="26">
        <v>0</v>
      </c>
      <c r="FZ30" s="27">
        <v>0</v>
      </c>
      <c r="GA30" s="25">
        <v>6420</v>
      </c>
      <c r="GB30" s="25">
        <v>1880</v>
      </c>
      <c r="GC30" s="25">
        <v>12681</v>
      </c>
      <c r="GD30" s="25">
        <v>4807</v>
      </c>
      <c r="GE30" s="25">
        <v>0</v>
      </c>
      <c r="GF30" s="28">
        <v>25788</v>
      </c>
      <c r="GG30" s="29">
        <v>25788</v>
      </c>
      <c r="GH30" s="24">
        <v>0</v>
      </c>
      <c r="GI30" s="25">
        <v>0</v>
      </c>
      <c r="GJ30" s="26">
        <v>0</v>
      </c>
      <c r="GK30" s="27">
        <v>0</v>
      </c>
      <c r="GL30" s="25">
        <v>0</v>
      </c>
      <c r="GM30" s="25">
        <v>0</v>
      </c>
      <c r="GN30" s="25">
        <v>0</v>
      </c>
      <c r="GO30" s="25">
        <v>0</v>
      </c>
      <c r="GP30" s="25">
        <v>0</v>
      </c>
      <c r="GQ30" s="28">
        <v>0</v>
      </c>
      <c r="GR30" s="29">
        <v>0</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59780</v>
      </c>
      <c r="HT30" s="25">
        <v>90520</v>
      </c>
      <c r="HU30" s="25">
        <v>929102</v>
      </c>
      <c r="HV30" s="25">
        <v>1686533</v>
      </c>
      <c r="HW30" s="25">
        <v>742280</v>
      </c>
      <c r="HX30" s="28">
        <v>3508215</v>
      </c>
      <c r="HY30" s="29">
        <v>3508215</v>
      </c>
    </row>
    <row r="31" spans="2:233" ht="21" customHeight="1" x14ac:dyDescent="0.2">
      <c r="B31" s="106" t="s">
        <v>28</v>
      </c>
      <c r="C31" s="24">
        <v>0</v>
      </c>
      <c r="D31" s="25">
        <v>0</v>
      </c>
      <c r="E31" s="26">
        <v>0</v>
      </c>
      <c r="F31" s="27">
        <v>0</v>
      </c>
      <c r="G31" s="25">
        <v>0</v>
      </c>
      <c r="H31" s="25">
        <v>83835</v>
      </c>
      <c r="I31" s="25">
        <v>254045</v>
      </c>
      <c r="J31" s="25">
        <v>281792</v>
      </c>
      <c r="K31" s="25">
        <v>103075</v>
      </c>
      <c r="L31" s="28">
        <v>722747</v>
      </c>
      <c r="M31" s="29">
        <v>722747</v>
      </c>
      <c r="N31" s="24">
        <v>0</v>
      </c>
      <c r="O31" s="25">
        <v>0</v>
      </c>
      <c r="P31" s="26">
        <v>0</v>
      </c>
      <c r="Q31" s="404">
        <v>0</v>
      </c>
      <c r="R31" s="25">
        <v>0</v>
      </c>
      <c r="S31" s="25">
        <v>0</v>
      </c>
      <c r="T31" s="25">
        <v>191425</v>
      </c>
      <c r="U31" s="25">
        <v>265740</v>
      </c>
      <c r="V31" s="25">
        <v>78430</v>
      </c>
      <c r="W31" s="28">
        <v>535595</v>
      </c>
      <c r="X31" s="29">
        <v>535595</v>
      </c>
      <c r="Y31" s="24">
        <v>0</v>
      </c>
      <c r="Z31" s="25">
        <v>0</v>
      </c>
      <c r="AA31" s="26">
        <v>0</v>
      </c>
      <c r="AB31" s="404">
        <v>0</v>
      </c>
      <c r="AC31" s="25">
        <v>0</v>
      </c>
      <c r="AD31" s="25">
        <v>83835</v>
      </c>
      <c r="AE31" s="25">
        <v>62620</v>
      </c>
      <c r="AF31" s="25">
        <v>2635</v>
      </c>
      <c r="AG31" s="25">
        <v>24645</v>
      </c>
      <c r="AH31" s="28">
        <v>173735</v>
      </c>
      <c r="AI31" s="29">
        <v>173735</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0</v>
      </c>
      <c r="BX31" s="25">
        <v>13417</v>
      </c>
      <c r="BY31" s="25">
        <v>0</v>
      </c>
      <c r="BZ31" s="28">
        <v>13417</v>
      </c>
      <c r="CA31" s="29">
        <v>13417</v>
      </c>
      <c r="CB31" s="24">
        <v>0</v>
      </c>
      <c r="CC31" s="25">
        <v>0</v>
      </c>
      <c r="CD31" s="26">
        <v>0</v>
      </c>
      <c r="CE31" s="27">
        <v>0</v>
      </c>
      <c r="CF31" s="25">
        <v>0</v>
      </c>
      <c r="CG31" s="25">
        <v>0</v>
      </c>
      <c r="CH31" s="25">
        <v>0</v>
      </c>
      <c r="CI31" s="25">
        <v>0</v>
      </c>
      <c r="CJ31" s="25">
        <v>0</v>
      </c>
      <c r="CK31" s="28">
        <v>0</v>
      </c>
      <c r="CL31" s="29">
        <v>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861</v>
      </c>
      <c r="DO31" s="25">
        <v>212319</v>
      </c>
      <c r="DP31" s="25">
        <v>297200</v>
      </c>
      <c r="DQ31" s="25">
        <v>105989</v>
      </c>
      <c r="DR31" s="28">
        <v>616369</v>
      </c>
      <c r="DS31" s="30">
        <v>616369</v>
      </c>
      <c r="DT31" s="24">
        <v>0</v>
      </c>
      <c r="DU31" s="25">
        <v>0</v>
      </c>
      <c r="DV31" s="26">
        <v>0</v>
      </c>
      <c r="DW31" s="404">
        <v>0</v>
      </c>
      <c r="DX31" s="25">
        <v>0</v>
      </c>
      <c r="DY31" s="25">
        <v>0</v>
      </c>
      <c r="DZ31" s="25">
        <v>168733</v>
      </c>
      <c r="EA31" s="25">
        <v>284659</v>
      </c>
      <c r="EB31" s="25">
        <v>105772</v>
      </c>
      <c r="EC31" s="28">
        <v>559164</v>
      </c>
      <c r="ED31" s="29">
        <v>559164</v>
      </c>
      <c r="EE31" s="24">
        <v>0</v>
      </c>
      <c r="EF31" s="25">
        <v>0</v>
      </c>
      <c r="EG31" s="26">
        <v>0</v>
      </c>
      <c r="EH31" s="404">
        <v>0</v>
      </c>
      <c r="EI31" s="25">
        <v>0</v>
      </c>
      <c r="EJ31" s="25">
        <v>861</v>
      </c>
      <c r="EK31" s="25">
        <v>43586</v>
      </c>
      <c r="EL31" s="25">
        <v>186</v>
      </c>
      <c r="EM31" s="25">
        <v>217</v>
      </c>
      <c r="EN31" s="28">
        <v>44850</v>
      </c>
      <c r="EO31" s="29">
        <v>44850</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0</v>
      </c>
      <c r="GD31" s="25">
        <v>12355</v>
      </c>
      <c r="GE31" s="25">
        <v>0</v>
      </c>
      <c r="GF31" s="28">
        <v>12355</v>
      </c>
      <c r="GG31" s="29">
        <v>12355</v>
      </c>
      <c r="GH31" s="24">
        <v>0</v>
      </c>
      <c r="GI31" s="25">
        <v>0</v>
      </c>
      <c r="GJ31" s="26">
        <v>0</v>
      </c>
      <c r="GK31" s="27">
        <v>0</v>
      </c>
      <c r="GL31" s="25">
        <v>0</v>
      </c>
      <c r="GM31" s="25">
        <v>0</v>
      </c>
      <c r="GN31" s="25">
        <v>0</v>
      </c>
      <c r="GO31" s="25">
        <v>0</v>
      </c>
      <c r="GP31" s="25">
        <v>0</v>
      </c>
      <c r="GQ31" s="28">
        <v>0</v>
      </c>
      <c r="GR31" s="29">
        <v>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84696</v>
      </c>
      <c r="HU31" s="25">
        <v>466364</v>
      </c>
      <c r="HV31" s="25">
        <v>578992</v>
      </c>
      <c r="HW31" s="25">
        <v>209064</v>
      </c>
      <c r="HX31" s="28">
        <v>1339116</v>
      </c>
      <c r="HY31" s="29">
        <v>1339116</v>
      </c>
    </row>
    <row r="32" spans="2:233" ht="21" customHeight="1" x14ac:dyDescent="0.2">
      <c r="B32" s="106" t="s">
        <v>29</v>
      </c>
      <c r="C32" s="24">
        <v>0</v>
      </c>
      <c r="D32" s="25">
        <v>0</v>
      </c>
      <c r="E32" s="26">
        <v>0</v>
      </c>
      <c r="F32" s="27">
        <v>0</v>
      </c>
      <c r="G32" s="25">
        <v>24645</v>
      </c>
      <c r="H32" s="25">
        <v>66142</v>
      </c>
      <c r="I32" s="25">
        <v>384490</v>
      </c>
      <c r="J32" s="25">
        <v>434080</v>
      </c>
      <c r="K32" s="25">
        <v>228570</v>
      </c>
      <c r="L32" s="28">
        <v>1137927</v>
      </c>
      <c r="M32" s="29">
        <v>1137927</v>
      </c>
      <c r="N32" s="24">
        <v>0</v>
      </c>
      <c r="O32" s="25">
        <v>0</v>
      </c>
      <c r="P32" s="26">
        <v>0</v>
      </c>
      <c r="Q32" s="404">
        <v>0</v>
      </c>
      <c r="R32" s="25">
        <v>0</v>
      </c>
      <c r="S32" s="25">
        <v>32705</v>
      </c>
      <c r="T32" s="25">
        <v>204600</v>
      </c>
      <c r="U32" s="25">
        <v>234585</v>
      </c>
      <c r="V32" s="25">
        <v>209055</v>
      </c>
      <c r="W32" s="28">
        <v>680945</v>
      </c>
      <c r="X32" s="29">
        <v>680945</v>
      </c>
      <c r="Y32" s="24">
        <v>0</v>
      </c>
      <c r="Z32" s="25">
        <v>0</v>
      </c>
      <c r="AA32" s="26">
        <v>0</v>
      </c>
      <c r="AB32" s="404">
        <v>0</v>
      </c>
      <c r="AC32" s="25">
        <v>24645</v>
      </c>
      <c r="AD32" s="25">
        <v>29342</v>
      </c>
      <c r="AE32" s="25">
        <v>133930</v>
      </c>
      <c r="AF32" s="25">
        <v>80610</v>
      </c>
      <c r="AG32" s="25">
        <v>16880</v>
      </c>
      <c r="AH32" s="28">
        <v>285407</v>
      </c>
      <c r="AI32" s="29">
        <v>285407</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42395</v>
      </c>
      <c r="BM32" s="25">
        <v>92690</v>
      </c>
      <c r="BN32" s="25">
        <v>2635</v>
      </c>
      <c r="BO32" s="28">
        <v>137720</v>
      </c>
      <c r="BP32" s="29">
        <v>137720</v>
      </c>
      <c r="BQ32" s="24">
        <v>0</v>
      </c>
      <c r="BR32" s="25">
        <v>0</v>
      </c>
      <c r="BS32" s="26">
        <v>0</v>
      </c>
      <c r="BT32" s="27">
        <v>0</v>
      </c>
      <c r="BU32" s="25">
        <v>0</v>
      </c>
      <c r="BV32" s="25">
        <v>4095</v>
      </c>
      <c r="BW32" s="25">
        <v>3565</v>
      </c>
      <c r="BX32" s="25">
        <v>23660</v>
      </c>
      <c r="BY32" s="25">
        <v>0</v>
      </c>
      <c r="BZ32" s="28">
        <v>31320</v>
      </c>
      <c r="CA32" s="29">
        <v>31320</v>
      </c>
      <c r="CB32" s="24">
        <v>0</v>
      </c>
      <c r="CC32" s="25">
        <v>0</v>
      </c>
      <c r="CD32" s="26">
        <v>0</v>
      </c>
      <c r="CE32" s="27">
        <v>0</v>
      </c>
      <c r="CF32" s="25">
        <v>0</v>
      </c>
      <c r="CG32" s="25">
        <v>0</v>
      </c>
      <c r="CH32" s="25">
        <v>0</v>
      </c>
      <c r="CI32" s="25">
        <v>2535</v>
      </c>
      <c r="CJ32" s="25">
        <v>0</v>
      </c>
      <c r="CK32" s="28">
        <v>2535</v>
      </c>
      <c r="CL32" s="29">
        <v>2535</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7</v>
      </c>
      <c r="DN32" s="25">
        <v>41267</v>
      </c>
      <c r="DO32" s="25">
        <v>273486</v>
      </c>
      <c r="DP32" s="25">
        <v>410294</v>
      </c>
      <c r="DQ32" s="25">
        <v>191417</v>
      </c>
      <c r="DR32" s="28">
        <v>916681</v>
      </c>
      <c r="DS32" s="30">
        <v>916681</v>
      </c>
      <c r="DT32" s="24">
        <v>0</v>
      </c>
      <c r="DU32" s="25">
        <v>0</v>
      </c>
      <c r="DV32" s="26">
        <v>0</v>
      </c>
      <c r="DW32" s="404">
        <v>0</v>
      </c>
      <c r="DX32" s="25">
        <v>0</v>
      </c>
      <c r="DY32" s="25">
        <v>15035</v>
      </c>
      <c r="DZ32" s="25">
        <v>150517</v>
      </c>
      <c r="EA32" s="25">
        <v>256153</v>
      </c>
      <c r="EB32" s="25">
        <v>180417</v>
      </c>
      <c r="EC32" s="28">
        <v>602122</v>
      </c>
      <c r="ED32" s="29">
        <v>602122</v>
      </c>
      <c r="EE32" s="24">
        <v>0</v>
      </c>
      <c r="EF32" s="25">
        <v>0</v>
      </c>
      <c r="EG32" s="26">
        <v>0</v>
      </c>
      <c r="EH32" s="404">
        <v>0</v>
      </c>
      <c r="EI32" s="25">
        <v>217</v>
      </c>
      <c r="EJ32" s="25">
        <v>11532</v>
      </c>
      <c r="EK32" s="25">
        <v>1192</v>
      </c>
      <c r="EL32" s="25">
        <v>12895</v>
      </c>
      <c r="EM32" s="25">
        <v>119</v>
      </c>
      <c r="EN32" s="28">
        <v>25955</v>
      </c>
      <c r="EO32" s="29">
        <v>25955</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116110</v>
      </c>
      <c r="FS32" s="25">
        <v>116684</v>
      </c>
      <c r="FT32" s="25">
        <v>10881</v>
      </c>
      <c r="FU32" s="28">
        <v>243675</v>
      </c>
      <c r="FV32" s="29">
        <v>243675</v>
      </c>
      <c r="FW32" s="24">
        <v>0</v>
      </c>
      <c r="FX32" s="25">
        <v>0</v>
      </c>
      <c r="FY32" s="26">
        <v>0</v>
      </c>
      <c r="FZ32" s="27">
        <v>0</v>
      </c>
      <c r="GA32" s="25">
        <v>0</v>
      </c>
      <c r="GB32" s="25">
        <v>14700</v>
      </c>
      <c r="GC32" s="25">
        <v>5667</v>
      </c>
      <c r="GD32" s="25">
        <v>21028</v>
      </c>
      <c r="GE32" s="25">
        <v>0</v>
      </c>
      <c r="GF32" s="28">
        <v>41395</v>
      </c>
      <c r="GG32" s="29">
        <v>41395</v>
      </c>
      <c r="GH32" s="24">
        <v>0</v>
      </c>
      <c r="GI32" s="25">
        <v>0</v>
      </c>
      <c r="GJ32" s="26">
        <v>0</v>
      </c>
      <c r="GK32" s="27">
        <v>0</v>
      </c>
      <c r="GL32" s="25">
        <v>0</v>
      </c>
      <c r="GM32" s="25">
        <v>0</v>
      </c>
      <c r="GN32" s="25">
        <v>0</v>
      </c>
      <c r="GO32" s="25">
        <v>3534</v>
      </c>
      <c r="GP32" s="25">
        <v>0</v>
      </c>
      <c r="GQ32" s="28">
        <v>3534</v>
      </c>
      <c r="GR32" s="29">
        <v>3534</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862</v>
      </c>
      <c r="HT32" s="25">
        <v>107409</v>
      </c>
      <c r="HU32" s="25">
        <v>657976</v>
      </c>
      <c r="HV32" s="25">
        <v>844374</v>
      </c>
      <c r="HW32" s="25">
        <v>419987</v>
      </c>
      <c r="HX32" s="28">
        <v>2054608</v>
      </c>
      <c r="HY32" s="29">
        <v>2054608</v>
      </c>
    </row>
    <row r="33" spans="2:233" ht="21" customHeight="1" x14ac:dyDescent="0.2">
      <c r="B33" s="106" t="s">
        <v>30</v>
      </c>
      <c r="C33" s="24">
        <v>0</v>
      </c>
      <c r="D33" s="25">
        <v>0</v>
      </c>
      <c r="E33" s="26">
        <v>0</v>
      </c>
      <c r="F33" s="27">
        <v>0</v>
      </c>
      <c r="G33" s="25">
        <v>65255</v>
      </c>
      <c r="H33" s="25">
        <v>59720</v>
      </c>
      <c r="I33" s="25">
        <v>208550</v>
      </c>
      <c r="J33" s="25">
        <v>298530</v>
      </c>
      <c r="K33" s="25">
        <v>187105</v>
      </c>
      <c r="L33" s="28">
        <v>819160</v>
      </c>
      <c r="M33" s="29">
        <v>819160</v>
      </c>
      <c r="N33" s="24">
        <v>0</v>
      </c>
      <c r="O33" s="25">
        <v>0</v>
      </c>
      <c r="P33" s="26">
        <v>0</v>
      </c>
      <c r="Q33" s="404">
        <v>0</v>
      </c>
      <c r="R33" s="25">
        <v>0</v>
      </c>
      <c r="S33" s="25">
        <v>27280</v>
      </c>
      <c r="T33" s="25">
        <v>113780</v>
      </c>
      <c r="U33" s="25">
        <v>273885</v>
      </c>
      <c r="V33" s="25">
        <v>147870</v>
      </c>
      <c r="W33" s="28">
        <v>562815</v>
      </c>
      <c r="X33" s="29">
        <v>562815</v>
      </c>
      <c r="Y33" s="24">
        <v>0</v>
      </c>
      <c r="Z33" s="25">
        <v>0</v>
      </c>
      <c r="AA33" s="26">
        <v>0</v>
      </c>
      <c r="AB33" s="404">
        <v>0</v>
      </c>
      <c r="AC33" s="25">
        <v>65255</v>
      </c>
      <c r="AD33" s="25">
        <v>32295</v>
      </c>
      <c r="AE33" s="25">
        <v>32705</v>
      </c>
      <c r="AF33" s="25">
        <v>24645</v>
      </c>
      <c r="AG33" s="25">
        <v>3740</v>
      </c>
      <c r="AH33" s="28">
        <v>158640</v>
      </c>
      <c r="AI33" s="29">
        <v>158640</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5495</v>
      </c>
      <c r="BD33" s="28">
        <v>35495</v>
      </c>
      <c r="BE33" s="29">
        <v>35495</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145</v>
      </c>
      <c r="BW33" s="25">
        <v>62065</v>
      </c>
      <c r="BX33" s="25">
        <v>0</v>
      </c>
      <c r="BY33" s="25">
        <v>0</v>
      </c>
      <c r="BZ33" s="28">
        <v>62210</v>
      </c>
      <c r="CA33" s="29">
        <v>62210</v>
      </c>
      <c r="CB33" s="24">
        <v>0</v>
      </c>
      <c r="CC33" s="25">
        <v>0</v>
      </c>
      <c r="CD33" s="26">
        <v>0</v>
      </c>
      <c r="CE33" s="27">
        <v>0</v>
      </c>
      <c r="CF33" s="25">
        <v>0</v>
      </c>
      <c r="CG33" s="25">
        <v>0</v>
      </c>
      <c r="CH33" s="25">
        <v>0</v>
      </c>
      <c r="CI33" s="25">
        <v>0</v>
      </c>
      <c r="CJ33" s="25">
        <v>0</v>
      </c>
      <c r="CK33" s="28">
        <v>0</v>
      </c>
      <c r="CL33" s="29">
        <v>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6518</v>
      </c>
      <c r="DN33" s="25">
        <v>52221</v>
      </c>
      <c r="DO33" s="25">
        <v>324633</v>
      </c>
      <c r="DP33" s="25">
        <v>362204</v>
      </c>
      <c r="DQ33" s="25">
        <v>175124</v>
      </c>
      <c r="DR33" s="28">
        <v>950700</v>
      </c>
      <c r="DS33" s="30">
        <v>950700</v>
      </c>
      <c r="DT33" s="24">
        <v>0</v>
      </c>
      <c r="DU33" s="25">
        <v>0</v>
      </c>
      <c r="DV33" s="26">
        <v>0</v>
      </c>
      <c r="DW33" s="404">
        <v>0</v>
      </c>
      <c r="DX33" s="25">
        <v>0</v>
      </c>
      <c r="DY33" s="25">
        <v>36611</v>
      </c>
      <c r="DZ33" s="25">
        <v>217824</v>
      </c>
      <c r="EA33" s="25">
        <v>361987</v>
      </c>
      <c r="EB33" s="25">
        <v>163122</v>
      </c>
      <c r="EC33" s="28">
        <v>779544</v>
      </c>
      <c r="ED33" s="29">
        <v>779544</v>
      </c>
      <c r="EE33" s="24">
        <v>0</v>
      </c>
      <c r="EF33" s="25">
        <v>0</v>
      </c>
      <c r="EG33" s="26">
        <v>0</v>
      </c>
      <c r="EH33" s="404">
        <v>0</v>
      </c>
      <c r="EI33" s="25">
        <v>36518</v>
      </c>
      <c r="EJ33" s="25">
        <v>11749</v>
      </c>
      <c r="EK33" s="25">
        <v>217</v>
      </c>
      <c r="EL33" s="25">
        <v>217</v>
      </c>
      <c r="EM33" s="25">
        <v>315</v>
      </c>
      <c r="EN33" s="28">
        <v>49016</v>
      </c>
      <c r="EO33" s="29">
        <v>49016</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1687</v>
      </c>
      <c r="FJ33" s="28">
        <v>11687</v>
      </c>
      <c r="FK33" s="29">
        <v>11687</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3861</v>
      </c>
      <c r="GC33" s="25">
        <v>106592</v>
      </c>
      <c r="GD33" s="25">
        <v>0</v>
      </c>
      <c r="GE33" s="25">
        <v>0</v>
      </c>
      <c r="GF33" s="28">
        <v>110453</v>
      </c>
      <c r="GG33" s="29">
        <v>110453</v>
      </c>
      <c r="GH33" s="24">
        <v>0</v>
      </c>
      <c r="GI33" s="25">
        <v>0</v>
      </c>
      <c r="GJ33" s="26">
        <v>0</v>
      </c>
      <c r="GK33" s="27">
        <v>0</v>
      </c>
      <c r="GL33" s="25">
        <v>0</v>
      </c>
      <c r="GM33" s="25">
        <v>0</v>
      </c>
      <c r="GN33" s="25">
        <v>0</v>
      </c>
      <c r="GO33" s="25">
        <v>0</v>
      </c>
      <c r="GP33" s="25">
        <v>0</v>
      </c>
      <c r="GQ33" s="28">
        <v>0</v>
      </c>
      <c r="GR33" s="29">
        <v>0</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01773</v>
      </c>
      <c r="HT33" s="25">
        <v>111941</v>
      </c>
      <c r="HU33" s="25">
        <v>533183</v>
      </c>
      <c r="HV33" s="25">
        <v>660734</v>
      </c>
      <c r="HW33" s="25">
        <v>362229</v>
      </c>
      <c r="HX33" s="28">
        <v>1769860</v>
      </c>
      <c r="HY33" s="29">
        <v>1769860</v>
      </c>
    </row>
    <row r="34" spans="2:233" ht="21" customHeight="1" x14ac:dyDescent="0.2">
      <c r="B34" s="106" t="s">
        <v>31</v>
      </c>
      <c r="C34" s="24">
        <v>0</v>
      </c>
      <c r="D34" s="25">
        <v>0</v>
      </c>
      <c r="E34" s="26">
        <v>0</v>
      </c>
      <c r="F34" s="27">
        <v>0</v>
      </c>
      <c r="G34" s="25">
        <v>63590</v>
      </c>
      <c r="H34" s="25">
        <v>160005</v>
      </c>
      <c r="I34" s="25">
        <v>243630</v>
      </c>
      <c r="J34" s="25">
        <v>206175</v>
      </c>
      <c r="K34" s="25">
        <v>186250</v>
      </c>
      <c r="L34" s="28">
        <v>859650</v>
      </c>
      <c r="M34" s="29">
        <v>859650</v>
      </c>
      <c r="N34" s="24">
        <v>0</v>
      </c>
      <c r="O34" s="25">
        <v>0</v>
      </c>
      <c r="P34" s="26">
        <v>0</v>
      </c>
      <c r="Q34" s="404">
        <v>0</v>
      </c>
      <c r="R34" s="25">
        <v>27280</v>
      </c>
      <c r="S34" s="25">
        <v>92845</v>
      </c>
      <c r="T34" s="25">
        <v>227725</v>
      </c>
      <c r="U34" s="25">
        <v>67785</v>
      </c>
      <c r="V34" s="25">
        <v>146475</v>
      </c>
      <c r="W34" s="28">
        <v>562110</v>
      </c>
      <c r="X34" s="29">
        <v>562110</v>
      </c>
      <c r="Y34" s="24">
        <v>0</v>
      </c>
      <c r="Z34" s="25">
        <v>0</v>
      </c>
      <c r="AA34" s="26">
        <v>0</v>
      </c>
      <c r="AB34" s="404">
        <v>0</v>
      </c>
      <c r="AC34" s="25">
        <v>2635</v>
      </c>
      <c r="AD34" s="25">
        <v>51925</v>
      </c>
      <c r="AE34" s="25">
        <v>10540</v>
      </c>
      <c r="AF34" s="25">
        <v>112775</v>
      </c>
      <c r="AG34" s="25">
        <v>0</v>
      </c>
      <c r="AH34" s="28">
        <v>177875</v>
      </c>
      <c r="AI34" s="29">
        <v>177875</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2660</v>
      </c>
      <c r="AZ34" s="25">
        <v>0</v>
      </c>
      <c r="BA34" s="25">
        <v>0</v>
      </c>
      <c r="BB34" s="25">
        <v>0</v>
      </c>
      <c r="BC34" s="25">
        <v>32705</v>
      </c>
      <c r="BD34" s="28">
        <v>65365</v>
      </c>
      <c r="BE34" s="29">
        <v>65365</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1015</v>
      </c>
      <c r="BV34" s="25">
        <v>15235</v>
      </c>
      <c r="BW34" s="25">
        <v>4785</v>
      </c>
      <c r="BX34" s="25">
        <v>25615</v>
      </c>
      <c r="BY34" s="25">
        <v>7070</v>
      </c>
      <c r="BZ34" s="28">
        <v>53720</v>
      </c>
      <c r="CA34" s="29">
        <v>53720</v>
      </c>
      <c r="CB34" s="24">
        <v>0</v>
      </c>
      <c r="CC34" s="25">
        <v>0</v>
      </c>
      <c r="CD34" s="26">
        <v>0</v>
      </c>
      <c r="CE34" s="27">
        <v>0</v>
      </c>
      <c r="CF34" s="25">
        <v>0</v>
      </c>
      <c r="CG34" s="25">
        <v>0</v>
      </c>
      <c r="CH34" s="25">
        <v>580</v>
      </c>
      <c r="CI34" s="25">
        <v>0</v>
      </c>
      <c r="CJ34" s="25">
        <v>0</v>
      </c>
      <c r="CK34" s="28">
        <v>580</v>
      </c>
      <c r="CL34" s="29">
        <v>580</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40204</v>
      </c>
      <c r="DN34" s="25">
        <v>76424</v>
      </c>
      <c r="DO34" s="25">
        <v>264248</v>
      </c>
      <c r="DP34" s="25">
        <v>171430</v>
      </c>
      <c r="DQ34" s="25">
        <v>272601</v>
      </c>
      <c r="DR34" s="28">
        <v>824907</v>
      </c>
      <c r="DS34" s="30">
        <v>824907</v>
      </c>
      <c r="DT34" s="24">
        <v>0</v>
      </c>
      <c r="DU34" s="25">
        <v>0</v>
      </c>
      <c r="DV34" s="26">
        <v>0</v>
      </c>
      <c r="DW34" s="404">
        <v>0</v>
      </c>
      <c r="DX34" s="25">
        <v>36611</v>
      </c>
      <c r="DY34" s="25">
        <v>56575</v>
      </c>
      <c r="DZ34" s="25">
        <v>247301</v>
      </c>
      <c r="EA34" s="25">
        <v>143547</v>
      </c>
      <c r="EB34" s="25">
        <v>260524</v>
      </c>
      <c r="EC34" s="28">
        <v>744558</v>
      </c>
      <c r="ED34" s="29">
        <v>744558</v>
      </c>
      <c r="EE34" s="24">
        <v>0</v>
      </c>
      <c r="EF34" s="25">
        <v>0</v>
      </c>
      <c r="EG34" s="26">
        <v>0</v>
      </c>
      <c r="EH34" s="404">
        <v>0</v>
      </c>
      <c r="EI34" s="25">
        <v>217</v>
      </c>
      <c r="EJ34" s="25">
        <v>589</v>
      </c>
      <c r="EK34" s="25">
        <v>868</v>
      </c>
      <c r="EL34" s="25">
        <v>749</v>
      </c>
      <c r="EM34" s="25">
        <v>0</v>
      </c>
      <c r="EN34" s="28">
        <v>2423</v>
      </c>
      <c r="EO34" s="29">
        <v>2423</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7</v>
      </c>
      <c r="FF34" s="25">
        <v>0</v>
      </c>
      <c r="FG34" s="25">
        <v>0</v>
      </c>
      <c r="FH34" s="25">
        <v>0</v>
      </c>
      <c r="FI34" s="25">
        <v>217</v>
      </c>
      <c r="FJ34" s="28">
        <v>434</v>
      </c>
      <c r="FK34" s="29">
        <v>434</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3159</v>
      </c>
      <c r="GB34" s="25">
        <v>19260</v>
      </c>
      <c r="GC34" s="25">
        <v>14647</v>
      </c>
      <c r="GD34" s="25">
        <v>27134</v>
      </c>
      <c r="GE34" s="25">
        <v>11860</v>
      </c>
      <c r="GF34" s="28">
        <v>76060</v>
      </c>
      <c r="GG34" s="29">
        <v>76060</v>
      </c>
      <c r="GH34" s="24">
        <v>0</v>
      </c>
      <c r="GI34" s="25">
        <v>0</v>
      </c>
      <c r="GJ34" s="26">
        <v>0</v>
      </c>
      <c r="GK34" s="27">
        <v>0</v>
      </c>
      <c r="GL34" s="25">
        <v>0</v>
      </c>
      <c r="GM34" s="25">
        <v>0</v>
      </c>
      <c r="GN34" s="25">
        <v>1432</v>
      </c>
      <c r="GO34" s="25">
        <v>0</v>
      </c>
      <c r="GP34" s="25">
        <v>0</v>
      </c>
      <c r="GQ34" s="28">
        <v>1432</v>
      </c>
      <c r="GR34" s="29">
        <v>1432</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103794</v>
      </c>
      <c r="HT34" s="25">
        <v>236429</v>
      </c>
      <c r="HU34" s="25">
        <v>507878</v>
      </c>
      <c r="HV34" s="25">
        <v>377605</v>
      </c>
      <c r="HW34" s="25">
        <v>458851</v>
      </c>
      <c r="HX34" s="28">
        <v>1684557</v>
      </c>
      <c r="HY34" s="29">
        <v>1684557</v>
      </c>
    </row>
    <row r="35" spans="2:233" ht="21" customHeight="1" x14ac:dyDescent="0.2">
      <c r="B35" s="106" t="s">
        <v>32</v>
      </c>
      <c r="C35" s="24">
        <v>0</v>
      </c>
      <c r="D35" s="25">
        <v>0</v>
      </c>
      <c r="E35" s="26">
        <v>0</v>
      </c>
      <c r="F35" s="27">
        <v>0</v>
      </c>
      <c r="G35" s="25">
        <v>98845</v>
      </c>
      <c r="H35" s="25">
        <v>84445</v>
      </c>
      <c r="I35" s="25">
        <v>283366</v>
      </c>
      <c r="J35" s="25">
        <v>476310</v>
      </c>
      <c r="K35" s="25">
        <v>271255</v>
      </c>
      <c r="L35" s="28">
        <v>1214221</v>
      </c>
      <c r="M35" s="29">
        <v>1214221</v>
      </c>
      <c r="N35" s="24">
        <v>0</v>
      </c>
      <c r="O35" s="25">
        <v>0</v>
      </c>
      <c r="P35" s="26">
        <v>0</v>
      </c>
      <c r="Q35" s="404">
        <v>0</v>
      </c>
      <c r="R35" s="25">
        <v>69845</v>
      </c>
      <c r="S35" s="25">
        <v>0</v>
      </c>
      <c r="T35" s="25">
        <v>62450</v>
      </c>
      <c r="U35" s="25">
        <v>264265</v>
      </c>
      <c r="V35" s="25">
        <v>197360</v>
      </c>
      <c r="W35" s="28">
        <v>593920</v>
      </c>
      <c r="X35" s="29">
        <v>593920</v>
      </c>
      <c r="Y35" s="24">
        <v>0</v>
      </c>
      <c r="Z35" s="25">
        <v>0</v>
      </c>
      <c r="AA35" s="26">
        <v>0</v>
      </c>
      <c r="AB35" s="404">
        <v>0</v>
      </c>
      <c r="AC35" s="25">
        <v>29000</v>
      </c>
      <c r="AD35" s="25">
        <v>72795</v>
      </c>
      <c r="AE35" s="25">
        <v>57321</v>
      </c>
      <c r="AF35" s="25">
        <v>144680</v>
      </c>
      <c r="AG35" s="25">
        <v>2635</v>
      </c>
      <c r="AH35" s="28">
        <v>306431</v>
      </c>
      <c r="AI35" s="29">
        <v>306431</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2705</v>
      </c>
      <c r="BD35" s="28">
        <v>32705</v>
      </c>
      <c r="BE35" s="29">
        <v>32705</v>
      </c>
      <c r="BF35" s="24">
        <v>0</v>
      </c>
      <c r="BG35" s="25">
        <v>0</v>
      </c>
      <c r="BH35" s="26">
        <v>0</v>
      </c>
      <c r="BI35" s="404">
        <v>0</v>
      </c>
      <c r="BJ35" s="25">
        <v>0</v>
      </c>
      <c r="BK35" s="25">
        <v>0</v>
      </c>
      <c r="BL35" s="25">
        <v>156060</v>
      </c>
      <c r="BM35" s="25">
        <v>67365</v>
      </c>
      <c r="BN35" s="25">
        <v>32465</v>
      </c>
      <c r="BO35" s="28">
        <v>255890</v>
      </c>
      <c r="BP35" s="29">
        <v>255890</v>
      </c>
      <c r="BQ35" s="24">
        <v>0</v>
      </c>
      <c r="BR35" s="25">
        <v>0</v>
      </c>
      <c r="BS35" s="26">
        <v>0</v>
      </c>
      <c r="BT35" s="27">
        <v>0</v>
      </c>
      <c r="BU35" s="25">
        <v>0</v>
      </c>
      <c r="BV35" s="25">
        <v>8970</v>
      </c>
      <c r="BW35" s="25">
        <v>7535</v>
      </c>
      <c r="BX35" s="25">
        <v>0</v>
      </c>
      <c r="BY35" s="25">
        <v>6090</v>
      </c>
      <c r="BZ35" s="28">
        <v>22595</v>
      </c>
      <c r="CA35" s="29">
        <v>22595</v>
      </c>
      <c r="CB35" s="24">
        <v>0</v>
      </c>
      <c r="CC35" s="25">
        <v>0</v>
      </c>
      <c r="CD35" s="26">
        <v>0</v>
      </c>
      <c r="CE35" s="27">
        <v>0</v>
      </c>
      <c r="CF35" s="25">
        <v>0</v>
      </c>
      <c r="CG35" s="25">
        <v>2680</v>
      </c>
      <c r="CH35" s="25">
        <v>0</v>
      </c>
      <c r="CI35" s="25">
        <v>0</v>
      </c>
      <c r="CJ35" s="25">
        <v>0</v>
      </c>
      <c r="CK35" s="28">
        <v>2680</v>
      </c>
      <c r="CL35" s="29">
        <v>2680</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0</v>
      </c>
      <c r="DK35" s="26">
        <v>0</v>
      </c>
      <c r="DL35" s="27">
        <v>0</v>
      </c>
      <c r="DM35" s="25">
        <v>52645</v>
      </c>
      <c r="DN35" s="25">
        <v>9513</v>
      </c>
      <c r="DO35" s="25">
        <v>225800</v>
      </c>
      <c r="DP35" s="25">
        <v>483380</v>
      </c>
      <c r="DQ35" s="25">
        <v>238924</v>
      </c>
      <c r="DR35" s="28">
        <v>1010262</v>
      </c>
      <c r="DS35" s="30">
        <v>1010262</v>
      </c>
      <c r="DT35" s="24">
        <v>0</v>
      </c>
      <c r="DU35" s="25">
        <v>0</v>
      </c>
      <c r="DV35" s="26">
        <v>0</v>
      </c>
      <c r="DW35" s="404">
        <v>0</v>
      </c>
      <c r="DX35" s="25">
        <v>52155</v>
      </c>
      <c r="DY35" s="25">
        <v>0</v>
      </c>
      <c r="DZ35" s="25">
        <v>81871</v>
      </c>
      <c r="EA35" s="25">
        <v>378230</v>
      </c>
      <c r="EB35" s="25">
        <v>174462</v>
      </c>
      <c r="EC35" s="28">
        <v>686718</v>
      </c>
      <c r="ED35" s="29">
        <v>686718</v>
      </c>
      <c r="EE35" s="24">
        <v>0</v>
      </c>
      <c r="EF35" s="25">
        <v>0</v>
      </c>
      <c r="EG35" s="26">
        <v>0</v>
      </c>
      <c r="EH35" s="404">
        <v>0</v>
      </c>
      <c r="EI35" s="25">
        <v>490</v>
      </c>
      <c r="EJ35" s="25">
        <v>452</v>
      </c>
      <c r="EK35" s="25">
        <v>801</v>
      </c>
      <c r="EL35" s="25">
        <v>48409</v>
      </c>
      <c r="EM35" s="25">
        <v>217</v>
      </c>
      <c r="EN35" s="28">
        <v>50369</v>
      </c>
      <c r="EO35" s="29">
        <v>50369</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7</v>
      </c>
      <c r="FJ35" s="28">
        <v>217</v>
      </c>
      <c r="FK35" s="29">
        <v>217</v>
      </c>
      <c r="FL35" s="24">
        <v>0</v>
      </c>
      <c r="FM35" s="25">
        <v>0</v>
      </c>
      <c r="FN35" s="26">
        <v>0</v>
      </c>
      <c r="FO35" s="404">
        <v>0</v>
      </c>
      <c r="FP35" s="25">
        <v>0</v>
      </c>
      <c r="FQ35" s="25">
        <v>0</v>
      </c>
      <c r="FR35" s="25">
        <v>131386</v>
      </c>
      <c r="FS35" s="25">
        <v>56741</v>
      </c>
      <c r="FT35" s="25">
        <v>43173</v>
      </c>
      <c r="FU35" s="28">
        <v>231300</v>
      </c>
      <c r="FV35" s="29">
        <v>231300</v>
      </c>
      <c r="FW35" s="24">
        <v>0</v>
      </c>
      <c r="FX35" s="25">
        <v>0</v>
      </c>
      <c r="FY35" s="26">
        <v>0</v>
      </c>
      <c r="FZ35" s="27">
        <v>0</v>
      </c>
      <c r="GA35" s="25">
        <v>0</v>
      </c>
      <c r="GB35" s="25">
        <v>9012</v>
      </c>
      <c r="GC35" s="25">
        <v>11742</v>
      </c>
      <c r="GD35" s="25">
        <v>0</v>
      </c>
      <c r="GE35" s="25">
        <v>20855</v>
      </c>
      <c r="GF35" s="28">
        <v>41609</v>
      </c>
      <c r="GG35" s="29">
        <v>41609</v>
      </c>
      <c r="GH35" s="24">
        <v>0</v>
      </c>
      <c r="GI35" s="25">
        <v>0</v>
      </c>
      <c r="GJ35" s="26">
        <v>0</v>
      </c>
      <c r="GK35" s="27">
        <v>0</v>
      </c>
      <c r="GL35" s="25">
        <v>0</v>
      </c>
      <c r="GM35" s="25">
        <v>49</v>
      </c>
      <c r="GN35" s="25">
        <v>0</v>
      </c>
      <c r="GO35" s="25">
        <v>0</v>
      </c>
      <c r="GP35" s="25">
        <v>0</v>
      </c>
      <c r="GQ35" s="28">
        <v>49</v>
      </c>
      <c r="GR35" s="29">
        <v>49</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0</v>
      </c>
      <c r="HQ35" s="26">
        <v>0</v>
      </c>
      <c r="HR35" s="27">
        <v>0</v>
      </c>
      <c r="HS35" s="25">
        <v>151490</v>
      </c>
      <c r="HT35" s="25">
        <v>93958</v>
      </c>
      <c r="HU35" s="25">
        <v>509166</v>
      </c>
      <c r="HV35" s="25">
        <v>959690</v>
      </c>
      <c r="HW35" s="25">
        <v>510179</v>
      </c>
      <c r="HX35" s="28">
        <v>2224483</v>
      </c>
      <c r="HY35" s="29">
        <v>2224483</v>
      </c>
    </row>
    <row r="36" spans="2:233" ht="21" customHeight="1" x14ac:dyDescent="0.2">
      <c r="B36" s="106" t="s">
        <v>33</v>
      </c>
      <c r="C36" s="24">
        <v>0</v>
      </c>
      <c r="D36" s="25">
        <v>0</v>
      </c>
      <c r="E36" s="26">
        <v>0</v>
      </c>
      <c r="F36" s="27">
        <v>0</v>
      </c>
      <c r="G36" s="25">
        <v>74170</v>
      </c>
      <c r="H36" s="25">
        <v>220815</v>
      </c>
      <c r="I36" s="25">
        <v>384610</v>
      </c>
      <c r="J36" s="25">
        <v>701450</v>
      </c>
      <c r="K36" s="25">
        <v>181130</v>
      </c>
      <c r="L36" s="28">
        <v>1562175</v>
      </c>
      <c r="M36" s="29">
        <v>1562175</v>
      </c>
      <c r="N36" s="24">
        <v>0</v>
      </c>
      <c r="O36" s="25">
        <v>0</v>
      </c>
      <c r="P36" s="26">
        <v>0</v>
      </c>
      <c r="Q36" s="404">
        <v>0</v>
      </c>
      <c r="R36" s="25">
        <v>0</v>
      </c>
      <c r="S36" s="25">
        <v>59985</v>
      </c>
      <c r="T36" s="25">
        <v>248370</v>
      </c>
      <c r="U36" s="25">
        <v>387675</v>
      </c>
      <c r="V36" s="25">
        <v>176630</v>
      </c>
      <c r="W36" s="28">
        <v>872660</v>
      </c>
      <c r="X36" s="29">
        <v>872660</v>
      </c>
      <c r="Y36" s="24">
        <v>0</v>
      </c>
      <c r="Z36" s="25">
        <v>0</v>
      </c>
      <c r="AA36" s="26">
        <v>0</v>
      </c>
      <c r="AB36" s="404">
        <v>0</v>
      </c>
      <c r="AC36" s="25">
        <v>37975</v>
      </c>
      <c r="AD36" s="25">
        <v>62775</v>
      </c>
      <c r="AE36" s="25">
        <v>13005</v>
      </c>
      <c r="AF36" s="25">
        <v>229090</v>
      </c>
      <c r="AG36" s="25">
        <v>2635</v>
      </c>
      <c r="AH36" s="28">
        <v>345480</v>
      </c>
      <c r="AI36" s="29">
        <v>345480</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35495</v>
      </c>
      <c r="AZ36" s="25">
        <v>90055</v>
      </c>
      <c r="BA36" s="25">
        <v>76105</v>
      </c>
      <c r="BB36" s="25">
        <v>41855</v>
      </c>
      <c r="BC36" s="25">
        <v>0</v>
      </c>
      <c r="BD36" s="28">
        <v>243510</v>
      </c>
      <c r="BE36" s="29">
        <v>243510</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0</v>
      </c>
      <c r="BV36" s="25">
        <v>7075</v>
      </c>
      <c r="BW36" s="25">
        <v>47130</v>
      </c>
      <c r="BX36" s="25">
        <v>42830</v>
      </c>
      <c r="BY36" s="25">
        <v>1865</v>
      </c>
      <c r="BZ36" s="28">
        <v>98900</v>
      </c>
      <c r="CA36" s="29">
        <v>98900</v>
      </c>
      <c r="CB36" s="24">
        <v>0</v>
      </c>
      <c r="CC36" s="25">
        <v>0</v>
      </c>
      <c r="CD36" s="26">
        <v>0</v>
      </c>
      <c r="CE36" s="27">
        <v>0</v>
      </c>
      <c r="CF36" s="25">
        <v>700</v>
      </c>
      <c r="CG36" s="25">
        <v>925</v>
      </c>
      <c r="CH36" s="25">
        <v>0</v>
      </c>
      <c r="CI36" s="25">
        <v>0</v>
      </c>
      <c r="CJ36" s="25">
        <v>0</v>
      </c>
      <c r="CK36" s="28">
        <v>1625</v>
      </c>
      <c r="CL36" s="29">
        <v>1625</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12380</v>
      </c>
      <c r="DN36" s="25">
        <v>80963</v>
      </c>
      <c r="DO36" s="25">
        <v>423526</v>
      </c>
      <c r="DP36" s="25">
        <v>497185</v>
      </c>
      <c r="DQ36" s="25">
        <v>171766</v>
      </c>
      <c r="DR36" s="28">
        <v>1185820</v>
      </c>
      <c r="DS36" s="30">
        <v>1185820</v>
      </c>
      <c r="DT36" s="24">
        <v>0</v>
      </c>
      <c r="DU36" s="25">
        <v>0</v>
      </c>
      <c r="DV36" s="26">
        <v>0</v>
      </c>
      <c r="DW36" s="404">
        <v>0</v>
      </c>
      <c r="DX36" s="25">
        <v>0</v>
      </c>
      <c r="DY36" s="25">
        <v>51646</v>
      </c>
      <c r="DZ36" s="25">
        <v>345610</v>
      </c>
      <c r="EA36" s="25">
        <v>420481</v>
      </c>
      <c r="EB36" s="25">
        <v>170094</v>
      </c>
      <c r="EC36" s="28">
        <v>987831</v>
      </c>
      <c r="ED36" s="29">
        <v>987831</v>
      </c>
      <c r="EE36" s="24">
        <v>0</v>
      </c>
      <c r="EF36" s="25">
        <v>0</v>
      </c>
      <c r="EG36" s="26">
        <v>0</v>
      </c>
      <c r="EH36" s="404">
        <v>0</v>
      </c>
      <c r="EI36" s="25">
        <v>651</v>
      </c>
      <c r="EJ36" s="25">
        <v>12121</v>
      </c>
      <c r="EK36" s="25">
        <v>1085</v>
      </c>
      <c r="EL36" s="25">
        <v>24676</v>
      </c>
      <c r="EM36" s="25">
        <v>217</v>
      </c>
      <c r="EN36" s="28">
        <v>38750</v>
      </c>
      <c r="EO36" s="29">
        <v>38750</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11687</v>
      </c>
      <c r="FF36" s="25">
        <v>12555</v>
      </c>
      <c r="FG36" s="25">
        <v>12555</v>
      </c>
      <c r="FH36" s="25">
        <v>11743</v>
      </c>
      <c r="FI36" s="25">
        <v>0</v>
      </c>
      <c r="FJ36" s="28">
        <v>48540</v>
      </c>
      <c r="FK36" s="29">
        <v>48540</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0</v>
      </c>
      <c r="GB36" s="25">
        <v>4620</v>
      </c>
      <c r="GC36" s="25">
        <v>64276</v>
      </c>
      <c r="GD36" s="25">
        <v>40285</v>
      </c>
      <c r="GE36" s="25">
        <v>1455</v>
      </c>
      <c r="GF36" s="28">
        <v>110636</v>
      </c>
      <c r="GG36" s="29">
        <v>110636</v>
      </c>
      <c r="GH36" s="24">
        <v>0</v>
      </c>
      <c r="GI36" s="25">
        <v>0</v>
      </c>
      <c r="GJ36" s="26">
        <v>0</v>
      </c>
      <c r="GK36" s="27">
        <v>0</v>
      </c>
      <c r="GL36" s="25">
        <v>42</v>
      </c>
      <c r="GM36" s="25">
        <v>21</v>
      </c>
      <c r="GN36" s="25">
        <v>0</v>
      </c>
      <c r="GO36" s="25">
        <v>0</v>
      </c>
      <c r="GP36" s="25">
        <v>0</v>
      </c>
      <c r="GQ36" s="28">
        <v>63</v>
      </c>
      <c r="GR36" s="29">
        <v>63</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86550</v>
      </c>
      <c r="HT36" s="25">
        <v>301778</v>
      </c>
      <c r="HU36" s="25">
        <v>808136</v>
      </c>
      <c r="HV36" s="25">
        <v>1198635</v>
      </c>
      <c r="HW36" s="25">
        <v>352896</v>
      </c>
      <c r="HX36" s="28">
        <v>2747995</v>
      </c>
      <c r="HY36" s="29">
        <v>2747995</v>
      </c>
    </row>
    <row r="37" spans="2:233" ht="21" customHeight="1" x14ac:dyDescent="0.2">
      <c r="B37" s="106" t="s">
        <v>34</v>
      </c>
      <c r="C37" s="24">
        <v>0</v>
      </c>
      <c r="D37" s="25">
        <v>0</v>
      </c>
      <c r="E37" s="26">
        <v>0</v>
      </c>
      <c r="F37" s="27">
        <v>0</v>
      </c>
      <c r="G37" s="25">
        <v>128155</v>
      </c>
      <c r="H37" s="25">
        <v>111395</v>
      </c>
      <c r="I37" s="25">
        <v>92303</v>
      </c>
      <c r="J37" s="25">
        <v>271055</v>
      </c>
      <c r="K37" s="25">
        <v>128030</v>
      </c>
      <c r="L37" s="28">
        <v>730938</v>
      </c>
      <c r="M37" s="29">
        <v>730938</v>
      </c>
      <c r="N37" s="24">
        <v>0</v>
      </c>
      <c r="O37" s="25">
        <v>0</v>
      </c>
      <c r="P37" s="26">
        <v>0</v>
      </c>
      <c r="Q37" s="404">
        <v>0</v>
      </c>
      <c r="R37" s="25">
        <v>0</v>
      </c>
      <c r="S37" s="25">
        <v>0</v>
      </c>
      <c r="T37" s="25">
        <v>29915</v>
      </c>
      <c r="U37" s="25">
        <v>256045</v>
      </c>
      <c r="V37" s="25">
        <v>92690</v>
      </c>
      <c r="W37" s="28">
        <v>378650</v>
      </c>
      <c r="X37" s="29">
        <v>378650</v>
      </c>
      <c r="Y37" s="24">
        <v>0</v>
      </c>
      <c r="Z37" s="25">
        <v>0</v>
      </c>
      <c r="AA37" s="26">
        <v>0</v>
      </c>
      <c r="AB37" s="404">
        <v>0</v>
      </c>
      <c r="AC37" s="25">
        <v>124780</v>
      </c>
      <c r="AD37" s="25">
        <v>107360</v>
      </c>
      <c r="AE37" s="25">
        <v>56450</v>
      </c>
      <c r="AF37" s="25">
        <v>10370</v>
      </c>
      <c r="AG37" s="25">
        <v>2635</v>
      </c>
      <c r="AH37" s="28">
        <v>301595</v>
      </c>
      <c r="AI37" s="29">
        <v>301595</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2705</v>
      </c>
      <c r="BD37" s="28">
        <v>32705</v>
      </c>
      <c r="BE37" s="29">
        <v>32705</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3375</v>
      </c>
      <c r="BV37" s="25">
        <v>145</v>
      </c>
      <c r="BW37" s="25">
        <v>5938</v>
      </c>
      <c r="BX37" s="25">
        <v>4640</v>
      </c>
      <c r="BY37" s="25">
        <v>0</v>
      </c>
      <c r="BZ37" s="28">
        <v>14098</v>
      </c>
      <c r="CA37" s="29">
        <v>14098</v>
      </c>
      <c r="CB37" s="24">
        <v>0</v>
      </c>
      <c r="CC37" s="25">
        <v>0</v>
      </c>
      <c r="CD37" s="26">
        <v>0</v>
      </c>
      <c r="CE37" s="27">
        <v>0</v>
      </c>
      <c r="CF37" s="25">
        <v>0</v>
      </c>
      <c r="CG37" s="25">
        <v>3890</v>
      </c>
      <c r="CH37" s="25">
        <v>0</v>
      </c>
      <c r="CI37" s="25">
        <v>0</v>
      </c>
      <c r="CJ37" s="25">
        <v>0</v>
      </c>
      <c r="CK37" s="28">
        <v>3890</v>
      </c>
      <c r="CL37" s="29">
        <v>3890</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7173</v>
      </c>
      <c r="DN37" s="25">
        <v>3838</v>
      </c>
      <c r="DO37" s="25">
        <v>83164</v>
      </c>
      <c r="DP37" s="25">
        <v>377288</v>
      </c>
      <c r="DQ37" s="25">
        <v>60574</v>
      </c>
      <c r="DR37" s="28">
        <v>532037</v>
      </c>
      <c r="DS37" s="30">
        <v>532037</v>
      </c>
      <c r="DT37" s="24">
        <v>0</v>
      </c>
      <c r="DU37" s="25">
        <v>0</v>
      </c>
      <c r="DV37" s="26">
        <v>0</v>
      </c>
      <c r="DW37" s="404">
        <v>0</v>
      </c>
      <c r="DX37" s="25">
        <v>0</v>
      </c>
      <c r="DY37" s="25">
        <v>0</v>
      </c>
      <c r="DZ37" s="25">
        <v>58187</v>
      </c>
      <c r="EA37" s="25">
        <v>355746</v>
      </c>
      <c r="EB37" s="25">
        <v>60140</v>
      </c>
      <c r="EC37" s="28">
        <v>474073</v>
      </c>
      <c r="ED37" s="29">
        <v>474073</v>
      </c>
      <c r="EE37" s="24">
        <v>0</v>
      </c>
      <c r="EF37" s="25">
        <v>0</v>
      </c>
      <c r="EG37" s="26">
        <v>0</v>
      </c>
      <c r="EH37" s="404">
        <v>0</v>
      </c>
      <c r="EI37" s="25">
        <v>1243</v>
      </c>
      <c r="EJ37" s="25">
        <v>1708</v>
      </c>
      <c r="EK37" s="25">
        <v>18313</v>
      </c>
      <c r="EL37" s="25">
        <v>854</v>
      </c>
      <c r="EM37" s="25">
        <v>217</v>
      </c>
      <c r="EN37" s="28">
        <v>22335</v>
      </c>
      <c r="EO37" s="29">
        <v>22335</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7</v>
      </c>
      <c r="FJ37" s="28">
        <v>217</v>
      </c>
      <c r="FK37" s="29">
        <v>217</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5930</v>
      </c>
      <c r="GB37" s="25">
        <v>2088</v>
      </c>
      <c r="GC37" s="25">
        <v>6664</v>
      </c>
      <c r="GD37" s="25">
        <v>20688</v>
      </c>
      <c r="GE37" s="25">
        <v>0</v>
      </c>
      <c r="GF37" s="28">
        <v>35370</v>
      </c>
      <c r="GG37" s="29">
        <v>35370</v>
      </c>
      <c r="GH37" s="24">
        <v>0</v>
      </c>
      <c r="GI37" s="25">
        <v>0</v>
      </c>
      <c r="GJ37" s="26">
        <v>0</v>
      </c>
      <c r="GK37" s="27">
        <v>0</v>
      </c>
      <c r="GL37" s="25">
        <v>0</v>
      </c>
      <c r="GM37" s="25">
        <v>42</v>
      </c>
      <c r="GN37" s="25">
        <v>0</v>
      </c>
      <c r="GO37" s="25">
        <v>0</v>
      </c>
      <c r="GP37" s="25">
        <v>0</v>
      </c>
      <c r="GQ37" s="28">
        <v>42</v>
      </c>
      <c r="GR37" s="29">
        <v>42</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135328</v>
      </c>
      <c r="HT37" s="25">
        <v>115233</v>
      </c>
      <c r="HU37" s="25">
        <v>175467</v>
      </c>
      <c r="HV37" s="25">
        <v>648343</v>
      </c>
      <c r="HW37" s="25">
        <v>188604</v>
      </c>
      <c r="HX37" s="28">
        <v>1262975</v>
      </c>
      <c r="HY37" s="29">
        <v>1262975</v>
      </c>
    </row>
    <row r="38" spans="2:233" ht="21" customHeight="1" x14ac:dyDescent="0.2">
      <c r="B38" s="106" t="s">
        <v>35</v>
      </c>
      <c r="C38" s="24">
        <v>1885</v>
      </c>
      <c r="D38" s="25">
        <v>0</v>
      </c>
      <c r="E38" s="26">
        <v>1885</v>
      </c>
      <c r="F38" s="27">
        <v>0</v>
      </c>
      <c r="G38" s="25">
        <v>112053</v>
      </c>
      <c r="H38" s="25">
        <v>663869</v>
      </c>
      <c r="I38" s="25">
        <v>908063</v>
      </c>
      <c r="J38" s="25">
        <v>770857</v>
      </c>
      <c r="K38" s="25">
        <v>255805</v>
      </c>
      <c r="L38" s="28">
        <v>2710647</v>
      </c>
      <c r="M38" s="29">
        <v>2712532</v>
      </c>
      <c r="N38" s="24">
        <v>0</v>
      </c>
      <c r="O38" s="25">
        <v>0</v>
      </c>
      <c r="P38" s="26">
        <v>0</v>
      </c>
      <c r="Q38" s="404">
        <v>0</v>
      </c>
      <c r="R38" s="25">
        <v>2635</v>
      </c>
      <c r="S38" s="25">
        <v>24645</v>
      </c>
      <c r="T38" s="25">
        <v>343750</v>
      </c>
      <c r="U38" s="25">
        <v>458755</v>
      </c>
      <c r="V38" s="25">
        <v>147180</v>
      </c>
      <c r="W38" s="28">
        <v>976965</v>
      </c>
      <c r="X38" s="29">
        <v>976965</v>
      </c>
      <c r="Y38" s="24">
        <v>0</v>
      </c>
      <c r="Z38" s="25">
        <v>0</v>
      </c>
      <c r="AA38" s="26">
        <v>0</v>
      </c>
      <c r="AB38" s="404">
        <v>0</v>
      </c>
      <c r="AC38" s="25">
        <v>97265</v>
      </c>
      <c r="AD38" s="25">
        <v>597280</v>
      </c>
      <c r="AE38" s="25">
        <v>414845</v>
      </c>
      <c r="AF38" s="25">
        <v>228590</v>
      </c>
      <c r="AG38" s="25">
        <v>37635</v>
      </c>
      <c r="AH38" s="28">
        <v>1375615</v>
      </c>
      <c r="AI38" s="29">
        <v>137561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32705</v>
      </c>
      <c r="BA38" s="25">
        <v>106485</v>
      </c>
      <c r="BB38" s="25">
        <v>35495</v>
      </c>
      <c r="BC38" s="25">
        <v>70990</v>
      </c>
      <c r="BD38" s="28">
        <v>245675</v>
      </c>
      <c r="BE38" s="29">
        <v>245675</v>
      </c>
      <c r="BF38" s="24">
        <v>0</v>
      </c>
      <c r="BG38" s="25">
        <v>0</v>
      </c>
      <c r="BH38" s="26">
        <v>0</v>
      </c>
      <c r="BI38" s="404">
        <v>0</v>
      </c>
      <c r="BJ38" s="25">
        <v>0</v>
      </c>
      <c r="BK38" s="25">
        <v>0</v>
      </c>
      <c r="BL38" s="25">
        <v>0</v>
      </c>
      <c r="BM38" s="25">
        <v>0</v>
      </c>
      <c r="BN38" s="25">
        <v>0</v>
      </c>
      <c r="BO38" s="28">
        <v>0</v>
      </c>
      <c r="BP38" s="29">
        <v>0</v>
      </c>
      <c r="BQ38" s="24">
        <v>1885</v>
      </c>
      <c r="BR38" s="25">
        <v>0</v>
      </c>
      <c r="BS38" s="26">
        <v>1885</v>
      </c>
      <c r="BT38" s="27">
        <v>0</v>
      </c>
      <c r="BU38" s="25">
        <v>12008</v>
      </c>
      <c r="BV38" s="25">
        <v>9239</v>
      </c>
      <c r="BW38" s="25">
        <v>41733</v>
      </c>
      <c r="BX38" s="25">
        <v>48017</v>
      </c>
      <c r="BY38" s="25">
        <v>0</v>
      </c>
      <c r="BZ38" s="28">
        <v>110997</v>
      </c>
      <c r="CA38" s="29">
        <v>112882</v>
      </c>
      <c r="CB38" s="24">
        <v>0</v>
      </c>
      <c r="CC38" s="25">
        <v>0</v>
      </c>
      <c r="CD38" s="26">
        <v>0</v>
      </c>
      <c r="CE38" s="27">
        <v>0</v>
      </c>
      <c r="CF38" s="25">
        <v>145</v>
      </c>
      <c r="CG38" s="25">
        <v>0</v>
      </c>
      <c r="CH38" s="25">
        <v>1250</v>
      </c>
      <c r="CI38" s="25">
        <v>0</v>
      </c>
      <c r="CJ38" s="25">
        <v>0</v>
      </c>
      <c r="CK38" s="28">
        <v>1395</v>
      </c>
      <c r="CL38" s="29">
        <v>1395</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10</v>
      </c>
      <c r="DJ38" s="25">
        <v>0</v>
      </c>
      <c r="DK38" s="26">
        <v>1410</v>
      </c>
      <c r="DL38" s="27">
        <v>0</v>
      </c>
      <c r="DM38" s="25">
        <v>55208</v>
      </c>
      <c r="DN38" s="25">
        <v>45900</v>
      </c>
      <c r="DO38" s="25">
        <v>446381</v>
      </c>
      <c r="DP38" s="25">
        <v>552947</v>
      </c>
      <c r="DQ38" s="25">
        <v>230123</v>
      </c>
      <c r="DR38" s="28">
        <v>1330559</v>
      </c>
      <c r="DS38" s="30">
        <v>1331969</v>
      </c>
      <c r="DT38" s="24">
        <v>0</v>
      </c>
      <c r="DU38" s="25">
        <v>0</v>
      </c>
      <c r="DV38" s="26">
        <v>0</v>
      </c>
      <c r="DW38" s="404">
        <v>0</v>
      </c>
      <c r="DX38" s="25">
        <v>15035</v>
      </c>
      <c r="DY38" s="25">
        <v>21576</v>
      </c>
      <c r="DZ38" s="25">
        <v>332265</v>
      </c>
      <c r="EA38" s="25">
        <v>491721</v>
      </c>
      <c r="EB38" s="25">
        <v>192074</v>
      </c>
      <c r="EC38" s="28">
        <v>1052671</v>
      </c>
      <c r="ED38" s="29">
        <v>1052671</v>
      </c>
      <c r="EE38" s="24">
        <v>0</v>
      </c>
      <c r="EF38" s="25">
        <v>0</v>
      </c>
      <c r="EG38" s="26">
        <v>0</v>
      </c>
      <c r="EH38" s="404">
        <v>0</v>
      </c>
      <c r="EI38" s="25">
        <v>23407</v>
      </c>
      <c r="EJ38" s="25">
        <v>15837</v>
      </c>
      <c r="EK38" s="25">
        <v>4074</v>
      </c>
      <c r="EL38" s="25">
        <v>2401</v>
      </c>
      <c r="EM38" s="25">
        <v>14675</v>
      </c>
      <c r="EN38" s="28">
        <v>60394</v>
      </c>
      <c r="EO38" s="29">
        <v>60394</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217</v>
      </c>
      <c r="FG38" s="25">
        <v>35061</v>
      </c>
      <c r="FH38" s="25">
        <v>11687</v>
      </c>
      <c r="FI38" s="25">
        <v>23374</v>
      </c>
      <c r="FJ38" s="28">
        <v>70339</v>
      </c>
      <c r="FK38" s="29">
        <v>70339</v>
      </c>
      <c r="FL38" s="24">
        <v>0</v>
      </c>
      <c r="FM38" s="25">
        <v>0</v>
      </c>
      <c r="FN38" s="26">
        <v>0</v>
      </c>
      <c r="FO38" s="404">
        <v>0</v>
      </c>
      <c r="FP38" s="25">
        <v>0</v>
      </c>
      <c r="FQ38" s="25">
        <v>0</v>
      </c>
      <c r="FR38" s="25">
        <v>0</v>
      </c>
      <c r="FS38" s="25">
        <v>0</v>
      </c>
      <c r="FT38" s="25">
        <v>0</v>
      </c>
      <c r="FU38" s="28">
        <v>0</v>
      </c>
      <c r="FV38" s="29">
        <v>0</v>
      </c>
      <c r="FW38" s="24">
        <v>1410</v>
      </c>
      <c r="FX38" s="25">
        <v>0</v>
      </c>
      <c r="FY38" s="26">
        <v>1410</v>
      </c>
      <c r="FZ38" s="27">
        <v>0</v>
      </c>
      <c r="GA38" s="25">
        <v>16745</v>
      </c>
      <c r="GB38" s="25">
        <v>8270</v>
      </c>
      <c r="GC38" s="25">
        <v>74953</v>
      </c>
      <c r="GD38" s="25">
        <v>47138</v>
      </c>
      <c r="GE38" s="25">
        <v>0</v>
      </c>
      <c r="GF38" s="28">
        <v>147106</v>
      </c>
      <c r="GG38" s="29">
        <v>148516</v>
      </c>
      <c r="GH38" s="24">
        <v>0</v>
      </c>
      <c r="GI38" s="25">
        <v>0</v>
      </c>
      <c r="GJ38" s="26">
        <v>0</v>
      </c>
      <c r="GK38" s="27">
        <v>0</v>
      </c>
      <c r="GL38" s="25">
        <v>21</v>
      </c>
      <c r="GM38" s="25">
        <v>0</v>
      </c>
      <c r="GN38" s="25">
        <v>28</v>
      </c>
      <c r="GO38" s="25">
        <v>0</v>
      </c>
      <c r="GP38" s="25">
        <v>0</v>
      </c>
      <c r="GQ38" s="28">
        <v>49</v>
      </c>
      <c r="GR38" s="29">
        <v>49</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295</v>
      </c>
      <c r="HP38" s="25">
        <v>0</v>
      </c>
      <c r="HQ38" s="26">
        <v>3295</v>
      </c>
      <c r="HR38" s="27">
        <v>0</v>
      </c>
      <c r="HS38" s="25">
        <v>167261</v>
      </c>
      <c r="HT38" s="25">
        <v>709769</v>
      </c>
      <c r="HU38" s="25">
        <v>1354444</v>
      </c>
      <c r="HV38" s="25">
        <v>1323804</v>
      </c>
      <c r="HW38" s="25">
        <v>485928</v>
      </c>
      <c r="HX38" s="28">
        <v>4041206</v>
      </c>
      <c r="HY38" s="29">
        <v>4044501</v>
      </c>
    </row>
    <row r="39" spans="2:233" ht="21" customHeight="1" x14ac:dyDescent="0.2">
      <c r="B39" s="106" t="s">
        <v>36</v>
      </c>
      <c r="C39" s="24">
        <v>0</v>
      </c>
      <c r="D39" s="25">
        <v>0</v>
      </c>
      <c r="E39" s="26">
        <v>0</v>
      </c>
      <c r="F39" s="27">
        <v>0</v>
      </c>
      <c r="G39" s="25">
        <v>65055</v>
      </c>
      <c r="H39" s="25">
        <v>260359</v>
      </c>
      <c r="I39" s="25">
        <v>832822</v>
      </c>
      <c r="J39" s="25">
        <v>1125808</v>
      </c>
      <c r="K39" s="25">
        <v>536190</v>
      </c>
      <c r="L39" s="28">
        <v>2820234</v>
      </c>
      <c r="M39" s="29">
        <v>2820234</v>
      </c>
      <c r="N39" s="24">
        <v>0</v>
      </c>
      <c r="O39" s="25">
        <v>0</v>
      </c>
      <c r="P39" s="26">
        <v>0</v>
      </c>
      <c r="Q39" s="404">
        <v>0</v>
      </c>
      <c r="R39" s="25">
        <v>0</v>
      </c>
      <c r="S39" s="25">
        <v>116695</v>
      </c>
      <c r="T39" s="25">
        <v>461271</v>
      </c>
      <c r="U39" s="25">
        <v>740725</v>
      </c>
      <c r="V39" s="25">
        <v>330895</v>
      </c>
      <c r="W39" s="28">
        <v>1649586</v>
      </c>
      <c r="X39" s="29">
        <v>1649586</v>
      </c>
      <c r="Y39" s="24">
        <v>0</v>
      </c>
      <c r="Z39" s="25">
        <v>0</v>
      </c>
      <c r="AA39" s="26">
        <v>0</v>
      </c>
      <c r="AB39" s="404">
        <v>0</v>
      </c>
      <c r="AC39" s="25">
        <v>47355</v>
      </c>
      <c r="AD39" s="25">
        <v>62465</v>
      </c>
      <c r="AE39" s="25">
        <v>304165</v>
      </c>
      <c r="AF39" s="25">
        <v>272860</v>
      </c>
      <c r="AG39" s="25">
        <v>146075</v>
      </c>
      <c r="AH39" s="28">
        <v>832920</v>
      </c>
      <c r="AI39" s="29">
        <v>832920</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100750</v>
      </c>
      <c r="BC39" s="25">
        <v>4505</v>
      </c>
      <c r="BD39" s="28">
        <v>105255</v>
      </c>
      <c r="BE39" s="29">
        <v>105255</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13610</v>
      </c>
      <c r="BV39" s="25">
        <v>81199</v>
      </c>
      <c r="BW39" s="25">
        <v>67386</v>
      </c>
      <c r="BX39" s="25">
        <v>10458</v>
      </c>
      <c r="BY39" s="25">
        <v>54715</v>
      </c>
      <c r="BZ39" s="28">
        <v>227368</v>
      </c>
      <c r="CA39" s="29">
        <v>227368</v>
      </c>
      <c r="CB39" s="24">
        <v>0</v>
      </c>
      <c r="CC39" s="25">
        <v>0</v>
      </c>
      <c r="CD39" s="26">
        <v>0</v>
      </c>
      <c r="CE39" s="27">
        <v>0</v>
      </c>
      <c r="CF39" s="25">
        <v>4090</v>
      </c>
      <c r="CG39" s="25">
        <v>0</v>
      </c>
      <c r="CH39" s="25">
        <v>0</v>
      </c>
      <c r="CI39" s="25">
        <v>1015</v>
      </c>
      <c r="CJ39" s="25">
        <v>0</v>
      </c>
      <c r="CK39" s="28">
        <v>5105</v>
      </c>
      <c r="CL39" s="29">
        <v>5105</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12693</v>
      </c>
      <c r="DN39" s="25">
        <v>160081</v>
      </c>
      <c r="DO39" s="25">
        <v>660718</v>
      </c>
      <c r="DP39" s="25">
        <v>918970</v>
      </c>
      <c r="DQ39" s="25">
        <v>616071</v>
      </c>
      <c r="DR39" s="28">
        <v>2368533</v>
      </c>
      <c r="DS39" s="30">
        <v>2368533</v>
      </c>
      <c r="DT39" s="24">
        <v>0</v>
      </c>
      <c r="DU39" s="25">
        <v>0</v>
      </c>
      <c r="DV39" s="26">
        <v>0</v>
      </c>
      <c r="DW39" s="404">
        <v>0</v>
      </c>
      <c r="DX39" s="25">
        <v>0</v>
      </c>
      <c r="DY39" s="25">
        <v>83996</v>
      </c>
      <c r="DZ39" s="25">
        <v>595191</v>
      </c>
      <c r="EA39" s="25">
        <v>841496</v>
      </c>
      <c r="EB39" s="25">
        <v>522635</v>
      </c>
      <c r="EC39" s="28">
        <v>2043318</v>
      </c>
      <c r="ED39" s="29">
        <v>2043318</v>
      </c>
      <c r="EE39" s="24">
        <v>0</v>
      </c>
      <c r="EF39" s="25">
        <v>0</v>
      </c>
      <c r="EG39" s="26">
        <v>0</v>
      </c>
      <c r="EH39" s="404">
        <v>0</v>
      </c>
      <c r="EI39" s="25">
        <v>1428</v>
      </c>
      <c r="EJ39" s="25">
        <v>1519</v>
      </c>
      <c r="EK39" s="25">
        <v>3458</v>
      </c>
      <c r="EL39" s="25">
        <v>32701</v>
      </c>
      <c r="EM39" s="25">
        <v>23746</v>
      </c>
      <c r="EN39" s="28">
        <v>62852</v>
      </c>
      <c r="EO39" s="29">
        <v>62852</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2555</v>
      </c>
      <c r="FI39" s="25">
        <v>217</v>
      </c>
      <c r="FJ39" s="28">
        <v>12772</v>
      </c>
      <c r="FK39" s="29">
        <v>12772</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11230</v>
      </c>
      <c r="GB39" s="25">
        <v>74566</v>
      </c>
      <c r="GC39" s="25">
        <v>62069</v>
      </c>
      <c r="GD39" s="25">
        <v>32169</v>
      </c>
      <c r="GE39" s="25">
        <v>69473</v>
      </c>
      <c r="GF39" s="28">
        <v>249507</v>
      </c>
      <c r="GG39" s="29">
        <v>249507</v>
      </c>
      <c r="GH39" s="24">
        <v>0</v>
      </c>
      <c r="GI39" s="25">
        <v>0</v>
      </c>
      <c r="GJ39" s="26">
        <v>0</v>
      </c>
      <c r="GK39" s="27">
        <v>0</v>
      </c>
      <c r="GL39" s="25">
        <v>35</v>
      </c>
      <c r="GM39" s="25">
        <v>0</v>
      </c>
      <c r="GN39" s="25">
        <v>0</v>
      </c>
      <c r="GO39" s="25">
        <v>49</v>
      </c>
      <c r="GP39" s="25">
        <v>0</v>
      </c>
      <c r="GQ39" s="28">
        <v>84</v>
      </c>
      <c r="GR39" s="29">
        <v>84</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77748</v>
      </c>
      <c r="HT39" s="25">
        <v>420440</v>
      </c>
      <c r="HU39" s="25">
        <v>1493540</v>
      </c>
      <c r="HV39" s="25">
        <v>2044778</v>
      </c>
      <c r="HW39" s="25">
        <v>1152261</v>
      </c>
      <c r="HX39" s="28">
        <v>5188767</v>
      </c>
      <c r="HY39" s="29">
        <v>5188767</v>
      </c>
    </row>
    <row r="40" spans="2:233" ht="21" customHeight="1" thickBot="1" x14ac:dyDescent="0.25">
      <c r="B40" s="108" t="s">
        <v>37</v>
      </c>
      <c r="C40" s="31">
        <v>0</v>
      </c>
      <c r="D40" s="32">
        <v>0</v>
      </c>
      <c r="E40" s="33">
        <v>0</v>
      </c>
      <c r="F40" s="34">
        <v>0</v>
      </c>
      <c r="G40" s="32">
        <v>0</v>
      </c>
      <c r="H40" s="32">
        <v>5100</v>
      </c>
      <c r="I40" s="32">
        <v>110600</v>
      </c>
      <c r="J40" s="32">
        <v>62765</v>
      </c>
      <c r="K40" s="32">
        <v>97960</v>
      </c>
      <c r="L40" s="35">
        <v>276425</v>
      </c>
      <c r="M40" s="36">
        <v>276425</v>
      </c>
      <c r="N40" s="31">
        <v>0</v>
      </c>
      <c r="O40" s="32">
        <v>0</v>
      </c>
      <c r="P40" s="33">
        <v>0</v>
      </c>
      <c r="Q40" s="405">
        <v>0</v>
      </c>
      <c r="R40" s="32">
        <v>0</v>
      </c>
      <c r="S40" s="32">
        <v>0</v>
      </c>
      <c r="T40" s="32">
        <v>37975</v>
      </c>
      <c r="U40" s="32">
        <v>29915</v>
      </c>
      <c r="V40" s="32">
        <v>73315</v>
      </c>
      <c r="W40" s="35">
        <v>141205</v>
      </c>
      <c r="X40" s="36">
        <v>141205</v>
      </c>
      <c r="Y40" s="31">
        <v>0</v>
      </c>
      <c r="Z40" s="32">
        <v>0</v>
      </c>
      <c r="AA40" s="33">
        <v>0</v>
      </c>
      <c r="AB40" s="405">
        <v>0</v>
      </c>
      <c r="AC40" s="32">
        <v>0</v>
      </c>
      <c r="AD40" s="32">
        <v>5100</v>
      </c>
      <c r="AE40" s="32">
        <v>68045</v>
      </c>
      <c r="AF40" s="32">
        <v>32705</v>
      </c>
      <c r="AG40" s="32">
        <v>24645</v>
      </c>
      <c r="AH40" s="35">
        <v>130495</v>
      </c>
      <c r="AI40" s="36">
        <v>130495</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4580</v>
      </c>
      <c r="BX40" s="32">
        <v>145</v>
      </c>
      <c r="BY40" s="32">
        <v>0</v>
      </c>
      <c r="BZ40" s="35">
        <v>4725</v>
      </c>
      <c r="CA40" s="36">
        <v>4725</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420</v>
      </c>
      <c r="DO40" s="32">
        <v>61798</v>
      </c>
      <c r="DP40" s="32">
        <v>53318</v>
      </c>
      <c r="DQ40" s="32">
        <v>103664</v>
      </c>
      <c r="DR40" s="35">
        <v>219200</v>
      </c>
      <c r="DS40" s="37">
        <v>219200</v>
      </c>
      <c r="DT40" s="31">
        <v>0</v>
      </c>
      <c r="DU40" s="32">
        <v>0</v>
      </c>
      <c r="DV40" s="33">
        <v>0</v>
      </c>
      <c r="DW40" s="405">
        <v>0</v>
      </c>
      <c r="DX40" s="32">
        <v>0</v>
      </c>
      <c r="DY40" s="32">
        <v>0</v>
      </c>
      <c r="DZ40" s="32">
        <v>58187</v>
      </c>
      <c r="EA40" s="32">
        <v>51646</v>
      </c>
      <c r="EB40" s="32">
        <v>103447</v>
      </c>
      <c r="EC40" s="35">
        <v>213280</v>
      </c>
      <c r="ED40" s="36">
        <v>213280</v>
      </c>
      <c r="EE40" s="31">
        <v>0</v>
      </c>
      <c r="EF40" s="32">
        <v>0</v>
      </c>
      <c r="EG40" s="33">
        <v>0</v>
      </c>
      <c r="EH40" s="405">
        <v>0</v>
      </c>
      <c r="EI40" s="32">
        <v>0</v>
      </c>
      <c r="EJ40" s="32">
        <v>420</v>
      </c>
      <c r="EK40" s="32">
        <v>651</v>
      </c>
      <c r="EL40" s="32">
        <v>217</v>
      </c>
      <c r="EM40" s="32">
        <v>217</v>
      </c>
      <c r="EN40" s="35">
        <v>1505</v>
      </c>
      <c r="EO40" s="36">
        <v>1505</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2960</v>
      </c>
      <c r="GD40" s="32">
        <v>1455</v>
      </c>
      <c r="GE40" s="32">
        <v>0</v>
      </c>
      <c r="GF40" s="35">
        <v>4415</v>
      </c>
      <c r="GG40" s="36">
        <v>4415</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5520</v>
      </c>
      <c r="HU40" s="32">
        <v>172398</v>
      </c>
      <c r="HV40" s="32">
        <v>116083</v>
      </c>
      <c r="HW40" s="32">
        <v>201624</v>
      </c>
      <c r="HX40" s="35">
        <v>495625</v>
      </c>
      <c r="HY40" s="36">
        <v>495625</v>
      </c>
    </row>
    <row r="41" spans="2:233" x14ac:dyDescent="0.2">
      <c r="B41" s="7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7</v>
      </c>
      <c r="I1" s="440">
        <f>H1</f>
        <v>7</v>
      </c>
      <c r="J1" s="440"/>
    </row>
    <row r="2" spans="2:299" ht="24" customHeight="1" thickBot="1" x14ac:dyDescent="0.25">
      <c r="B2" s="10" t="s">
        <v>129</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285</v>
      </c>
      <c r="D7" s="86">
        <v>4105</v>
      </c>
      <c r="E7" s="87">
        <v>8390</v>
      </c>
      <c r="F7" s="412">
        <v>0</v>
      </c>
      <c r="G7" s="86">
        <v>5872</v>
      </c>
      <c r="H7" s="86">
        <v>5299</v>
      </c>
      <c r="I7" s="86">
        <v>3395</v>
      </c>
      <c r="J7" s="86">
        <v>2796</v>
      </c>
      <c r="K7" s="86">
        <v>1544</v>
      </c>
      <c r="L7" s="88">
        <v>18906</v>
      </c>
      <c r="M7" s="89">
        <v>27296</v>
      </c>
      <c r="N7" s="90">
        <v>66</v>
      </c>
      <c r="O7" s="91">
        <v>57</v>
      </c>
      <c r="P7" s="92">
        <v>123</v>
      </c>
      <c r="Q7" s="412">
        <v>0</v>
      </c>
      <c r="R7" s="91">
        <v>79</v>
      </c>
      <c r="S7" s="91">
        <v>91</v>
      </c>
      <c r="T7" s="91">
        <v>66</v>
      </c>
      <c r="U7" s="91">
        <v>48</v>
      </c>
      <c r="V7" s="91">
        <v>35</v>
      </c>
      <c r="W7" s="92">
        <v>319</v>
      </c>
      <c r="X7" s="93">
        <v>442</v>
      </c>
      <c r="Y7" s="90">
        <v>154</v>
      </c>
      <c r="Z7" s="91">
        <v>173</v>
      </c>
      <c r="AA7" s="92">
        <v>327</v>
      </c>
      <c r="AB7" s="412">
        <v>0</v>
      </c>
      <c r="AC7" s="91">
        <v>205</v>
      </c>
      <c r="AD7" s="91">
        <v>235</v>
      </c>
      <c r="AE7" s="91">
        <v>150</v>
      </c>
      <c r="AF7" s="91">
        <v>131</v>
      </c>
      <c r="AG7" s="91">
        <v>110</v>
      </c>
      <c r="AH7" s="92">
        <v>831</v>
      </c>
      <c r="AI7" s="93">
        <v>1158</v>
      </c>
      <c r="AJ7" s="90">
        <v>347</v>
      </c>
      <c r="AK7" s="91">
        <v>342</v>
      </c>
      <c r="AL7" s="92">
        <v>689</v>
      </c>
      <c r="AM7" s="412">
        <v>0</v>
      </c>
      <c r="AN7" s="91">
        <v>467</v>
      </c>
      <c r="AO7" s="91">
        <v>429</v>
      </c>
      <c r="AP7" s="91">
        <v>251</v>
      </c>
      <c r="AQ7" s="91">
        <v>226</v>
      </c>
      <c r="AR7" s="91">
        <v>153</v>
      </c>
      <c r="AS7" s="92">
        <v>1526</v>
      </c>
      <c r="AT7" s="93">
        <v>2215</v>
      </c>
      <c r="AU7" s="90">
        <v>882</v>
      </c>
      <c r="AV7" s="91">
        <v>802</v>
      </c>
      <c r="AW7" s="92">
        <v>1684</v>
      </c>
      <c r="AX7" s="412">
        <v>0</v>
      </c>
      <c r="AY7" s="91">
        <v>1118</v>
      </c>
      <c r="AZ7" s="91">
        <v>968</v>
      </c>
      <c r="BA7" s="91">
        <v>586</v>
      </c>
      <c r="BB7" s="91">
        <v>451</v>
      </c>
      <c r="BC7" s="91">
        <v>270</v>
      </c>
      <c r="BD7" s="92">
        <v>3393</v>
      </c>
      <c r="BE7" s="93">
        <v>5077</v>
      </c>
      <c r="BF7" s="90">
        <v>1480</v>
      </c>
      <c r="BG7" s="91">
        <v>1325</v>
      </c>
      <c r="BH7" s="92">
        <v>2805</v>
      </c>
      <c r="BI7" s="412">
        <v>0</v>
      </c>
      <c r="BJ7" s="91">
        <v>1896</v>
      </c>
      <c r="BK7" s="91">
        <v>1493</v>
      </c>
      <c r="BL7" s="91">
        <v>939</v>
      </c>
      <c r="BM7" s="91">
        <v>764</v>
      </c>
      <c r="BN7" s="91">
        <v>427</v>
      </c>
      <c r="BO7" s="92">
        <v>5519</v>
      </c>
      <c r="BP7" s="93">
        <v>8324</v>
      </c>
      <c r="BQ7" s="90">
        <v>1356</v>
      </c>
      <c r="BR7" s="91">
        <v>1406</v>
      </c>
      <c r="BS7" s="92">
        <v>2762</v>
      </c>
      <c r="BT7" s="412">
        <v>0</v>
      </c>
      <c r="BU7" s="91">
        <v>2107</v>
      </c>
      <c r="BV7" s="91">
        <v>2083</v>
      </c>
      <c r="BW7" s="91">
        <v>1403</v>
      </c>
      <c r="BX7" s="91">
        <v>1176</v>
      </c>
      <c r="BY7" s="91">
        <v>549</v>
      </c>
      <c r="BZ7" s="92">
        <v>7318</v>
      </c>
      <c r="CA7" s="93">
        <v>10080</v>
      </c>
      <c r="CB7" s="90">
        <v>0</v>
      </c>
      <c r="CC7" s="91">
        <v>0</v>
      </c>
      <c r="CD7" s="92">
        <v>0</v>
      </c>
      <c r="CE7" s="412">
        <v>0</v>
      </c>
      <c r="CF7" s="91">
        <v>0</v>
      </c>
      <c r="CG7" s="91">
        <v>0</v>
      </c>
      <c r="CH7" s="91">
        <v>0</v>
      </c>
      <c r="CI7" s="91">
        <v>0</v>
      </c>
      <c r="CJ7" s="91">
        <v>0</v>
      </c>
      <c r="CK7" s="92">
        <v>0</v>
      </c>
      <c r="CL7" s="93">
        <v>0</v>
      </c>
      <c r="CM7" s="90">
        <v>4285</v>
      </c>
      <c r="CN7" s="91">
        <v>4105</v>
      </c>
      <c r="CO7" s="92">
        <v>8390</v>
      </c>
      <c r="CP7" s="412">
        <v>0</v>
      </c>
      <c r="CQ7" s="91">
        <v>5872</v>
      </c>
      <c r="CR7" s="91">
        <v>5299</v>
      </c>
      <c r="CS7" s="91">
        <v>3395</v>
      </c>
      <c r="CT7" s="91">
        <v>2796</v>
      </c>
      <c r="CU7" s="91">
        <v>1544</v>
      </c>
      <c r="CV7" s="92">
        <v>18906</v>
      </c>
      <c r="CW7" s="93">
        <v>27296</v>
      </c>
      <c r="CX7" s="94">
        <v>634</v>
      </c>
      <c r="CY7" s="86">
        <v>725</v>
      </c>
      <c r="CZ7" s="87">
        <v>1359</v>
      </c>
      <c r="DA7" s="412">
        <v>0</v>
      </c>
      <c r="DB7" s="86">
        <v>861</v>
      </c>
      <c r="DC7" s="86">
        <v>783</v>
      </c>
      <c r="DD7" s="86">
        <v>528</v>
      </c>
      <c r="DE7" s="86">
        <v>546</v>
      </c>
      <c r="DF7" s="86">
        <v>343</v>
      </c>
      <c r="DG7" s="88">
        <v>3061</v>
      </c>
      <c r="DH7" s="89">
        <v>4420</v>
      </c>
      <c r="DI7" s="90">
        <v>12</v>
      </c>
      <c r="DJ7" s="91">
        <v>22</v>
      </c>
      <c r="DK7" s="92">
        <v>34</v>
      </c>
      <c r="DL7" s="412">
        <v>0</v>
      </c>
      <c r="DM7" s="91">
        <v>14</v>
      </c>
      <c r="DN7" s="91">
        <v>16</v>
      </c>
      <c r="DO7" s="91">
        <v>11</v>
      </c>
      <c r="DP7" s="91">
        <v>6</v>
      </c>
      <c r="DQ7" s="91">
        <v>4</v>
      </c>
      <c r="DR7" s="92">
        <v>51</v>
      </c>
      <c r="DS7" s="93">
        <v>85</v>
      </c>
      <c r="DT7" s="90">
        <v>45</v>
      </c>
      <c r="DU7" s="91">
        <v>51</v>
      </c>
      <c r="DV7" s="92">
        <v>96</v>
      </c>
      <c r="DW7" s="412">
        <v>0</v>
      </c>
      <c r="DX7" s="91">
        <v>31</v>
      </c>
      <c r="DY7" s="91">
        <v>31</v>
      </c>
      <c r="DZ7" s="91">
        <v>25</v>
      </c>
      <c r="EA7" s="91">
        <v>17</v>
      </c>
      <c r="EB7" s="91">
        <v>18</v>
      </c>
      <c r="EC7" s="92">
        <v>122</v>
      </c>
      <c r="ED7" s="93">
        <v>218</v>
      </c>
      <c r="EE7" s="90">
        <v>93</v>
      </c>
      <c r="EF7" s="91">
        <v>94</v>
      </c>
      <c r="EG7" s="92">
        <v>187</v>
      </c>
      <c r="EH7" s="412">
        <v>0</v>
      </c>
      <c r="EI7" s="91">
        <v>86</v>
      </c>
      <c r="EJ7" s="91">
        <v>58</v>
      </c>
      <c r="EK7" s="91">
        <v>32</v>
      </c>
      <c r="EL7" s="91">
        <v>27</v>
      </c>
      <c r="EM7" s="91">
        <v>30</v>
      </c>
      <c r="EN7" s="92">
        <v>233</v>
      </c>
      <c r="EO7" s="93">
        <v>420</v>
      </c>
      <c r="EP7" s="90">
        <v>179</v>
      </c>
      <c r="EQ7" s="91">
        <v>156</v>
      </c>
      <c r="ER7" s="92">
        <v>335</v>
      </c>
      <c r="ES7" s="412">
        <v>0</v>
      </c>
      <c r="ET7" s="91">
        <v>188</v>
      </c>
      <c r="EU7" s="91">
        <v>125</v>
      </c>
      <c r="EV7" s="91">
        <v>71</v>
      </c>
      <c r="EW7" s="91">
        <v>57</v>
      </c>
      <c r="EX7" s="91">
        <v>30</v>
      </c>
      <c r="EY7" s="92">
        <v>471</v>
      </c>
      <c r="EZ7" s="93">
        <v>806</v>
      </c>
      <c r="FA7" s="90">
        <v>185</v>
      </c>
      <c r="FB7" s="91">
        <v>213</v>
      </c>
      <c r="FC7" s="92">
        <v>398</v>
      </c>
      <c r="FD7" s="412">
        <v>0</v>
      </c>
      <c r="FE7" s="91">
        <v>253</v>
      </c>
      <c r="FF7" s="91">
        <v>234</v>
      </c>
      <c r="FG7" s="91">
        <v>121</v>
      </c>
      <c r="FH7" s="91">
        <v>124</v>
      </c>
      <c r="FI7" s="91">
        <v>89</v>
      </c>
      <c r="FJ7" s="92">
        <v>821</v>
      </c>
      <c r="FK7" s="93">
        <v>1219</v>
      </c>
      <c r="FL7" s="90">
        <v>120</v>
      </c>
      <c r="FM7" s="91">
        <v>189</v>
      </c>
      <c r="FN7" s="92">
        <v>309</v>
      </c>
      <c r="FO7" s="412">
        <v>0</v>
      </c>
      <c r="FP7" s="91">
        <v>289</v>
      </c>
      <c r="FQ7" s="91">
        <v>319</v>
      </c>
      <c r="FR7" s="91">
        <v>268</v>
      </c>
      <c r="FS7" s="91">
        <v>315</v>
      </c>
      <c r="FT7" s="91">
        <v>172</v>
      </c>
      <c r="FU7" s="92">
        <v>1363</v>
      </c>
      <c r="FV7" s="93">
        <v>1672</v>
      </c>
      <c r="FW7" s="90">
        <v>0</v>
      </c>
      <c r="FX7" s="91">
        <v>0</v>
      </c>
      <c r="FY7" s="92">
        <v>0</v>
      </c>
      <c r="FZ7" s="412">
        <v>0</v>
      </c>
      <c r="GA7" s="91">
        <v>0</v>
      </c>
      <c r="GB7" s="91">
        <v>0</v>
      </c>
      <c r="GC7" s="91">
        <v>0</v>
      </c>
      <c r="GD7" s="91">
        <v>0</v>
      </c>
      <c r="GE7" s="91">
        <v>0</v>
      </c>
      <c r="GF7" s="92">
        <v>0</v>
      </c>
      <c r="GG7" s="93">
        <v>0</v>
      </c>
      <c r="GH7" s="90">
        <v>634</v>
      </c>
      <c r="GI7" s="91">
        <v>725</v>
      </c>
      <c r="GJ7" s="92">
        <v>1359</v>
      </c>
      <c r="GK7" s="412">
        <v>0</v>
      </c>
      <c r="GL7" s="91">
        <v>861</v>
      </c>
      <c r="GM7" s="91">
        <v>783</v>
      </c>
      <c r="GN7" s="91">
        <v>528</v>
      </c>
      <c r="GO7" s="91">
        <v>546</v>
      </c>
      <c r="GP7" s="91">
        <v>343</v>
      </c>
      <c r="GQ7" s="92">
        <v>3061</v>
      </c>
      <c r="GR7" s="93">
        <v>4420</v>
      </c>
      <c r="GS7" s="94">
        <v>4919</v>
      </c>
      <c r="GT7" s="86">
        <v>4830</v>
      </c>
      <c r="GU7" s="87">
        <v>9749</v>
      </c>
      <c r="GV7" s="412">
        <v>0</v>
      </c>
      <c r="GW7" s="86">
        <v>6733</v>
      </c>
      <c r="GX7" s="86">
        <v>6082</v>
      </c>
      <c r="GY7" s="86">
        <v>3923</v>
      </c>
      <c r="GZ7" s="86">
        <v>3342</v>
      </c>
      <c r="HA7" s="86">
        <v>1887</v>
      </c>
      <c r="HB7" s="88">
        <v>21967</v>
      </c>
      <c r="HC7" s="89">
        <v>31716</v>
      </c>
      <c r="HD7" s="90">
        <v>78</v>
      </c>
      <c r="HE7" s="91">
        <v>79</v>
      </c>
      <c r="HF7" s="92">
        <v>157</v>
      </c>
      <c r="HG7" s="412">
        <v>0</v>
      </c>
      <c r="HH7" s="91">
        <v>93</v>
      </c>
      <c r="HI7" s="91">
        <v>107</v>
      </c>
      <c r="HJ7" s="91">
        <v>77</v>
      </c>
      <c r="HK7" s="91">
        <v>54</v>
      </c>
      <c r="HL7" s="91">
        <v>39</v>
      </c>
      <c r="HM7" s="92">
        <v>370</v>
      </c>
      <c r="HN7" s="93">
        <v>527</v>
      </c>
      <c r="HO7" s="90">
        <v>199</v>
      </c>
      <c r="HP7" s="91">
        <v>224</v>
      </c>
      <c r="HQ7" s="92">
        <v>423</v>
      </c>
      <c r="HR7" s="412">
        <v>0</v>
      </c>
      <c r="HS7" s="91">
        <v>236</v>
      </c>
      <c r="HT7" s="91">
        <v>266</v>
      </c>
      <c r="HU7" s="91">
        <v>175</v>
      </c>
      <c r="HV7" s="91">
        <v>148</v>
      </c>
      <c r="HW7" s="91">
        <v>128</v>
      </c>
      <c r="HX7" s="92">
        <v>953</v>
      </c>
      <c r="HY7" s="93">
        <v>1376</v>
      </c>
      <c r="HZ7" s="90">
        <v>440</v>
      </c>
      <c r="IA7" s="91">
        <v>436</v>
      </c>
      <c r="IB7" s="92">
        <v>876</v>
      </c>
      <c r="IC7" s="412">
        <v>0</v>
      </c>
      <c r="ID7" s="91">
        <v>553</v>
      </c>
      <c r="IE7" s="91">
        <v>487</v>
      </c>
      <c r="IF7" s="91">
        <v>283</v>
      </c>
      <c r="IG7" s="91">
        <v>253</v>
      </c>
      <c r="IH7" s="91">
        <v>183</v>
      </c>
      <c r="II7" s="92">
        <v>1759</v>
      </c>
      <c r="IJ7" s="93">
        <v>2635</v>
      </c>
      <c r="IK7" s="90">
        <v>1061</v>
      </c>
      <c r="IL7" s="91">
        <v>958</v>
      </c>
      <c r="IM7" s="92">
        <v>2019</v>
      </c>
      <c r="IN7" s="412">
        <v>0</v>
      </c>
      <c r="IO7" s="91">
        <v>1306</v>
      </c>
      <c r="IP7" s="91">
        <v>1093</v>
      </c>
      <c r="IQ7" s="91">
        <v>657</v>
      </c>
      <c r="IR7" s="91">
        <v>508</v>
      </c>
      <c r="IS7" s="91">
        <v>300</v>
      </c>
      <c r="IT7" s="92">
        <v>3864</v>
      </c>
      <c r="IU7" s="93">
        <v>5883</v>
      </c>
      <c r="IV7" s="90">
        <v>1665</v>
      </c>
      <c r="IW7" s="91">
        <v>1538</v>
      </c>
      <c r="IX7" s="92">
        <v>3203</v>
      </c>
      <c r="IY7" s="412">
        <v>0</v>
      </c>
      <c r="IZ7" s="91">
        <v>2149</v>
      </c>
      <c r="JA7" s="91">
        <v>1727</v>
      </c>
      <c r="JB7" s="91">
        <v>1060</v>
      </c>
      <c r="JC7" s="91">
        <v>888</v>
      </c>
      <c r="JD7" s="91">
        <v>516</v>
      </c>
      <c r="JE7" s="92">
        <v>6340</v>
      </c>
      <c r="JF7" s="93">
        <v>9543</v>
      </c>
      <c r="JG7" s="90">
        <v>1476</v>
      </c>
      <c r="JH7" s="91">
        <v>1595</v>
      </c>
      <c r="JI7" s="92">
        <v>3071</v>
      </c>
      <c r="JJ7" s="412">
        <v>0</v>
      </c>
      <c r="JK7" s="91">
        <v>2396</v>
      </c>
      <c r="JL7" s="91">
        <v>2402</v>
      </c>
      <c r="JM7" s="91">
        <v>1671</v>
      </c>
      <c r="JN7" s="91">
        <v>1491</v>
      </c>
      <c r="JO7" s="91">
        <v>721</v>
      </c>
      <c r="JP7" s="92">
        <v>8681</v>
      </c>
      <c r="JQ7" s="93">
        <v>11752</v>
      </c>
      <c r="JR7" s="90">
        <v>0</v>
      </c>
      <c r="JS7" s="91">
        <v>0</v>
      </c>
      <c r="JT7" s="92">
        <v>0</v>
      </c>
      <c r="JU7" s="412">
        <v>0</v>
      </c>
      <c r="JV7" s="91">
        <v>0</v>
      </c>
      <c r="JW7" s="91">
        <v>0</v>
      </c>
      <c r="JX7" s="91">
        <v>0</v>
      </c>
      <c r="JY7" s="91">
        <v>0</v>
      </c>
      <c r="JZ7" s="91">
        <v>0</v>
      </c>
      <c r="KA7" s="92">
        <v>0</v>
      </c>
      <c r="KB7" s="93">
        <v>0</v>
      </c>
      <c r="KC7" s="90">
        <v>4919</v>
      </c>
      <c r="KD7" s="91">
        <v>4830</v>
      </c>
      <c r="KE7" s="92">
        <v>9749</v>
      </c>
      <c r="KF7" s="412">
        <v>0</v>
      </c>
      <c r="KG7" s="91">
        <v>6733</v>
      </c>
      <c r="KH7" s="91">
        <v>6082</v>
      </c>
      <c r="KI7" s="91">
        <v>3923</v>
      </c>
      <c r="KJ7" s="91">
        <v>3342</v>
      </c>
      <c r="KK7" s="91">
        <v>1887</v>
      </c>
      <c r="KL7" s="92">
        <v>21967</v>
      </c>
      <c r="KM7" s="93">
        <v>31716</v>
      </c>
    </row>
    <row r="8" spans="2:299" s="70" customFormat="1" ht="21" customHeight="1" x14ac:dyDescent="0.2">
      <c r="B8" s="95" t="s">
        <v>5</v>
      </c>
      <c r="C8" s="96">
        <v>1786</v>
      </c>
      <c r="D8" s="97">
        <v>2080</v>
      </c>
      <c r="E8" s="98">
        <v>3866</v>
      </c>
      <c r="F8" s="413">
        <v>0</v>
      </c>
      <c r="G8" s="97">
        <v>2139</v>
      </c>
      <c r="H8" s="97">
        <v>2525</v>
      </c>
      <c r="I8" s="97">
        <v>1504</v>
      </c>
      <c r="J8" s="97">
        <v>1240</v>
      </c>
      <c r="K8" s="97">
        <v>657</v>
      </c>
      <c r="L8" s="99">
        <v>8065</v>
      </c>
      <c r="M8" s="100">
        <v>11931</v>
      </c>
      <c r="N8" s="101">
        <v>22</v>
      </c>
      <c r="O8" s="102">
        <v>26</v>
      </c>
      <c r="P8" s="103">
        <v>48</v>
      </c>
      <c r="Q8" s="413">
        <v>0</v>
      </c>
      <c r="R8" s="102">
        <v>25</v>
      </c>
      <c r="S8" s="102">
        <v>40</v>
      </c>
      <c r="T8" s="102">
        <v>35</v>
      </c>
      <c r="U8" s="102">
        <v>16</v>
      </c>
      <c r="V8" s="102">
        <v>17</v>
      </c>
      <c r="W8" s="103">
        <v>133</v>
      </c>
      <c r="X8" s="104">
        <v>181</v>
      </c>
      <c r="Y8" s="101">
        <v>52</v>
      </c>
      <c r="Z8" s="102">
        <v>81</v>
      </c>
      <c r="AA8" s="103">
        <v>133</v>
      </c>
      <c r="AB8" s="413">
        <v>0</v>
      </c>
      <c r="AC8" s="102">
        <v>59</v>
      </c>
      <c r="AD8" s="102">
        <v>116</v>
      </c>
      <c r="AE8" s="102">
        <v>67</v>
      </c>
      <c r="AF8" s="102">
        <v>56</v>
      </c>
      <c r="AG8" s="102">
        <v>39</v>
      </c>
      <c r="AH8" s="103">
        <v>337</v>
      </c>
      <c r="AI8" s="104">
        <v>470</v>
      </c>
      <c r="AJ8" s="101">
        <v>145</v>
      </c>
      <c r="AK8" s="102">
        <v>166</v>
      </c>
      <c r="AL8" s="103">
        <v>311</v>
      </c>
      <c r="AM8" s="413">
        <v>0</v>
      </c>
      <c r="AN8" s="102">
        <v>150</v>
      </c>
      <c r="AO8" s="102">
        <v>197</v>
      </c>
      <c r="AP8" s="102">
        <v>111</v>
      </c>
      <c r="AQ8" s="102">
        <v>90</v>
      </c>
      <c r="AR8" s="102">
        <v>70</v>
      </c>
      <c r="AS8" s="103">
        <v>618</v>
      </c>
      <c r="AT8" s="104">
        <v>929</v>
      </c>
      <c r="AU8" s="101">
        <v>352</v>
      </c>
      <c r="AV8" s="102">
        <v>401</v>
      </c>
      <c r="AW8" s="103">
        <v>753</v>
      </c>
      <c r="AX8" s="413">
        <v>0</v>
      </c>
      <c r="AY8" s="102">
        <v>389</v>
      </c>
      <c r="AZ8" s="102">
        <v>424</v>
      </c>
      <c r="BA8" s="102">
        <v>238</v>
      </c>
      <c r="BB8" s="102">
        <v>186</v>
      </c>
      <c r="BC8" s="102">
        <v>115</v>
      </c>
      <c r="BD8" s="103">
        <v>1352</v>
      </c>
      <c r="BE8" s="104">
        <v>2105</v>
      </c>
      <c r="BF8" s="101">
        <v>615</v>
      </c>
      <c r="BG8" s="102">
        <v>654</v>
      </c>
      <c r="BH8" s="103">
        <v>1269</v>
      </c>
      <c r="BI8" s="413">
        <v>0</v>
      </c>
      <c r="BJ8" s="102">
        <v>699</v>
      </c>
      <c r="BK8" s="102">
        <v>710</v>
      </c>
      <c r="BL8" s="102">
        <v>410</v>
      </c>
      <c r="BM8" s="102">
        <v>336</v>
      </c>
      <c r="BN8" s="102">
        <v>188</v>
      </c>
      <c r="BO8" s="103">
        <v>2343</v>
      </c>
      <c r="BP8" s="104">
        <v>3612</v>
      </c>
      <c r="BQ8" s="101">
        <v>600</v>
      </c>
      <c r="BR8" s="102">
        <v>752</v>
      </c>
      <c r="BS8" s="103">
        <v>1352</v>
      </c>
      <c r="BT8" s="413">
        <v>0</v>
      </c>
      <c r="BU8" s="102">
        <v>817</v>
      </c>
      <c r="BV8" s="102">
        <v>1038</v>
      </c>
      <c r="BW8" s="102">
        <v>643</v>
      </c>
      <c r="BX8" s="102">
        <v>556</v>
      </c>
      <c r="BY8" s="102">
        <v>228</v>
      </c>
      <c r="BZ8" s="103">
        <v>3282</v>
      </c>
      <c r="CA8" s="104">
        <v>4634</v>
      </c>
      <c r="CB8" s="101">
        <v>0</v>
      </c>
      <c r="CC8" s="102">
        <v>0</v>
      </c>
      <c r="CD8" s="103">
        <v>0</v>
      </c>
      <c r="CE8" s="413">
        <v>0</v>
      </c>
      <c r="CF8" s="102">
        <v>0</v>
      </c>
      <c r="CG8" s="102">
        <v>0</v>
      </c>
      <c r="CH8" s="102">
        <v>0</v>
      </c>
      <c r="CI8" s="102">
        <v>0</v>
      </c>
      <c r="CJ8" s="102">
        <v>0</v>
      </c>
      <c r="CK8" s="103">
        <v>0</v>
      </c>
      <c r="CL8" s="104">
        <v>0</v>
      </c>
      <c r="CM8" s="101">
        <v>1786</v>
      </c>
      <c r="CN8" s="102">
        <v>2080</v>
      </c>
      <c r="CO8" s="103">
        <v>3866</v>
      </c>
      <c r="CP8" s="413">
        <v>0</v>
      </c>
      <c r="CQ8" s="102">
        <v>2139</v>
      </c>
      <c r="CR8" s="102">
        <v>2525</v>
      </c>
      <c r="CS8" s="102">
        <v>1504</v>
      </c>
      <c r="CT8" s="102">
        <v>1240</v>
      </c>
      <c r="CU8" s="102">
        <v>657</v>
      </c>
      <c r="CV8" s="103">
        <v>8065</v>
      </c>
      <c r="CW8" s="104">
        <v>11931</v>
      </c>
      <c r="CX8" s="105">
        <v>268</v>
      </c>
      <c r="CY8" s="97">
        <v>344</v>
      </c>
      <c r="CZ8" s="98">
        <v>612</v>
      </c>
      <c r="DA8" s="413">
        <v>0</v>
      </c>
      <c r="DB8" s="97">
        <v>320</v>
      </c>
      <c r="DC8" s="97">
        <v>374</v>
      </c>
      <c r="DD8" s="97">
        <v>229</v>
      </c>
      <c r="DE8" s="97">
        <v>237</v>
      </c>
      <c r="DF8" s="97">
        <v>157</v>
      </c>
      <c r="DG8" s="99">
        <v>1317</v>
      </c>
      <c r="DH8" s="100">
        <v>1929</v>
      </c>
      <c r="DI8" s="101">
        <v>5</v>
      </c>
      <c r="DJ8" s="102">
        <v>12</v>
      </c>
      <c r="DK8" s="103">
        <v>17</v>
      </c>
      <c r="DL8" s="413">
        <v>0</v>
      </c>
      <c r="DM8" s="102">
        <v>4</v>
      </c>
      <c r="DN8" s="102">
        <v>5</v>
      </c>
      <c r="DO8" s="102">
        <v>4</v>
      </c>
      <c r="DP8" s="102">
        <v>2</v>
      </c>
      <c r="DQ8" s="102">
        <v>1</v>
      </c>
      <c r="DR8" s="103">
        <v>16</v>
      </c>
      <c r="DS8" s="104">
        <v>33</v>
      </c>
      <c r="DT8" s="101">
        <v>15</v>
      </c>
      <c r="DU8" s="102">
        <v>21</v>
      </c>
      <c r="DV8" s="103">
        <v>36</v>
      </c>
      <c r="DW8" s="413">
        <v>0</v>
      </c>
      <c r="DX8" s="102">
        <v>14</v>
      </c>
      <c r="DY8" s="102">
        <v>14</v>
      </c>
      <c r="DZ8" s="102">
        <v>12</v>
      </c>
      <c r="EA8" s="102">
        <v>7</v>
      </c>
      <c r="EB8" s="102">
        <v>9</v>
      </c>
      <c r="EC8" s="103">
        <v>56</v>
      </c>
      <c r="ED8" s="104">
        <v>92</v>
      </c>
      <c r="EE8" s="101">
        <v>28</v>
      </c>
      <c r="EF8" s="102">
        <v>50</v>
      </c>
      <c r="EG8" s="103">
        <v>78</v>
      </c>
      <c r="EH8" s="413">
        <v>0</v>
      </c>
      <c r="EI8" s="102">
        <v>33</v>
      </c>
      <c r="EJ8" s="102">
        <v>25</v>
      </c>
      <c r="EK8" s="102">
        <v>11</v>
      </c>
      <c r="EL8" s="102">
        <v>14</v>
      </c>
      <c r="EM8" s="102">
        <v>12</v>
      </c>
      <c r="EN8" s="103">
        <v>95</v>
      </c>
      <c r="EO8" s="104">
        <v>173</v>
      </c>
      <c r="EP8" s="101">
        <v>79</v>
      </c>
      <c r="EQ8" s="102">
        <v>83</v>
      </c>
      <c r="ER8" s="103">
        <v>162</v>
      </c>
      <c r="ES8" s="413">
        <v>0</v>
      </c>
      <c r="ET8" s="102">
        <v>76</v>
      </c>
      <c r="EU8" s="102">
        <v>51</v>
      </c>
      <c r="EV8" s="102">
        <v>31</v>
      </c>
      <c r="EW8" s="102">
        <v>29</v>
      </c>
      <c r="EX8" s="102">
        <v>15</v>
      </c>
      <c r="EY8" s="103">
        <v>202</v>
      </c>
      <c r="EZ8" s="104">
        <v>364</v>
      </c>
      <c r="FA8" s="101">
        <v>88</v>
      </c>
      <c r="FB8" s="102">
        <v>94</v>
      </c>
      <c r="FC8" s="103">
        <v>182</v>
      </c>
      <c r="FD8" s="413">
        <v>0</v>
      </c>
      <c r="FE8" s="102">
        <v>96</v>
      </c>
      <c r="FF8" s="102">
        <v>117</v>
      </c>
      <c r="FG8" s="102">
        <v>53</v>
      </c>
      <c r="FH8" s="102">
        <v>61</v>
      </c>
      <c r="FI8" s="102">
        <v>31</v>
      </c>
      <c r="FJ8" s="103">
        <v>358</v>
      </c>
      <c r="FK8" s="104">
        <v>540</v>
      </c>
      <c r="FL8" s="101">
        <v>53</v>
      </c>
      <c r="FM8" s="102">
        <v>84</v>
      </c>
      <c r="FN8" s="103">
        <v>137</v>
      </c>
      <c r="FO8" s="413">
        <v>0</v>
      </c>
      <c r="FP8" s="102">
        <v>97</v>
      </c>
      <c r="FQ8" s="102">
        <v>162</v>
      </c>
      <c r="FR8" s="102">
        <v>118</v>
      </c>
      <c r="FS8" s="102">
        <v>124</v>
      </c>
      <c r="FT8" s="102">
        <v>89</v>
      </c>
      <c r="FU8" s="103">
        <v>590</v>
      </c>
      <c r="FV8" s="104">
        <v>727</v>
      </c>
      <c r="FW8" s="101">
        <v>0</v>
      </c>
      <c r="FX8" s="102">
        <v>0</v>
      </c>
      <c r="FY8" s="103">
        <v>0</v>
      </c>
      <c r="FZ8" s="413">
        <v>0</v>
      </c>
      <c r="GA8" s="102">
        <v>0</v>
      </c>
      <c r="GB8" s="102">
        <v>0</v>
      </c>
      <c r="GC8" s="102">
        <v>0</v>
      </c>
      <c r="GD8" s="102">
        <v>0</v>
      </c>
      <c r="GE8" s="102">
        <v>0</v>
      </c>
      <c r="GF8" s="103">
        <v>0</v>
      </c>
      <c r="GG8" s="104">
        <v>0</v>
      </c>
      <c r="GH8" s="101">
        <v>268</v>
      </c>
      <c r="GI8" s="102">
        <v>344</v>
      </c>
      <c r="GJ8" s="103">
        <v>612</v>
      </c>
      <c r="GK8" s="413">
        <v>0</v>
      </c>
      <c r="GL8" s="102">
        <v>320</v>
      </c>
      <c r="GM8" s="102">
        <v>374</v>
      </c>
      <c r="GN8" s="102">
        <v>229</v>
      </c>
      <c r="GO8" s="102">
        <v>237</v>
      </c>
      <c r="GP8" s="102">
        <v>157</v>
      </c>
      <c r="GQ8" s="103">
        <v>1317</v>
      </c>
      <c r="GR8" s="104">
        <v>1929</v>
      </c>
      <c r="GS8" s="105">
        <v>2054</v>
      </c>
      <c r="GT8" s="97">
        <v>2424</v>
      </c>
      <c r="GU8" s="98">
        <v>4478</v>
      </c>
      <c r="GV8" s="413">
        <v>0</v>
      </c>
      <c r="GW8" s="97">
        <v>2459</v>
      </c>
      <c r="GX8" s="97">
        <v>2899</v>
      </c>
      <c r="GY8" s="97">
        <v>1733</v>
      </c>
      <c r="GZ8" s="97">
        <v>1477</v>
      </c>
      <c r="HA8" s="97">
        <v>814</v>
      </c>
      <c r="HB8" s="99">
        <v>9382</v>
      </c>
      <c r="HC8" s="100">
        <v>13860</v>
      </c>
      <c r="HD8" s="101">
        <v>27</v>
      </c>
      <c r="HE8" s="102">
        <v>38</v>
      </c>
      <c r="HF8" s="103">
        <v>65</v>
      </c>
      <c r="HG8" s="413">
        <v>0</v>
      </c>
      <c r="HH8" s="102">
        <v>29</v>
      </c>
      <c r="HI8" s="102">
        <v>45</v>
      </c>
      <c r="HJ8" s="102">
        <v>39</v>
      </c>
      <c r="HK8" s="102">
        <v>18</v>
      </c>
      <c r="HL8" s="102">
        <v>18</v>
      </c>
      <c r="HM8" s="103">
        <v>149</v>
      </c>
      <c r="HN8" s="104">
        <v>214</v>
      </c>
      <c r="HO8" s="101">
        <v>67</v>
      </c>
      <c r="HP8" s="102">
        <v>102</v>
      </c>
      <c r="HQ8" s="103">
        <v>169</v>
      </c>
      <c r="HR8" s="413">
        <v>0</v>
      </c>
      <c r="HS8" s="102">
        <v>73</v>
      </c>
      <c r="HT8" s="102">
        <v>130</v>
      </c>
      <c r="HU8" s="102">
        <v>79</v>
      </c>
      <c r="HV8" s="102">
        <v>63</v>
      </c>
      <c r="HW8" s="102">
        <v>48</v>
      </c>
      <c r="HX8" s="103">
        <v>393</v>
      </c>
      <c r="HY8" s="104">
        <v>562</v>
      </c>
      <c r="HZ8" s="101">
        <v>173</v>
      </c>
      <c r="IA8" s="102">
        <v>216</v>
      </c>
      <c r="IB8" s="103">
        <v>389</v>
      </c>
      <c r="IC8" s="413">
        <v>0</v>
      </c>
      <c r="ID8" s="102">
        <v>183</v>
      </c>
      <c r="IE8" s="102">
        <v>222</v>
      </c>
      <c r="IF8" s="102">
        <v>122</v>
      </c>
      <c r="IG8" s="102">
        <v>104</v>
      </c>
      <c r="IH8" s="102">
        <v>82</v>
      </c>
      <c r="II8" s="103">
        <v>713</v>
      </c>
      <c r="IJ8" s="104">
        <v>1102</v>
      </c>
      <c r="IK8" s="101">
        <v>431</v>
      </c>
      <c r="IL8" s="102">
        <v>484</v>
      </c>
      <c r="IM8" s="103">
        <v>915</v>
      </c>
      <c r="IN8" s="413">
        <v>0</v>
      </c>
      <c r="IO8" s="102">
        <v>465</v>
      </c>
      <c r="IP8" s="102">
        <v>475</v>
      </c>
      <c r="IQ8" s="102">
        <v>269</v>
      </c>
      <c r="IR8" s="102">
        <v>215</v>
      </c>
      <c r="IS8" s="102">
        <v>130</v>
      </c>
      <c r="IT8" s="103">
        <v>1554</v>
      </c>
      <c r="IU8" s="104">
        <v>2469</v>
      </c>
      <c r="IV8" s="101">
        <v>703</v>
      </c>
      <c r="IW8" s="102">
        <v>748</v>
      </c>
      <c r="IX8" s="103">
        <v>1451</v>
      </c>
      <c r="IY8" s="413">
        <v>0</v>
      </c>
      <c r="IZ8" s="102">
        <v>795</v>
      </c>
      <c r="JA8" s="102">
        <v>827</v>
      </c>
      <c r="JB8" s="102">
        <v>463</v>
      </c>
      <c r="JC8" s="102">
        <v>397</v>
      </c>
      <c r="JD8" s="102">
        <v>219</v>
      </c>
      <c r="JE8" s="103">
        <v>2701</v>
      </c>
      <c r="JF8" s="104">
        <v>4152</v>
      </c>
      <c r="JG8" s="101">
        <v>653</v>
      </c>
      <c r="JH8" s="102">
        <v>836</v>
      </c>
      <c r="JI8" s="103">
        <v>1489</v>
      </c>
      <c r="JJ8" s="413">
        <v>0</v>
      </c>
      <c r="JK8" s="102">
        <v>914</v>
      </c>
      <c r="JL8" s="102">
        <v>1200</v>
      </c>
      <c r="JM8" s="102">
        <v>761</v>
      </c>
      <c r="JN8" s="102">
        <v>680</v>
      </c>
      <c r="JO8" s="102">
        <v>317</v>
      </c>
      <c r="JP8" s="103">
        <v>3872</v>
      </c>
      <c r="JQ8" s="104">
        <v>5361</v>
      </c>
      <c r="JR8" s="101">
        <v>0</v>
      </c>
      <c r="JS8" s="102">
        <v>0</v>
      </c>
      <c r="JT8" s="103">
        <v>0</v>
      </c>
      <c r="JU8" s="413">
        <v>0</v>
      </c>
      <c r="JV8" s="102">
        <v>0</v>
      </c>
      <c r="JW8" s="102">
        <v>0</v>
      </c>
      <c r="JX8" s="102">
        <v>0</v>
      </c>
      <c r="JY8" s="102">
        <v>0</v>
      </c>
      <c r="JZ8" s="102">
        <v>0</v>
      </c>
      <c r="KA8" s="103">
        <v>0</v>
      </c>
      <c r="KB8" s="104">
        <v>0</v>
      </c>
      <c r="KC8" s="101">
        <v>2054</v>
      </c>
      <c r="KD8" s="102">
        <v>2424</v>
      </c>
      <c r="KE8" s="103">
        <v>4478</v>
      </c>
      <c r="KF8" s="413">
        <v>0</v>
      </c>
      <c r="KG8" s="102">
        <v>2459</v>
      </c>
      <c r="KH8" s="102">
        <v>2899</v>
      </c>
      <c r="KI8" s="102">
        <v>1733</v>
      </c>
      <c r="KJ8" s="102">
        <v>1477</v>
      </c>
      <c r="KK8" s="102">
        <v>814</v>
      </c>
      <c r="KL8" s="103">
        <v>9382</v>
      </c>
      <c r="KM8" s="104">
        <v>13860</v>
      </c>
    </row>
    <row r="9" spans="2:299" s="70" customFormat="1" ht="21" customHeight="1" x14ac:dyDescent="0.2">
      <c r="B9" s="106" t="s">
        <v>6</v>
      </c>
      <c r="C9" s="96">
        <v>494</v>
      </c>
      <c r="D9" s="97">
        <v>376</v>
      </c>
      <c r="E9" s="98">
        <v>870</v>
      </c>
      <c r="F9" s="413">
        <v>0</v>
      </c>
      <c r="G9" s="97">
        <v>796</v>
      </c>
      <c r="H9" s="97">
        <v>644</v>
      </c>
      <c r="I9" s="97">
        <v>367</v>
      </c>
      <c r="J9" s="97">
        <v>345</v>
      </c>
      <c r="K9" s="97">
        <v>197</v>
      </c>
      <c r="L9" s="99">
        <v>2349</v>
      </c>
      <c r="M9" s="100">
        <v>3219</v>
      </c>
      <c r="N9" s="101">
        <v>16</v>
      </c>
      <c r="O9" s="102">
        <v>7</v>
      </c>
      <c r="P9" s="103">
        <v>23</v>
      </c>
      <c r="Q9" s="413">
        <v>0</v>
      </c>
      <c r="R9" s="102">
        <v>10</v>
      </c>
      <c r="S9" s="102">
        <v>16</v>
      </c>
      <c r="T9" s="102">
        <v>8</v>
      </c>
      <c r="U9" s="102">
        <v>4</v>
      </c>
      <c r="V9" s="102">
        <v>2</v>
      </c>
      <c r="W9" s="103">
        <v>40</v>
      </c>
      <c r="X9" s="104">
        <v>63</v>
      </c>
      <c r="Y9" s="101">
        <v>28</v>
      </c>
      <c r="Z9" s="102">
        <v>22</v>
      </c>
      <c r="AA9" s="103">
        <v>50</v>
      </c>
      <c r="AB9" s="413">
        <v>0</v>
      </c>
      <c r="AC9" s="102">
        <v>35</v>
      </c>
      <c r="AD9" s="102">
        <v>16</v>
      </c>
      <c r="AE9" s="102">
        <v>14</v>
      </c>
      <c r="AF9" s="102">
        <v>21</v>
      </c>
      <c r="AG9" s="102">
        <v>15</v>
      </c>
      <c r="AH9" s="103">
        <v>101</v>
      </c>
      <c r="AI9" s="104">
        <v>151</v>
      </c>
      <c r="AJ9" s="101">
        <v>42</v>
      </c>
      <c r="AK9" s="102">
        <v>33</v>
      </c>
      <c r="AL9" s="103">
        <v>75</v>
      </c>
      <c r="AM9" s="413">
        <v>0</v>
      </c>
      <c r="AN9" s="102">
        <v>70</v>
      </c>
      <c r="AO9" s="102">
        <v>62</v>
      </c>
      <c r="AP9" s="102">
        <v>25</v>
      </c>
      <c r="AQ9" s="102">
        <v>34</v>
      </c>
      <c r="AR9" s="102">
        <v>16</v>
      </c>
      <c r="AS9" s="103">
        <v>207</v>
      </c>
      <c r="AT9" s="104">
        <v>282</v>
      </c>
      <c r="AU9" s="101">
        <v>92</v>
      </c>
      <c r="AV9" s="102">
        <v>64</v>
      </c>
      <c r="AW9" s="103">
        <v>156</v>
      </c>
      <c r="AX9" s="413">
        <v>0</v>
      </c>
      <c r="AY9" s="102">
        <v>145</v>
      </c>
      <c r="AZ9" s="102">
        <v>124</v>
      </c>
      <c r="BA9" s="102">
        <v>72</v>
      </c>
      <c r="BB9" s="102">
        <v>47</v>
      </c>
      <c r="BC9" s="102">
        <v>30</v>
      </c>
      <c r="BD9" s="103">
        <v>418</v>
      </c>
      <c r="BE9" s="104">
        <v>574</v>
      </c>
      <c r="BF9" s="101">
        <v>160</v>
      </c>
      <c r="BG9" s="102">
        <v>126</v>
      </c>
      <c r="BH9" s="103">
        <v>286</v>
      </c>
      <c r="BI9" s="413">
        <v>0</v>
      </c>
      <c r="BJ9" s="102">
        <v>234</v>
      </c>
      <c r="BK9" s="102">
        <v>179</v>
      </c>
      <c r="BL9" s="102">
        <v>92</v>
      </c>
      <c r="BM9" s="102">
        <v>91</v>
      </c>
      <c r="BN9" s="102">
        <v>67</v>
      </c>
      <c r="BO9" s="103">
        <v>663</v>
      </c>
      <c r="BP9" s="104">
        <v>949</v>
      </c>
      <c r="BQ9" s="101">
        <v>156</v>
      </c>
      <c r="BR9" s="102">
        <v>124</v>
      </c>
      <c r="BS9" s="103">
        <v>280</v>
      </c>
      <c r="BT9" s="413">
        <v>0</v>
      </c>
      <c r="BU9" s="102">
        <v>302</v>
      </c>
      <c r="BV9" s="102">
        <v>247</v>
      </c>
      <c r="BW9" s="102">
        <v>156</v>
      </c>
      <c r="BX9" s="102">
        <v>148</v>
      </c>
      <c r="BY9" s="102">
        <v>67</v>
      </c>
      <c r="BZ9" s="103">
        <v>920</v>
      </c>
      <c r="CA9" s="104">
        <v>1200</v>
      </c>
      <c r="CB9" s="101">
        <v>0</v>
      </c>
      <c r="CC9" s="102">
        <v>0</v>
      </c>
      <c r="CD9" s="103">
        <v>0</v>
      </c>
      <c r="CE9" s="413">
        <v>0</v>
      </c>
      <c r="CF9" s="102">
        <v>0</v>
      </c>
      <c r="CG9" s="102">
        <v>0</v>
      </c>
      <c r="CH9" s="102">
        <v>0</v>
      </c>
      <c r="CI9" s="102">
        <v>0</v>
      </c>
      <c r="CJ9" s="102">
        <v>0</v>
      </c>
      <c r="CK9" s="103">
        <v>0</v>
      </c>
      <c r="CL9" s="104">
        <v>0</v>
      </c>
      <c r="CM9" s="101">
        <v>494</v>
      </c>
      <c r="CN9" s="102">
        <v>376</v>
      </c>
      <c r="CO9" s="103">
        <v>870</v>
      </c>
      <c r="CP9" s="413">
        <v>0</v>
      </c>
      <c r="CQ9" s="102">
        <v>796</v>
      </c>
      <c r="CR9" s="102">
        <v>644</v>
      </c>
      <c r="CS9" s="102">
        <v>367</v>
      </c>
      <c r="CT9" s="102">
        <v>345</v>
      </c>
      <c r="CU9" s="102">
        <v>197</v>
      </c>
      <c r="CV9" s="103">
        <v>2349</v>
      </c>
      <c r="CW9" s="104">
        <v>3219</v>
      </c>
      <c r="CX9" s="105">
        <v>91</v>
      </c>
      <c r="CY9" s="97">
        <v>105</v>
      </c>
      <c r="CZ9" s="98">
        <v>196</v>
      </c>
      <c r="DA9" s="413">
        <v>0</v>
      </c>
      <c r="DB9" s="97">
        <v>139</v>
      </c>
      <c r="DC9" s="97">
        <v>103</v>
      </c>
      <c r="DD9" s="97">
        <v>76</v>
      </c>
      <c r="DE9" s="97">
        <v>86</v>
      </c>
      <c r="DF9" s="97">
        <v>54</v>
      </c>
      <c r="DG9" s="99">
        <v>458</v>
      </c>
      <c r="DH9" s="100">
        <v>654</v>
      </c>
      <c r="DI9" s="101">
        <v>1</v>
      </c>
      <c r="DJ9" s="102">
        <v>1</v>
      </c>
      <c r="DK9" s="103">
        <v>2</v>
      </c>
      <c r="DL9" s="413">
        <v>0</v>
      </c>
      <c r="DM9" s="102">
        <v>2</v>
      </c>
      <c r="DN9" s="102">
        <v>1</v>
      </c>
      <c r="DO9" s="102">
        <v>2</v>
      </c>
      <c r="DP9" s="102">
        <v>2</v>
      </c>
      <c r="DQ9" s="102">
        <v>0</v>
      </c>
      <c r="DR9" s="103">
        <v>7</v>
      </c>
      <c r="DS9" s="104">
        <v>9</v>
      </c>
      <c r="DT9" s="101">
        <v>6</v>
      </c>
      <c r="DU9" s="102">
        <v>9</v>
      </c>
      <c r="DV9" s="103">
        <v>15</v>
      </c>
      <c r="DW9" s="413">
        <v>0</v>
      </c>
      <c r="DX9" s="102">
        <v>4</v>
      </c>
      <c r="DY9" s="102">
        <v>2</v>
      </c>
      <c r="DZ9" s="102">
        <v>5</v>
      </c>
      <c r="EA9" s="102">
        <v>3</v>
      </c>
      <c r="EB9" s="102">
        <v>1</v>
      </c>
      <c r="EC9" s="103">
        <v>15</v>
      </c>
      <c r="ED9" s="104">
        <v>30</v>
      </c>
      <c r="EE9" s="101">
        <v>18</v>
      </c>
      <c r="EF9" s="102">
        <v>9</v>
      </c>
      <c r="EG9" s="103">
        <v>27</v>
      </c>
      <c r="EH9" s="413">
        <v>0</v>
      </c>
      <c r="EI9" s="102">
        <v>16</v>
      </c>
      <c r="EJ9" s="102">
        <v>6</v>
      </c>
      <c r="EK9" s="102">
        <v>7</v>
      </c>
      <c r="EL9" s="102">
        <v>2</v>
      </c>
      <c r="EM9" s="102">
        <v>4</v>
      </c>
      <c r="EN9" s="103">
        <v>35</v>
      </c>
      <c r="EO9" s="104">
        <v>62</v>
      </c>
      <c r="EP9" s="101">
        <v>27</v>
      </c>
      <c r="EQ9" s="102">
        <v>20</v>
      </c>
      <c r="ER9" s="103">
        <v>47</v>
      </c>
      <c r="ES9" s="413">
        <v>0</v>
      </c>
      <c r="ET9" s="102">
        <v>30</v>
      </c>
      <c r="EU9" s="102">
        <v>20</v>
      </c>
      <c r="EV9" s="102">
        <v>6</v>
      </c>
      <c r="EW9" s="102">
        <v>11</v>
      </c>
      <c r="EX9" s="102">
        <v>7</v>
      </c>
      <c r="EY9" s="103">
        <v>74</v>
      </c>
      <c r="EZ9" s="104">
        <v>121</v>
      </c>
      <c r="FA9" s="101">
        <v>26</v>
      </c>
      <c r="FB9" s="102">
        <v>31</v>
      </c>
      <c r="FC9" s="103">
        <v>57</v>
      </c>
      <c r="FD9" s="413">
        <v>0</v>
      </c>
      <c r="FE9" s="102">
        <v>41</v>
      </c>
      <c r="FF9" s="102">
        <v>30</v>
      </c>
      <c r="FG9" s="102">
        <v>19</v>
      </c>
      <c r="FH9" s="102">
        <v>20</v>
      </c>
      <c r="FI9" s="102">
        <v>16</v>
      </c>
      <c r="FJ9" s="103">
        <v>126</v>
      </c>
      <c r="FK9" s="104">
        <v>183</v>
      </c>
      <c r="FL9" s="101">
        <v>13</v>
      </c>
      <c r="FM9" s="102">
        <v>35</v>
      </c>
      <c r="FN9" s="103">
        <v>48</v>
      </c>
      <c r="FO9" s="413">
        <v>0</v>
      </c>
      <c r="FP9" s="102">
        <v>46</v>
      </c>
      <c r="FQ9" s="102">
        <v>44</v>
      </c>
      <c r="FR9" s="102">
        <v>37</v>
      </c>
      <c r="FS9" s="102">
        <v>48</v>
      </c>
      <c r="FT9" s="102">
        <v>26</v>
      </c>
      <c r="FU9" s="103">
        <v>201</v>
      </c>
      <c r="FV9" s="104">
        <v>249</v>
      </c>
      <c r="FW9" s="101">
        <v>0</v>
      </c>
      <c r="FX9" s="102">
        <v>0</v>
      </c>
      <c r="FY9" s="103">
        <v>0</v>
      </c>
      <c r="FZ9" s="413">
        <v>0</v>
      </c>
      <c r="GA9" s="102">
        <v>0</v>
      </c>
      <c r="GB9" s="102">
        <v>0</v>
      </c>
      <c r="GC9" s="102">
        <v>0</v>
      </c>
      <c r="GD9" s="102">
        <v>0</v>
      </c>
      <c r="GE9" s="102">
        <v>0</v>
      </c>
      <c r="GF9" s="103">
        <v>0</v>
      </c>
      <c r="GG9" s="104">
        <v>0</v>
      </c>
      <c r="GH9" s="101">
        <v>91</v>
      </c>
      <c r="GI9" s="102">
        <v>105</v>
      </c>
      <c r="GJ9" s="103">
        <v>196</v>
      </c>
      <c r="GK9" s="413">
        <v>0</v>
      </c>
      <c r="GL9" s="102">
        <v>139</v>
      </c>
      <c r="GM9" s="102">
        <v>103</v>
      </c>
      <c r="GN9" s="102">
        <v>76</v>
      </c>
      <c r="GO9" s="102">
        <v>86</v>
      </c>
      <c r="GP9" s="102">
        <v>54</v>
      </c>
      <c r="GQ9" s="103">
        <v>458</v>
      </c>
      <c r="GR9" s="104">
        <v>654</v>
      </c>
      <c r="GS9" s="105">
        <v>585</v>
      </c>
      <c r="GT9" s="97">
        <v>481</v>
      </c>
      <c r="GU9" s="98">
        <v>1066</v>
      </c>
      <c r="GV9" s="413">
        <v>0</v>
      </c>
      <c r="GW9" s="97">
        <v>935</v>
      </c>
      <c r="GX9" s="97">
        <v>747</v>
      </c>
      <c r="GY9" s="97">
        <v>443</v>
      </c>
      <c r="GZ9" s="97">
        <v>431</v>
      </c>
      <c r="HA9" s="97">
        <v>251</v>
      </c>
      <c r="HB9" s="99">
        <v>2807</v>
      </c>
      <c r="HC9" s="100">
        <v>3873</v>
      </c>
      <c r="HD9" s="101">
        <v>17</v>
      </c>
      <c r="HE9" s="102">
        <v>8</v>
      </c>
      <c r="HF9" s="103">
        <v>25</v>
      </c>
      <c r="HG9" s="413">
        <v>0</v>
      </c>
      <c r="HH9" s="102">
        <v>12</v>
      </c>
      <c r="HI9" s="102">
        <v>17</v>
      </c>
      <c r="HJ9" s="102">
        <v>10</v>
      </c>
      <c r="HK9" s="102">
        <v>6</v>
      </c>
      <c r="HL9" s="102">
        <v>2</v>
      </c>
      <c r="HM9" s="103">
        <v>47</v>
      </c>
      <c r="HN9" s="104">
        <v>72</v>
      </c>
      <c r="HO9" s="101">
        <v>34</v>
      </c>
      <c r="HP9" s="102">
        <v>31</v>
      </c>
      <c r="HQ9" s="103">
        <v>65</v>
      </c>
      <c r="HR9" s="413">
        <v>0</v>
      </c>
      <c r="HS9" s="102">
        <v>39</v>
      </c>
      <c r="HT9" s="102">
        <v>18</v>
      </c>
      <c r="HU9" s="102">
        <v>19</v>
      </c>
      <c r="HV9" s="102">
        <v>24</v>
      </c>
      <c r="HW9" s="102">
        <v>16</v>
      </c>
      <c r="HX9" s="103">
        <v>116</v>
      </c>
      <c r="HY9" s="104">
        <v>181</v>
      </c>
      <c r="HZ9" s="101">
        <v>60</v>
      </c>
      <c r="IA9" s="102">
        <v>42</v>
      </c>
      <c r="IB9" s="103">
        <v>102</v>
      </c>
      <c r="IC9" s="413">
        <v>0</v>
      </c>
      <c r="ID9" s="102">
        <v>86</v>
      </c>
      <c r="IE9" s="102">
        <v>68</v>
      </c>
      <c r="IF9" s="102">
        <v>32</v>
      </c>
      <c r="IG9" s="102">
        <v>36</v>
      </c>
      <c r="IH9" s="102">
        <v>20</v>
      </c>
      <c r="II9" s="103">
        <v>242</v>
      </c>
      <c r="IJ9" s="104">
        <v>344</v>
      </c>
      <c r="IK9" s="101">
        <v>119</v>
      </c>
      <c r="IL9" s="102">
        <v>84</v>
      </c>
      <c r="IM9" s="103">
        <v>203</v>
      </c>
      <c r="IN9" s="413">
        <v>0</v>
      </c>
      <c r="IO9" s="102">
        <v>175</v>
      </c>
      <c r="IP9" s="102">
        <v>144</v>
      </c>
      <c r="IQ9" s="102">
        <v>78</v>
      </c>
      <c r="IR9" s="102">
        <v>58</v>
      </c>
      <c r="IS9" s="102">
        <v>37</v>
      </c>
      <c r="IT9" s="103">
        <v>492</v>
      </c>
      <c r="IU9" s="104">
        <v>695</v>
      </c>
      <c r="IV9" s="101">
        <v>186</v>
      </c>
      <c r="IW9" s="102">
        <v>157</v>
      </c>
      <c r="IX9" s="103">
        <v>343</v>
      </c>
      <c r="IY9" s="413">
        <v>0</v>
      </c>
      <c r="IZ9" s="102">
        <v>275</v>
      </c>
      <c r="JA9" s="102">
        <v>209</v>
      </c>
      <c r="JB9" s="102">
        <v>111</v>
      </c>
      <c r="JC9" s="102">
        <v>111</v>
      </c>
      <c r="JD9" s="102">
        <v>83</v>
      </c>
      <c r="JE9" s="103">
        <v>789</v>
      </c>
      <c r="JF9" s="104">
        <v>1132</v>
      </c>
      <c r="JG9" s="101">
        <v>169</v>
      </c>
      <c r="JH9" s="102">
        <v>159</v>
      </c>
      <c r="JI9" s="103">
        <v>328</v>
      </c>
      <c r="JJ9" s="413">
        <v>0</v>
      </c>
      <c r="JK9" s="102">
        <v>348</v>
      </c>
      <c r="JL9" s="102">
        <v>291</v>
      </c>
      <c r="JM9" s="102">
        <v>193</v>
      </c>
      <c r="JN9" s="102">
        <v>196</v>
      </c>
      <c r="JO9" s="102">
        <v>93</v>
      </c>
      <c r="JP9" s="103">
        <v>1121</v>
      </c>
      <c r="JQ9" s="104">
        <v>1449</v>
      </c>
      <c r="JR9" s="101">
        <v>0</v>
      </c>
      <c r="JS9" s="102">
        <v>0</v>
      </c>
      <c r="JT9" s="103">
        <v>0</v>
      </c>
      <c r="JU9" s="413">
        <v>0</v>
      </c>
      <c r="JV9" s="102">
        <v>0</v>
      </c>
      <c r="JW9" s="102">
        <v>0</v>
      </c>
      <c r="JX9" s="102">
        <v>0</v>
      </c>
      <c r="JY9" s="102">
        <v>0</v>
      </c>
      <c r="JZ9" s="102">
        <v>0</v>
      </c>
      <c r="KA9" s="103">
        <v>0</v>
      </c>
      <c r="KB9" s="104">
        <v>0</v>
      </c>
      <c r="KC9" s="101">
        <v>585</v>
      </c>
      <c r="KD9" s="102">
        <v>481</v>
      </c>
      <c r="KE9" s="103">
        <v>1066</v>
      </c>
      <c r="KF9" s="413">
        <v>0</v>
      </c>
      <c r="KG9" s="102">
        <v>935</v>
      </c>
      <c r="KH9" s="102">
        <v>747</v>
      </c>
      <c r="KI9" s="102">
        <v>443</v>
      </c>
      <c r="KJ9" s="102">
        <v>431</v>
      </c>
      <c r="KK9" s="102">
        <v>251</v>
      </c>
      <c r="KL9" s="103">
        <v>2807</v>
      </c>
      <c r="KM9" s="104">
        <v>3873</v>
      </c>
    </row>
    <row r="10" spans="2:299" s="70" customFormat="1" ht="21" customHeight="1" x14ac:dyDescent="0.2">
      <c r="B10" s="106" t="s">
        <v>14</v>
      </c>
      <c r="C10" s="96">
        <v>270</v>
      </c>
      <c r="D10" s="97">
        <v>343</v>
      </c>
      <c r="E10" s="98">
        <v>613</v>
      </c>
      <c r="F10" s="413">
        <v>0</v>
      </c>
      <c r="G10" s="97">
        <v>392</v>
      </c>
      <c r="H10" s="97">
        <v>397</v>
      </c>
      <c r="I10" s="97">
        <v>283</v>
      </c>
      <c r="J10" s="97">
        <v>223</v>
      </c>
      <c r="K10" s="97">
        <v>118</v>
      </c>
      <c r="L10" s="99">
        <v>1413</v>
      </c>
      <c r="M10" s="100">
        <v>2026</v>
      </c>
      <c r="N10" s="101">
        <v>5</v>
      </c>
      <c r="O10" s="102">
        <v>6</v>
      </c>
      <c r="P10" s="103">
        <v>11</v>
      </c>
      <c r="Q10" s="413">
        <v>0</v>
      </c>
      <c r="R10" s="102">
        <v>8</v>
      </c>
      <c r="S10" s="102">
        <v>7</v>
      </c>
      <c r="T10" s="102">
        <v>3</v>
      </c>
      <c r="U10" s="102">
        <v>10</v>
      </c>
      <c r="V10" s="102">
        <v>3</v>
      </c>
      <c r="W10" s="103">
        <v>31</v>
      </c>
      <c r="X10" s="104">
        <v>42</v>
      </c>
      <c r="Y10" s="101">
        <v>11</v>
      </c>
      <c r="Z10" s="102">
        <v>24</v>
      </c>
      <c r="AA10" s="103">
        <v>35</v>
      </c>
      <c r="AB10" s="413">
        <v>0</v>
      </c>
      <c r="AC10" s="102">
        <v>13</v>
      </c>
      <c r="AD10" s="102">
        <v>26</v>
      </c>
      <c r="AE10" s="102">
        <v>12</v>
      </c>
      <c r="AF10" s="102">
        <v>6</v>
      </c>
      <c r="AG10" s="102">
        <v>12</v>
      </c>
      <c r="AH10" s="103">
        <v>69</v>
      </c>
      <c r="AI10" s="104">
        <v>104</v>
      </c>
      <c r="AJ10" s="101">
        <v>26</v>
      </c>
      <c r="AK10" s="102">
        <v>38</v>
      </c>
      <c r="AL10" s="103">
        <v>64</v>
      </c>
      <c r="AM10" s="413">
        <v>0</v>
      </c>
      <c r="AN10" s="102">
        <v>35</v>
      </c>
      <c r="AO10" s="102">
        <v>23</v>
      </c>
      <c r="AP10" s="102">
        <v>19</v>
      </c>
      <c r="AQ10" s="102">
        <v>21</v>
      </c>
      <c r="AR10" s="102">
        <v>12</v>
      </c>
      <c r="AS10" s="103">
        <v>110</v>
      </c>
      <c r="AT10" s="104">
        <v>174</v>
      </c>
      <c r="AU10" s="101">
        <v>67</v>
      </c>
      <c r="AV10" s="102">
        <v>82</v>
      </c>
      <c r="AW10" s="103">
        <v>149</v>
      </c>
      <c r="AX10" s="413">
        <v>0</v>
      </c>
      <c r="AY10" s="102">
        <v>88</v>
      </c>
      <c r="AZ10" s="102">
        <v>87</v>
      </c>
      <c r="BA10" s="102">
        <v>68</v>
      </c>
      <c r="BB10" s="102">
        <v>47</v>
      </c>
      <c r="BC10" s="102">
        <v>16</v>
      </c>
      <c r="BD10" s="103">
        <v>306</v>
      </c>
      <c r="BE10" s="104">
        <v>455</v>
      </c>
      <c r="BF10" s="101">
        <v>81</v>
      </c>
      <c r="BG10" s="102">
        <v>105</v>
      </c>
      <c r="BH10" s="103">
        <v>186</v>
      </c>
      <c r="BI10" s="413">
        <v>0</v>
      </c>
      <c r="BJ10" s="102">
        <v>117</v>
      </c>
      <c r="BK10" s="102">
        <v>129</v>
      </c>
      <c r="BL10" s="102">
        <v>68</v>
      </c>
      <c r="BM10" s="102">
        <v>65</v>
      </c>
      <c r="BN10" s="102">
        <v>26</v>
      </c>
      <c r="BO10" s="103">
        <v>405</v>
      </c>
      <c r="BP10" s="104">
        <v>591</v>
      </c>
      <c r="BQ10" s="101">
        <v>80</v>
      </c>
      <c r="BR10" s="102">
        <v>88</v>
      </c>
      <c r="BS10" s="103">
        <v>168</v>
      </c>
      <c r="BT10" s="413">
        <v>0</v>
      </c>
      <c r="BU10" s="102">
        <v>131</v>
      </c>
      <c r="BV10" s="102">
        <v>125</v>
      </c>
      <c r="BW10" s="102">
        <v>113</v>
      </c>
      <c r="BX10" s="102">
        <v>74</v>
      </c>
      <c r="BY10" s="102">
        <v>49</v>
      </c>
      <c r="BZ10" s="103">
        <v>492</v>
      </c>
      <c r="CA10" s="104">
        <v>660</v>
      </c>
      <c r="CB10" s="101">
        <v>0</v>
      </c>
      <c r="CC10" s="102">
        <v>0</v>
      </c>
      <c r="CD10" s="103">
        <v>0</v>
      </c>
      <c r="CE10" s="413">
        <v>0</v>
      </c>
      <c r="CF10" s="102">
        <v>0</v>
      </c>
      <c r="CG10" s="102">
        <v>0</v>
      </c>
      <c r="CH10" s="102">
        <v>0</v>
      </c>
      <c r="CI10" s="102">
        <v>0</v>
      </c>
      <c r="CJ10" s="102">
        <v>0</v>
      </c>
      <c r="CK10" s="103">
        <v>0</v>
      </c>
      <c r="CL10" s="104">
        <v>0</v>
      </c>
      <c r="CM10" s="101">
        <v>270</v>
      </c>
      <c r="CN10" s="102">
        <v>343</v>
      </c>
      <c r="CO10" s="103">
        <v>613</v>
      </c>
      <c r="CP10" s="413">
        <v>0</v>
      </c>
      <c r="CQ10" s="102">
        <v>392</v>
      </c>
      <c r="CR10" s="102">
        <v>397</v>
      </c>
      <c r="CS10" s="102">
        <v>283</v>
      </c>
      <c r="CT10" s="102">
        <v>223</v>
      </c>
      <c r="CU10" s="102">
        <v>118</v>
      </c>
      <c r="CV10" s="103">
        <v>1413</v>
      </c>
      <c r="CW10" s="104">
        <v>2026</v>
      </c>
      <c r="CX10" s="105">
        <v>37</v>
      </c>
      <c r="CY10" s="97">
        <v>54</v>
      </c>
      <c r="CZ10" s="98">
        <v>91</v>
      </c>
      <c r="DA10" s="413">
        <v>0</v>
      </c>
      <c r="DB10" s="97">
        <v>53</v>
      </c>
      <c r="DC10" s="97">
        <v>50</v>
      </c>
      <c r="DD10" s="97">
        <v>44</v>
      </c>
      <c r="DE10" s="97">
        <v>28</v>
      </c>
      <c r="DF10" s="97">
        <v>16</v>
      </c>
      <c r="DG10" s="99">
        <v>191</v>
      </c>
      <c r="DH10" s="100">
        <v>282</v>
      </c>
      <c r="DI10" s="101">
        <v>0</v>
      </c>
      <c r="DJ10" s="102">
        <v>1</v>
      </c>
      <c r="DK10" s="103">
        <v>1</v>
      </c>
      <c r="DL10" s="413">
        <v>0</v>
      </c>
      <c r="DM10" s="102">
        <v>1</v>
      </c>
      <c r="DN10" s="102">
        <v>0</v>
      </c>
      <c r="DO10" s="102">
        <v>2</v>
      </c>
      <c r="DP10" s="102">
        <v>0</v>
      </c>
      <c r="DQ10" s="102">
        <v>0</v>
      </c>
      <c r="DR10" s="103">
        <v>3</v>
      </c>
      <c r="DS10" s="104">
        <v>4</v>
      </c>
      <c r="DT10" s="101">
        <v>3</v>
      </c>
      <c r="DU10" s="102">
        <v>2</v>
      </c>
      <c r="DV10" s="103">
        <v>5</v>
      </c>
      <c r="DW10" s="413">
        <v>0</v>
      </c>
      <c r="DX10" s="102">
        <v>4</v>
      </c>
      <c r="DY10" s="102">
        <v>5</v>
      </c>
      <c r="DZ10" s="102">
        <v>3</v>
      </c>
      <c r="EA10" s="102">
        <v>0</v>
      </c>
      <c r="EB10" s="102">
        <v>2</v>
      </c>
      <c r="EC10" s="103">
        <v>14</v>
      </c>
      <c r="ED10" s="104">
        <v>19</v>
      </c>
      <c r="EE10" s="101">
        <v>7</v>
      </c>
      <c r="EF10" s="102">
        <v>8</v>
      </c>
      <c r="EG10" s="103">
        <v>15</v>
      </c>
      <c r="EH10" s="413">
        <v>0</v>
      </c>
      <c r="EI10" s="102">
        <v>7</v>
      </c>
      <c r="EJ10" s="102">
        <v>4</v>
      </c>
      <c r="EK10" s="102">
        <v>5</v>
      </c>
      <c r="EL10" s="102">
        <v>2</v>
      </c>
      <c r="EM10" s="102">
        <v>3</v>
      </c>
      <c r="EN10" s="103">
        <v>21</v>
      </c>
      <c r="EO10" s="104">
        <v>36</v>
      </c>
      <c r="EP10" s="101">
        <v>11</v>
      </c>
      <c r="EQ10" s="102">
        <v>12</v>
      </c>
      <c r="ER10" s="103">
        <v>23</v>
      </c>
      <c r="ES10" s="413">
        <v>0</v>
      </c>
      <c r="ET10" s="102">
        <v>13</v>
      </c>
      <c r="EU10" s="102">
        <v>12</v>
      </c>
      <c r="EV10" s="102">
        <v>9</v>
      </c>
      <c r="EW10" s="102">
        <v>2</v>
      </c>
      <c r="EX10" s="102">
        <v>1</v>
      </c>
      <c r="EY10" s="103">
        <v>37</v>
      </c>
      <c r="EZ10" s="104">
        <v>60</v>
      </c>
      <c r="FA10" s="101">
        <v>11</v>
      </c>
      <c r="FB10" s="102">
        <v>16</v>
      </c>
      <c r="FC10" s="103">
        <v>27</v>
      </c>
      <c r="FD10" s="413">
        <v>0</v>
      </c>
      <c r="FE10" s="102">
        <v>17</v>
      </c>
      <c r="FF10" s="102">
        <v>13</v>
      </c>
      <c r="FG10" s="102">
        <v>10</v>
      </c>
      <c r="FH10" s="102">
        <v>7</v>
      </c>
      <c r="FI10" s="102">
        <v>6</v>
      </c>
      <c r="FJ10" s="103">
        <v>53</v>
      </c>
      <c r="FK10" s="104">
        <v>80</v>
      </c>
      <c r="FL10" s="101">
        <v>5</v>
      </c>
      <c r="FM10" s="102">
        <v>15</v>
      </c>
      <c r="FN10" s="103">
        <v>20</v>
      </c>
      <c r="FO10" s="413">
        <v>0</v>
      </c>
      <c r="FP10" s="102">
        <v>11</v>
      </c>
      <c r="FQ10" s="102">
        <v>16</v>
      </c>
      <c r="FR10" s="102">
        <v>15</v>
      </c>
      <c r="FS10" s="102">
        <v>17</v>
      </c>
      <c r="FT10" s="102">
        <v>4</v>
      </c>
      <c r="FU10" s="103">
        <v>63</v>
      </c>
      <c r="FV10" s="104">
        <v>83</v>
      </c>
      <c r="FW10" s="101">
        <v>0</v>
      </c>
      <c r="FX10" s="102">
        <v>0</v>
      </c>
      <c r="FY10" s="103">
        <v>0</v>
      </c>
      <c r="FZ10" s="413">
        <v>0</v>
      </c>
      <c r="GA10" s="102">
        <v>0</v>
      </c>
      <c r="GB10" s="102">
        <v>0</v>
      </c>
      <c r="GC10" s="102">
        <v>0</v>
      </c>
      <c r="GD10" s="102">
        <v>0</v>
      </c>
      <c r="GE10" s="102">
        <v>0</v>
      </c>
      <c r="GF10" s="103">
        <v>0</v>
      </c>
      <c r="GG10" s="104">
        <v>0</v>
      </c>
      <c r="GH10" s="101">
        <v>37</v>
      </c>
      <c r="GI10" s="102">
        <v>54</v>
      </c>
      <c r="GJ10" s="103">
        <v>91</v>
      </c>
      <c r="GK10" s="413">
        <v>0</v>
      </c>
      <c r="GL10" s="102">
        <v>53</v>
      </c>
      <c r="GM10" s="102">
        <v>50</v>
      </c>
      <c r="GN10" s="102">
        <v>44</v>
      </c>
      <c r="GO10" s="102">
        <v>28</v>
      </c>
      <c r="GP10" s="102">
        <v>16</v>
      </c>
      <c r="GQ10" s="103">
        <v>191</v>
      </c>
      <c r="GR10" s="104">
        <v>282</v>
      </c>
      <c r="GS10" s="105">
        <v>307</v>
      </c>
      <c r="GT10" s="97">
        <v>397</v>
      </c>
      <c r="GU10" s="98">
        <v>704</v>
      </c>
      <c r="GV10" s="413">
        <v>0</v>
      </c>
      <c r="GW10" s="97">
        <v>445</v>
      </c>
      <c r="GX10" s="97">
        <v>447</v>
      </c>
      <c r="GY10" s="97">
        <v>327</v>
      </c>
      <c r="GZ10" s="97">
        <v>251</v>
      </c>
      <c r="HA10" s="97">
        <v>134</v>
      </c>
      <c r="HB10" s="99">
        <v>1604</v>
      </c>
      <c r="HC10" s="100">
        <v>2308</v>
      </c>
      <c r="HD10" s="101">
        <v>5</v>
      </c>
      <c r="HE10" s="102">
        <v>7</v>
      </c>
      <c r="HF10" s="103">
        <v>12</v>
      </c>
      <c r="HG10" s="413">
        <v>0</v>
      </c>
      <c r="HH10" s="102">
        <v>9</v>
      </c>
      <c r="HI10" s="102">
        <v>7</v>
      </c>
      <c r="HJ10" s="102">
        <v>5</v>
      </c>
      <c r="HK10" s="102">
        <v>10</v>
      </c>
      <c r="HL10" s="102">
        <v>3</v>
      </c>
      <c r="HM10" s="103">
        <v>34</v>
      </c>
      <c r="HN10" s="104">
        <v>46</v>
      </c>
      <c r="HO10" s="101">
        <v>14</v>
      </c>
      <c r="HP10" s="102">
        <v>26</v>
      </c>
      <c r="HQ10" s="103">
        <v>40</v>
      </c>
      <c r="HR10" s="413">
        <v>0</v>
      </c>
      <c r="HS10" s="102">
        <v>17</v>
      </c>
      <c r="HT10" s="102">
        <v>31</v>
      </c>
      <c r="HU10" s="102">
        <v>15</v>
      </c>
      <c r="HV10" s="102">
        <v>6</v>
      </c>
      <c r="HW10" s="102">
        <v>14</v>
      </c>
      <c r="HX10" s="103">
        <v>83</v>
      </c>
      <c r="HY10" s="104">
        <v>123</v>
      </c>
      <c r="HZ10" s="101">
        <v>33</v>
      </c>
      <c r="IA10" s="102">
        <v>46</v>
      </c>
      <c r="IB10" s="103">
        <v>79</v>
      </c>
      <c r="IC10" s="413">
        <v>0</v>
      </c>
      <c r="ID10" s="102">
        <v>42</v>
      </c>
      <c r="IE10" s="102">
        <v>27</v>
      </c>
      <c r="IF10" s="102">
        <v>24</v>
      </c>
      <c r="IG10" s="102">
        <v>23</v>
      </c>
      <c r="IH10" s="102">
        <v>15</v>
      </c>
      <c r="II10" s="103">
        <v>131</v>
      </c>
      <c r="IJ10" s="104">
        <v>210</v>
      </c>
      <c r="IK10" s="101">
        <v>78</v>
      </c>
      <c r="IL10" s="102">
        <v>94</v>
      </c>
      <c r="IM10" s="103">
        <v>172</v>
      </c>
      <c r="IN10" s="413">
        <v>0</v>
      </c>
      <c r="IO10" s="102">
        <v>101</v>
      </c>
      <c r="IP10" s="102">
        <v>99</v>
      </c>
      <c r="IQ10" s="102">
        <v>77</v>
      </c>
      <c r="IR10" s="102">
        <v>49</v>
      </c>
      <c r="IS10" s="102">
        <v>17</v>
      </c>
      <c r="IT10" s="103">
        <v>343</v>
      </c>
      <c r="IU10" s="104">
        <v>515</v>
      </c>
      <c r="IV10" s="101">
        <v>92</v>
      </c>
      <c r="IW10" s="102">
        <v>121</v>
      </c>
      <c r="IX10" s="103">
        <v>213</v>
      </c>
      <c r="IY10" s="413">
        <v>0</v>
      </c>
      <c r="IZ10" s="102">
        <v>134</v>
      </c>
      <c r="JA10" s="102">
        <v>142</v>
      </c>
      <c r="JB10" s="102">
        <v>78</v>
      </c>
      <c r="JC10" s="102">
        <v>72</v>
      </c>
      <c r="JD10" s="102">
        <v>32</v>
      </c>
      <c r="JE10" s="103">
        <v>458</v>
      </c>
      <c r="JF10" s="104">
        <v>671</v>
      </c>
      <c r="JG10" s="101">
        <v>85</v>
      </c>
      <c r="JH10" s="102">
        <v>103</v>
      </c>
      <c r="JI10" s="103">
        <v>188</v>
      </c>
      <c r="JJ10" s="413">
        <v>0</v>
      </c>
      <c r="JK10" s="102">
        <v>142</v>
      </c>
      <c r="JL10" s="102">
        <v>141</v>
      </c>
      <c r="JM10" s="102">
        <v>128</v>
      </c>
      <c r="JN10" s="102">
        <v>91</v>
      </c>
      <c r="JO10" s="102">
        <v>53</v>
      </c>
      <c r="JP10" s="103">
        <v>555</v>
      </c>
      <c r="JQ10" s="104">
        <v>743</v>
      </c>
      <c r="JR10" s="101">
        <v>0</v>
      </c>
      <c r="JS10" s="102">
        <v>0</v>
      </c>
      <c r="JT10" s="103">
        <v>0</v>
      </c>
      <c r="JU10" s="413">
        <v>0</v>
      </c>
      <c r="JV10" s="102">
        <v>0</v>
      </c>
      <c r="JW10" s="102">
        <v>0</v>
      </c>
      <c r="JX10" s="102">
        <v>0</v>
      </c>
      <c r="JY10" s="102">
        <v>0</v>
      </c>
      <c r="JZ10" s="102">
        <v>0</v>
      </c>
      <c r="KA10" s="103">
        <v>0</v>
      </c>
      <c r="KB10" s="104">
        <v>0</v>
      </c>
      <c r="KC10" s="101">
        <v>307</v>
      </c>
      <c r="KD10" s="102">
        <v>397</v>
      </c>
      <c r="KE10" s="103">
        <v>704</v>
      </c>
      <c r="KF10" s="413">
        <v>0</v>
      </c>
      <c r="KG10" s="102">
        <v>445</v>
      </c>
      <c r="KH10" s="102">
        <v>447</v>
      </c>
      <c r="KI10" s="102">
        <v>327</v>
      </c>
      <c r="KJ10" s="102">
        <v>251</v>
      </c>
      <c r="KK10" s="102">
        <v>134</v>
      </c>
      <c r="KL10" s="103">
        <v>1604</v>
      </c>
      <c r="KM10" s="104">
        <v>2308</v>
      </c>
    </row>
    <row r="11" spans="2:299" s="70" customFormat="1" ht="21" customHeight="1" x14ac:dyDescent="0.2">
      <c r="B11" s="106" t="s">
        <v>7</v>
      </c>
      <c r="C11" s="96">
        <v>247</v>
      </c>
      <c r="D11" s="97">
        <v>181</v>
      </c>
      <c r="E11" s="98">
        <v>428</v>
      </c>
      <c r="F11" s="413">
        <v>0</v>
      </c>
      <c r="G11" s="97">
        <v>521</v>
      </c>
      <c r="H11" s="97">
        <v>324</v>
      </c>
      <c r="I11" s="97">
        <v>183</v>
      </c>
      <c r="J11" s="97">
        <v>158</v>
      </c>
      <c r="K11" s="97">
        <v>89</v>
      </c>
      <c r="L11" s="99">
        <v>1275</v>
      </c>
      <c r="M11" s="100">
        <v>1703</v>
      </c>
      <c r="N11" s="101">
        <v>5</v>
      </c>
      <c r="O11" s="102">
        <v>1</v>
      </c>
      <c r="P11" s="103">
        <v>6</v>
      </c>
      <c r="Q11" s="413">
        <v>0</v>
      </c>
      <c r="R11" s="102">
        <v>6</v>
      </c>
      <c r="S11" s="102">
        <v>5</v>
      </c>
      <c r="T11" s="102">
        <v>2</v>
      </c>
      <c r="U11" s="102">
        <v>2</v>
      </c>
      <c r="V11" s="102">
        <v>2</v>
      </c>
      <c r="W11" s="103">
        <v>17</v>
      </c>
      <c r="X11" s="104">
        <v>23</v>
      </c>
      <c r="Y11" s="101">
        <v>9</v>
      </c>
      <c r="Z11" s="102">
        <v>5</v>
      </c>
      <c r="AA11" s="103">
        <v>14</v>
      </c>
      <c r="AB11" s="413">
        <v>0</v>
      </c>
      <c r="AC11" s="102">
        <v>17</v>
      </c>
      <c r="AD11" s="102">
        <v>7</v>
      </c>
      <c r="AE11" s="102">
        <v>7</v>
      </c>
      <c r="AF11" s="102">
        <v>4</v>
      </c>
      <c r="AG11" s="102">
        <v>5</v>
      </c>
      <c r="AH11" s="103">
        <v>40</v>
      </c>
      <c r="AI11" s="104">
        <v>54</v>
      </c>
      <c r="AJ11" s="101">
        <v>16</v>
      </c>
      <c r="AK11" s="102">
        <v>11</v>
      </c>
      <c r="AL11" s="103">
        <v>27</v>
      </c>
      <c r="AM11" s="413">
        <v>0</v>
      </c>
      <c r="AN11" s="102">
        <v>42</v>
      </c>
      <c r="AO11" s="102">
        <v>33</v>
      </c>
      <c r="AP11" s="102">
        <v>9</v>
      </c>
      <c r="AQ11" s="102">
        <v>15</v>
      </c>
      <c r="AR11" s="102">
        <v>8</v>
      </c>
      <c r="AS11" s="103">
        <v>107</v>
      </c>
      <c r="AT11" s="104">
        <v>134</v>
      </c>
      <c r="AU11" s="101">
        <v>52</v>
      </c>
      <c r="AV11" s="102">
        <v>38</v>
      </c>
      <c r="AW11" s="103">
        <v>90</v>
      </c>
      <c r="AX11" s="413">
        <v>0</v>
      </c>
      <c r="AY11" s="102">
        <v>101</v>
      </c>
      <c r="AZ11" s="102">
        <v>53</v>
      </c>
      <c r="BA11" s="102">
        <v>33</v>
      </c>
      <c r="BB11" s="102">
        <v>28</v>
      </c>
      <c r="BC11" s="102">
        <v>20</v>
      </c>
      <c r="BD11" s="103">
        <v>235</v>
      </c>
      <c r="BE11" s="104">
        <v>325</v>
      </c>
      <c r="BF11" s="101">
        <v>86</v>
      </c>
      <c r="BG11" s="102">
        <v>62</v>
      </c>
      <c r="BH11" s="103">
        <v>148</v>
      </c>
      <c r="BI11" s="413">
        <v>0</v>
      </c>
      <c r="BJ11" s="102">
        <v>179</v>
      </c>
      <c r="BK11" s="102">
        <v>93</v>
      </c>
      <c r="BL11" s="102">
        <v>58</v>
      </c>
      <c r="BM11" s="102">
        <v>47</v>
      </c>
      <c r="BN11" s="102">
        <v>23</v>
      </c>
      <c r="BO11" s="103">
        <v>400</v>
      </c>
      <c r="BP11" s="104">
        <v>548</v>
      </c>
      <c r="BQ11" s="101">
        <v>79</v>
      </c>
      <c r="BR11" s="102">
        <v>64</v>
      </c>
      <c r="BS11" s="103">
        <v>143</v>
      </c>
      <c r="BT11" s="413">
        <v>0</v>
      </c>
      <c r="BU11" s="102">
        <v>176</v>
      </c>
      <c r="BV11" s="102">
        <v>133</v>
      </c>
      <c r="BW11" s="102">
        <v>74</v>
      </c>
      <c r="BX11" s="102">
        <v>62</v>
      </c>
      <c r="BY11" s="102">
        <v>31</v>
      </c>
      <c r="BZ11" s="103">
        <v>476</v>
      </c>
      <c r="CA11" s="104">
        <v>619</v>
      </c>
      <c r="CB11" s="101">
        <v>0</v>
      </c>
      <c r="CC11" s="102">
        <v>0</v>
      </c>
      <c r="CD11" s="103">
        <v>0</v>
      </c>
      <c r="CE11" s="413">
        <v>0</v>
      </c>
      <c r="CF11" s="102">
        <v>0</v>
      </c>
      <c r="CG11" s="102">
        <v>0</v>
      </c>
      <c r="CH11" s="102">
        <v>0</v>
      </c>
      <c r="CI11" s="102">
        <v>0</v>
      </c>
      <c r="CJ11" s="102">
        <v>0</v>
      </c>
      <c r="CK11" s="103">
        <v>0</v>
      </c>
      <c r="CL11" s="104">
        <v>0</v>
      </c>
      <c r="CM11" s="101">
        <v>247</v>
      </c>
      <c r="CN11" s="102">
        <v>181</v>
      </c>
      <c r="CO11" s="103">
        <v>428</v>
      </c>
      <c r="CP11" s="413">
        <v>0</v>
      </c>
      <c r="CQ11" s="102">
        <v>521</v>
      </c>
      <c r="CR11" s="102">
        <v>324</v>
      </c>
      <c r="CS11" s="102">
        <v>183</v>
      </c>
      <c r="CT11" s="102">
        <v>158</v>
      </c>
      <c r="CU11" s="102">
        <v>89</v>
      </c>
      <c r="CV11" s="103">
        <v>1275</v>
      </c>
      <c r="CW11" s="104">
        <v>1703</v>
      </c>
      <c r="CX11" s="105">
        <v>32</v>
      </c>
      <c r="CY11" s="97">
        <v>38</v>
      </c>
      <c r="CZ11" s="98">
        <v>70</v>
      </c>
      <c r="DA11" s="413">
        <v>0</v>
      </c>
      <c r="DB11" s="97">
        <v>68</v>
      </c>
      <c r="DC11" s="97">
        <v>41</v>
      </c>
      <c r="DD11" s="97">
        <v>27</v>
      </c>
      <c r="DE11" s="97">
        <v>17</v>
      </c>
      <c r="DF11" s="97">
        <v>14</v>
      </c>
      <c r="DG11" s="99">
        <v>167</v>
      </c>
      <c r="DH11" s="100">
        <v>237</v>
      </c>
      <c r="DI11" s="101">
        <v>1</v>
      </c>
      <c r="DJ11" s="102">
        <v>0</v>
      </c>
      <c r="DK11" s="103">
        <v>1</v>
      </c>
      <c r="DL11" s="413">
        <v>0</v>
      </c>
      <c r="DM11" s="102">
        <v>2</v>
      </c>
      <c r="DN11" s="102">
        <v>1</v>
      </c>
      <c r="DO11" s="102">
        <v>0</v>
      </c>
      <c r="DP11" s="102">
        <v>0</v>
      </c>
      <c r="DQ11" s="102">
        <v>0</v>
      </c>
      <c r="DR11" s="103">
        <v>3</v>
      </c>
      <c r="DS11" s="104">
        <v>4</v>
      </c>
      <c r="DT11" s="101">
        <v>4</v>
      </c>
      <c r="DU11" s="102">
        <v>2</v>
      </c>
      <c r="DV11" s="103">
        <v>6</v>
      </c>
      <c r="DW11" s="413">
        <v>0</v>
      </c>
      <c r="DX11" s="102">
        <v>1</v>
      </c>
      <c r="DY11" s="102">
        <v>0</v>
      </c>
      <c r="DZ11" s="102">
        <v>0</v>
      </c>
      <c r="EA11" s="102">
        <v>1</v>
      </c>
      <c r="EB11" s="102">
        <v>1</v>
      </c>
      <c r="EC11" s="103">
        <v>3</v>
      </c>
      <c r="ED11" s="104">
        <v>9</v>
      </c>
      <c r="EE11" s="101">
        <v>9</v>
      </c>
      <c r="EF11" s="102">
        <v>5</v>
      </c>
      <c r="EG11" s="103">
        <v>14</v>
      </c>
      <c r="EH11" s="413">
        <v>0</v>
      </c>
      <c r="EI11" s="102">
        <v>8</v>
      </c>
      <c r="EJ11" s="102">
        <v>4</v>
      </c>
      <c r="EK11" s="102">
        <v>1</v>
      </c>
      <c r="EL11" s="102">
        <v>1</v>
      </c>
      <c r="EM11" s="102">
        <v>1</v>
      </c>
      <c r="EN11" s="103">
        <v>15</v>
      </c>
      <c r="EO11" s="104">
        <v>29</v>
      </c>
      <c r="EP11" s="101">
        <v>4</v>
      </c>
      <c r="EQ11" s="102">
        <v>9</v>
      </c>
      <c r="ER11" s="103">
        <v>13</v>
      </c>
      <c r="ES11" s="413">
        <v>0</v>
      </c>
      <c r="ET11" s="102">
        <v>14</v>
      </c>
      <c r="EU11" s="102">
        <v>7</v>
      </c>
      <c r="EV11" s="102">
        <v>2</v>
      </c>
      <c r="EW11" s="102">
        <v>1</v>
      </c>
      <c r="EX11" s="102">
        <v>1</v>
      </c>
      <c r="EY11" s="103">
        <v>25</v>
      </c>
      <c r="EZ11" s="104">
        <v>38</v>
      </c>
      <c r="FA11" s="101">
        <v>6</v>
      </c>
      <c r="FB11" s="102">
        <v>14</v>
      </c>
      <c r="FC11" s="103">
        <v>20</v>
      </c>
      <c r="FD11" s="413">
        <v>0</v>
      </c>
      <c r="FE11" s="102">
        <v>16</v>
      </c>
      <c r="FF11" s="102">
        <v>6</v>
      </c>
      <c r="FG11" s="102">
        <v>8</v>
      </c>
      <c r="FH11" s="102">
        <v>4</v>
      </c>
      <c r="FI11" s="102">
        <v>7</v>
      </c>
      <c r="FJ11" s="103">
        <v>41</v>
      </c>
      <c r="FK11" s="104">
        <v>61</v>
      </c>
      <c r="FL11" s="101">
        <v>8</v>
      </c>
      <c r="FM11" s="102">
        <v>8</v>
      </c>
      <c r="FN11" s="103">
        <v>16</v>
      </c>
      <c r="FO11" s="413">
        <v>0</v>
      </c>
      <c r="FP11" s="102">
        <v>27</v>
      </c>
      <c r="FQ11" s="102">
        <v>23</v>
      </c>
      <c r="FR11" s="102">
        <v>16</v>
      </c>
      <c r="FS11" s="102">
        <v>10</v>
      </c>
      <c r="FT11" s="102">
        <v>4</v>
      </c>
      <c r="FU11" s="103">
        <v>80</v>
      </c>
      <c r="FV11" s="104">
        <v>96</v>
      </c>
      <c r="FW11" s="101">
        <v>0</v>
      </c>
      <c r="FX11" s="102">
        <v>0</v>
      </c>
      <c r="FY11" s="103">
        <v>0</v>
      </c>
      <c r="FZ11" s="413">
        <v>0</v>
      </c>
      <c r="GA11" s="102">
        <v>0</v>
      </c>
      <c r="GB11" s="102">
        <v>0</v>
      </c>
      <c r="GC11" s="102">
        <v>0</v>
      </c>
      <c r="GD11" s="102">
        <v>0</v>
      </c>
      <c r="GE11" s="102">
        <v>0</v>
      </c>
      <c r="GF11" s="103">
        <v>0</v>
      </c>
      <c r="GG11" s="104">
        <v>0</v>
      </c>
      <c r="GH11" s="101">
        <v>32</v>
      </c>
      <c r="GI11" s="102">
        <v>38</v>
      </c>
      <c r="GJ11" s="103">
        <v>70</v>
      </c>
      <c r="GK11" s="413">
        <v>0</v>
      </c>
      <c r="GL11" s="102">
        <v>68</v>
      </c>
      <c r="GM11" s="102">
        <v>41</v>
      </c>
      <c r="GN11" s="102">
        <v>27</v>
      </c>
      <c r="GO11" s="102">
        <v>17</v>
      </c>
      <c r="GP11" s="102">
        <v>14</v>
      </c>
      <c r="GQ11" s="103">
        <v>167</v>
      </c>
      <c r="GR11" s="104">
        <v>237</v>
      </c>
      <c r="GS11" s="105">
        <v>279</v>
      </c>
      <c r="GT11" s="97">
        <v>219</v>
      </c>
      <c r="GU11" s="98">
        <v>498</v>
      </c>
      <c r="GV11" s="413">
        <v>0</v>
      </c>
      <c r="GW11" s="97">
        <v>589</v>
      </c>
      <c r="GX11" s="97">
        <v>365</v>
      </c>
      <c r="GY11" s="97">
        <v>210</v>
      </c>
      <c r="GZ11" s="97">
        <v>175</v>
      </c>
      <c r="HA11" s="97">
        <v>103</v>
      </c>
      <c r="HB11" s="99">
        <v>1442</v>
      </c>
      <c r="HC11" s="100">
        <v>1940</v>
      </c>
      <c r="HD11" s="101">
        <v>6</v>
      </c>
      <c r="HE11" s="102">
        <v>1</v>
      </c>
      <c r="HF11" s="103">
        <v>7</v>
      </c>
      <c r="HG11" s="413">
        <v>0</v>
      </c>
      <c r="HH11" s="102">
        <v>8</v>
      </c>
      <c r="HI11" s="102">
        <v>6</v>
      </c>
      <c r="HJ11" s="102">
        <v>2</v>
      </c>
      <c r="HK11" s="102">
        <v>2</v>
      </c>
      <c r="HL11" s="102">
        <v>2</v>
      </c>
      <c r="HM11" s="103">
        <v>20</v>
      </c>
      <c r="HN11" s="104">
        <v>27</v>
      </c>
      <c r="HO11" s="101">
        <v>13</v>
      </c>
      <c r="HP11" s="102">
        <v>7</v>
      </c>
      <c r="HQ11" s="103">
        <v>20</v>
      </c>
      <c r="HR11" s="413">
        <v>0</v>
      </c>
      <c r="HS11" s="102">
        <v>18</v>
      </c>
      <c r="HT11" s="102">
        <v>7</v>
      </c>
      <c r="HU11" s="102">
        <v>7</v>
      </c>
      <c r="HV11" s="102">
        <v>5</v>
      </c>
      <c r="HW11" s="102">
        <v>6</v>
      </c>
      <c r="HX11" s="103">
        <v>43</v>
      </c>
      <c r="HY11" s="104">
        <v>63</v>
      </c>
      <c r="HZ11" s="101">
        <v>25</v>
      </c>
      <c r="IA11" s="102">
        <v>16</v>
      </c>
      <c r="IB11" s="103">
        <v>41</v>
      </c>
      <c r="IC11" s="413">
        <v>0</v>
      </c>
      <c r="ID11" s="102">
        <v>50</v>
      </c>
      <c r="IE11" s="102">
        <v>37</v>
      </c>
      <c r="IF11" s="102">
        <v>10</v>
      </c>
      <c r="IG11" s="102">
        <v>16</v>
      </c>
      <c r="IH11" s="102">
        <v>9</v>
      </c>
      <c r="II11" s="103">
        <v>122</v>
      </c>
      <c r="IJ11" s="104">
        <v>163</v>
      </c>
      <c r="IK11" s="101">
        <v>56</v>
      </c>
      <c r="IL11" s="102">
        <v>47</v>
      </c>
      <c r="IM11" s="103">
        <v>103</v>
      </c>
      <c r="IN11" s="413">
        <v>0</v>
      </c>
      <c r="IO11" s="102">
        <v>115</v>
      </c>
      <c r="IP11" s="102">
        <v>60</v>
      </c>
      <c r="IQ11" s="102">
        <v>35</v>
      </c>
      <c r="IR11" s="102">
        <v>29</v>
      </c>
      <c r="IS11" s="102">
        <v>21</v>
      </c>
      <c r="IT11" s="103">
        <v>260</v>
      </c>
      <c r="IU11" s="104">
        <v>363</v>
      </c>
      <c r="IV11" s="101">
        <v>92</v>
      </c>
      <c r="IW11" s="102">
        <v>76</v>
      </c>
      <c r="IX11" s="103">
        <v>168</v>
      </c>
      <c r="IY11" s="413">
        <v>0</v>
      </c>
      <c r="IZ11" s="102">
        <v>195</v>
      </c>
      <c r="JA11" s="102">
        <v>99</v>
      </c>
      <c r="JB11" s="102">
        <v>66</v>
      </c>
      <c r="JC11" s="102">
        <v>51</v>
      </c>
      <c r="JD11" s="102">
        <v>30</v>
      </c>
      <c r="JE11" s="103">
        <v>441</v>
      </c>
      <c r="JF11" s="104">
        <v>609</v>
      </c>
      <c r="JG11" s="101">
        <v>87</v>
      </c>
      <c r="JH11" s="102">
        <v>72</v>
      </c>
      <c r="JI11" s="103">
        <v>159</v>
      </c>
      <c r="JJ11" s="413">
        <v>0</v>
      </c>
      <c r="JK11" s="102">
        <v>203</v>
      </c>
      <c r="JL11" s="102">
        <v>156</v>
      </c>
      <c r="JM11" s="102">
        <v>90</v>
      </c>
      <c r="JN11" s="102">
        <v>72</v>
      </c>
      <c r="JO11" s="102">
        <v>35</v>
      </c>
      <c r="JP11" s="103">
        <v>556</v>
      </c>
      <c r="JQ11" s="104">
        <v>715</v>
      </c>
      <c r="JR11" s="101">
        <v>0</v>
      </c>
      <c r="JS11" s="102">
        <v>0</v>
      </c>
      <c r="JT11" s="103">
        <v>0</v>
      </c>
      <c r="JU11" s="413">
        <v>0</v>
      </c>
      <c r="JV11" s="102">
        <v>0</v>
      </c>
      <c r="JW11" s="102">
        <v>0</v>
      </c>
      <c r="JX11" s="102">
        <v>0</v>
      </c>
      <c r="JY11" s="102">
        <v>0</v>
      </c>
      <c r="JZ11" s="102">
        <v>0</v>
      </c>
      <c r="KA11" s="103">
        <v>0</v>
      </c>
      <c r="KB11" s="104">
        <v>0</v>
      </c>
      <c r="KC11" s="101">
        <v>279</v>
      </c>
      <c r="KD11" s="102">
        <v>219</v>
      </c>
      <c r="KE11" s="103">
        <v>498</v>
      </c>
      <c r="KF11" s="413">
        <v>0</v>
      </c>
      <c r="KG11" s="102">
        <v>589</v>
      </c>
      <c r="KH11" s="102">
        <v>365</v>
      </c>
      <c r="KI11" s="102">
        <v>210</v>
      </c>
      <c r="KJ11" s="102">
        <v>175</v>
      </c>
      <c r="KK11" s="102">
        <v>103</v>
      </c>
      <c r="KL11" s="103">
        <v>1442</v>
      </c>
      <c r="KM11" s="104">
        <v>1940</v>
      </c>
    </row>
    <row r="12" spans="2:299" s="70" customFormat="1" ht="21" customHeight="1" x14ac:dyDescent="0.2">
      <c r="B12" s="106" t="s">
        <v>8</v>
      </c>
      <c r="C12" s="96">
        <v>102</v>
      </c>
      <c r="D12" s="97">
        <v>65</v>
      </c>
      <c r="E12" s="98">
        <v>167</v>
      </c>
      <c r="F12" s="413">
        <v>0</v>
      </c>
      <c r="G12" s="97">
        <v>158</v>
      </c>
      <c r="H12" s="97">
        <v>113</v>
      </c>
      <c r="I12" s="97">
        <v>93</v>
      </c>
      <c r="J12" s="97">
        <v>59</v>
      </c>
      <c r="K12" s="97">
        <v>42</v>
      </c>
      <c r="L12" s="99">
        <v>465</v>
      </c>
      <c r="M12" s="100">
        <v>632</v>
      </c>
      <c r="N12" s="101">
        <v>2</v>
      </c>
      <c r="O12" s="102">
        <v>1</v>
      </c>
      <c r="P12" s="103">
        <v>3</v>
      </c>
      <c r="Q12" s="413">
        <v>0</v>
      </c>
      <c r="R12" s="102">
        <v>2</v>
      </c>
      <c r="S12" s="102">
        <v>2</v>
      </c>
      <c r="T12" s="102">
        <v>4</v>
      </c>
      <c r="U12" s="102">
        <v>0</v>
      </c>
      <c r="V12" s="102">
        <v>0</v>
      </c>
      <c r="W12" s="103">
        <v>8</v>
      </c>
      <c r="X12" s="104">
        <v>11</v>
      </c>
      <c r="Y12" s="101">
        <v>3</v>
      </c>
      <c r="Z12" s="102">
        <v>3</v>
      </c>
      <c r="AA12" s="103">
        <v>6</v>
      </c>
      <c r="AB12" s="413">
        <v>0</v>
      </c>
      <c r="AC12" s="102">
        <v>11</v>
      </c>
      <c r="AD12" s="102">
        <v>7</v>
      </c>
      <c r="AE12" s="102">
        <v>4</v>
      </c>
      <c r="AF12" s="102">
        <v>4</v>
      </c>
      <c r="AG12" s="102">
        <v>6</v>
      </c>
      <c r="AH12" s="103">
        <v>32</v>
      </c>
      <c r="AI12" s="104">
        <v>38</v>
      </c>
      <c r="AJ12" s="101">
        <v>5</v>
      </c>
      <c r="AK12" s="102">
        <v>5</v>
      </c>
      <c r="AL12" s="103">
        <v>10</v>
      </c>
      <c r="AM12" s="413">
        <v>0</v>
      </c>
      <c r="AN12" s="102">
        <v>11</v>
      </c>
      <c r="AO12" s="102">
        <v>15</v>
      </c>
      <c r="AP12" s="102">
        <v>3</v>
      </c>
      <c r="AQ12" s="102">
        <v>8</v>
      </c>
      <c r="AR12" s="102">
        <v>3</v>
      </c>
      <c r="AS12" s="103">
        <v>40</v>
      </c>
      <c r="AT12" s="104">
        <v>50</v>
      </c>
      <c r="AU12" s="101">
        <v>22</v>
      </c>
      <c r="AV12" s="102">
        <v>6</v>
      </c>
      <c r="AW12" s="103">
        <v>28</v>
      </c>
      <c r="AX12" s="413">
        <v>0</v>
      </c>
      <c r="AY12" s="102">
        <v>39</v>
      </c>
      <c r="AZ12" s="102">
        <v>22</v>
      </c>
      <c r="BA12" s="102">
        <v>12</v>
      </c>
      <c r="BB12" s="102">
        <v>11</v>
      </c>
      <c r="BC12" s="102">
        <v>6</v>
      </c>
      <c r="BD12" s="103">
        <v>90</v>
      </c>
      <c r="BE12" s="104">
        <v>118</v>
      </c>
      <c r="BF12" s="101">
        <v>39</v>
      </c>
      <c r="BG12" s="102">
        <v>20</v>
      </c>
      <c r="BH12" s="103">
        <v>59</v>
      </c>
      <c r="BI12" s="413">
        <v>0</v>
      </c>
      <c r="BJ12" s="102">
        <v>40</v>
      </c>
      <c r="BK12" s="102">
        <v>24</v>
      </c>
      <c r="BL12" s="102">
        <v>27</v>
      </c>
      <c r="BM12" s="102">
        <v>9</v>
      </c>
      <c r="BN12" s="102">
        <v>13</v>
      </c>
      <c r="BO12" s="103">
        <v>113</v>
      </c>
      <c r="BP12" s="104">
        <v>172</v>
      </c>
      <c r="BQ12" s="101">
        <v>31</v>
      </c>
      <c r="BR12" s="102">
        <v>30</v>
      </c>
      <c r="BS12" s="103">
        <v>61</v>
      </c>
      <c r="BT12" s="413">
        <v>0</v>
      </c>
      <c r="BU12" s="102">
        <v>55</v>
      </c>
      <c r="BV12" s="102">
        <v>43</v>
      </c>
      <c r="BW12" s="102">
        <v>43</v>
      </c>
      <c r="BX12" s="102">
        <v>27</v>
      </c>
      <c r="BY12" s="102">
        <v>14</v>
      </c>
      <c r="BZ12" s="103">
        <v>182</v>
      </c>
      <c r="CA12" s="104">
        <v>243</v>
      </c>
      <c r="CB12" s="101">
        <v>0</v>
      </c>
      <c r="CC12" s="102">
        <v>0</v>
      </c>
      <c r="CD12" s="103">
        <v>0</v>
      </c>
      <c r="CE12" s="413">
        <v>0</v>
      </c>
      <c r="CF12" s="102">
        <v>0</v>
      </c>
      <c r="CG12" s="102">
        <v>0</v>
      </c>
      <c r="CH12" s="102">
        <v>0</v>
      </c>
      <c r="CI12" s="102">
        <v>0</v>
      </c>
      <c r="CJ12" s="102">
        <v>0</v>
      </c>
      <c r="CK12" s="103">
        <v>0</v>
      </c>
      <c r="CL12" s="104">
        <v>0</v>
      </c>
      <c r="CM12" s="101">
        <v>102</v>
      </c>
      <c r="CN12" s="102">
        <v>65</v>
      </c>
      <c r="CO12" s="103">
        <v>167</v>
      </c>
      <c r="CP12" s="413">
        <v>0</v>
      </c>
      <c r="CQ12" s="102">
        <v>158</v>
      </c>
      <c r="CR12" s="102">
        <v>113</v>
      </c>
      <c r="CS12" s="102">
        <v>93</v>
      </c>
      <c r="CT12" s="102">
        <v>59</v>
      </c>
      <c r="CU12" s="102">
        <v>42</v>
      </c>
      <c r="CV12" s="103">
        <v>465</v>
      </c>
      <c r="CW12" s="104">
        <v>632</v>
      </c>
      <c r="CX12" s="105">
        <v>13</v>
      </c>
      <c r="CY12" s="97">
        <v>8</v>
      </c>
      <c r="CZ12" s="98">
        <v>21</v>
      </c>
      <c r="DA12" s="413">
        <v>0</v>
      </c>
      <c r="DB12" s="97">
        <v>21</v>
      </c>
      <c r="DC12" s="97">
        <v>29</v>
      </c>
      <c r="DD12" s="97">
        <v>21</v>
      </c>
      <c r="DE12" s="97">
        <v>12</v>
      </c>
      <c r="DF12" s="97">
        <v>5</v>
      </c>
      <c r="DG12" s="99">
        <v>88</v>
      </c>
      <c r="DH12" s="100">
        <v>109</v>
      </c>
      <c r="DI12" s="101">
        <v>1</v>
      </c>
      <c r="DJ12" s="102">
        <v>0</v>
      </c>
      <c r="DK12" s="103">
        <v>1</v>
      </c>
      <c r="DL12" s="413">
        <v>0</v>
      </c>
      <c r="DM12" s="102">
        <v>0</v>
      </c>
      <c r="DN12" s="102">
        <v>1</v>
      </c>
      <c r="DO12" s="102">
        <v>0</v>
      </c>
      <c r="DP12" s="102">
        <v>0</v>
      </c>
      <c r="DQ12" s="102">
        <v>0</v>
      </c>
      <c r="DR12" s="103">
        <v>1</v>
      </c>
      <c r="DS12" s="104">
        <v>2</v>
      </c>
      <c r="DT12" s="101">
        <v>1</v>
      </c>
      <c r="DU12" s="102">
        <v>0</v>
      </c>
      <c r="DV12" s="103">
        <v>1</v>
      </c>
      <c r="DW12" s="413">
        <v>0</v>
      </c>
      <c r="DX12" s="102">
        <v>1</v>
      </c>
      <c r="DY12" s="102">
        <v>3</v>
      </c>
      <c r="DZ12" s="102">
        <v>1</v>
      </c>
      <c r="EA12" s="102">
        <v>0</v>
      </c>
      <c r="EB12" s="102">
        <v>0</v>
      </c>
      <c r="EC12" s="103">
        <v>5</v>
      </c>
      <c r="ED12" s="104">
        <v>6</v>
      </c>
      <c r="EE12" s="101">
        <v>0</v>
      </c>
      <c r="EF12" s="102">
        <v>0</v>
      </c>
      <c r="EG12" s="103">
        <v>0</v>
      </c>
      <c r="EH12" s="413">
        <v>0</v>
      </c>
      <c r="EI12" s="102">
        <v>2</v>
      </c>
      <c r="EJ12" s="102">
        <v>5</v>
      </c>
      <c r="EK12" s="102">
        <v>0</v>
      </c>
      <c r="EL12" s="102">
        <v>1</v>
      </c>
      <c r="EM12" s="102">
        <v>1</v>
      </c>
      <c r="EN12" s="103">
        <v>9</v>
      </c>
      <c r="EO12" s="104">
        <v>9</v>
      </c>
      <c r="EP12" s="101">
        <v>2</v>
      </c>
      <c r="EQ12" s="102">
        <v>0</v>
      </c>
      <c r="ER12" s="103">
        <v>2</v>
      </c>
      <c r="ES12" s="413">
        <v>0</v>
      </c>
      <c r="ET12" s="102">
        <v>2</v>
      </c>
      <c r="EU12" s="102">
        <v>4</v>
      </c>
      <c r="EV12" s="102">
        <v>4</v>
      </c>
      <c r="EW12" s="102">
        <v>1</v>
      </c>
      <c r="EX12" s="102">
        <v>0</v>
      </c>
      <c r="EY12" s="103">
        <v>11</v>
      </c>
      <c r="EZ12" s="104">
        <v>13</v>
      </c>
      <c r="FA12" s="101">
        <v>4</v>
      </c>
      <c r="FB12" s="102">
        <v>5</v>
      </c>
      <c r="FC12" s="103">
        <v>9</v>
      </c>
      <c r="FD12" s="413">
        <v>0</v>
      </c>
      <c r="FE12" s="102">
        <v>7</v>
      </c>
      <c r="FF12" s="102">
        <v>8</v>
      </c>
      <c r="FG12" s="102">
        <v>2</v>
      </c>
      <c r="FH12" s="102">
        <v>1</v>
      </c>
      <c r="FI12" s="102">
        <v>1</v>
      </c>
      <c r="FJ12" s="103">
        <v>19</v>
      </c>
      <c r="FK12" s="104">
        <v>28</v>
      </c>
      <c r="FL12" s="101">
        <v>5</v>
      </c>
      <c r="FM12" s="102">
        <v>3</v>
      </c>
      <c r="FN12" s="103">
        <v>8</v>
      </c>
      <c r="FO12" s="413">
        <v>0</v>
      </c>
      <c r="FP12" s="102">
        <v>9</v>
      </c>
      <c r="FQ12" s="102">
        <v>8</v>
      </c>
      <c r="FR12" s="102">
        <v>14</v>
      </c>
      <c r="FS12" s="102">
        <v>9</v>
      </c>
      <c r="FT12" s="102">
        <v>3</v>
      </c>
      <c r="FU12" s="103">
        <v>43</v>
      </c>
      <c r="FV12" s="104">
        <v>51</v>
      </c>
      <c r="FW12" s="101">
        <v>0</v>
      </c>
      <c r="FX12" s="102">
        <v>0</v>
      </c>
      <c r="FY12" s="103">
        <v>0</v>
      </c>
      <c r="FZ12" s="413">
        <v>0</v>
      </c>
      <c r="GA12" s="102">
        <v>0</v>
      </c>
      <c r="GB12" s="102">
        <v>0</v>
      </c>
      <c r="GC12" s="102">
        <v>0</v>
      </c>
      <c r="GD12" s="102">
        <v>0</v>
      </c>
      <c r="GE12" s="102">
        <v>0</v>
      </c>
      <c r="GF12" s="103">
        <v>0</v>
      </c>
      <c r="GG12" s="104">
        <v>0</v>
      </c>
      <c r="GH12" s="101">
        <v>13</v>
      </c>
      <c r="GI12" s="102">
        <v>8</v>
      </c>
      <c r="GJ12" s="103">
        <v>21</v>
      </c>
      <c r="GK12" s="413">
        <v>0</v>
      </c>
      <c r="GL12" s="102">
        <v>21</v>
      </c>
      <c r="GM12" s="102">
        <v>29</v>
      </c>
      <c r="GN12" s="102">
        <v>21</v>
      </c>
      <c r="GO12" s="102">
        <v>12</v>
      </c>
      <c r="GP12" s="102">
        <v>5</v>
      </c>
      <c r="GQ12" s="103">
        <v>88</v>
      </c>
      <c r="GR12" s="104">
        <v>109</v>
      </c>
      <c r="GS12" s="105">
        <v>115</v>
      </c>
      <c r="GT12" s="97">
        <v>73</v>
      </c>
      <c r="GU12" s="98">
        <v>188</v>
      </c>
      <c r="GV12" s="413">
        <v>0</v>
      </c>
      <c r="GW12" s="97">
        <v>179</v>
      </c>
      <c r="GX12" s="97">
        <v>142</v>
      </c>
      <c r="GY12" s="97">
        <v>114</v>
      </c>
      <c r="GZ12" s="97">
        <v>71</v>
      </c>
      <c r="HA12" s="97">
        <v>47</v>
      </c>
      <c r="HB12" s="99">
        <v>553</v>
      </c>
      <c r="HC12" s="100">
        <v>741</v>
      </c>
      <c r="HD12" s="101">
        <v>3</v>
      </c>
      <c r="HE12" s="102">
        <v>1</v>
      </c>
      <c r="HF12" s="103">
        <v>4</v>
      </c>
      <c r="HG12" s="413">
        <v>0</v>
      </c>
      <c r="HH12" s="102">
        <v>2</v>
      </c>
      <c r="HI12" s="102">
        <v>3</v>
      </c>
      <c r="HJ12" s="102">
        <v>4</v>
      </c>
      <c r="HK12" s="102">
        <v>0</v>
      </c>
      <c r="HL12" s="102">
        <v>0</v>
      </c>
      <c r="HM12" s="103">
        <v>9</v>
      </c>
      <c r="HN12" s="104">
        <v>13</v>
      </c>
      <c r="HO12" s="101">
        <v>4</v>
      </c>
      <c r="HP12" s="102">
        <v>3</v>
      </c>
      <c r="HQ12" s="103">
        <v>7</v>
      </c>
      <c r="HR12" s="413">
        <v>0</v>
      </c>
      <c r="HS12" s="102">
        <v>12</v>
      </c>
      <c r="HT12" s="102">
        <v>10</v>
      </c>
      <c r="HU12" s="102">
        <v>5</v>
      </c>
      <c r="HV12" s="102">
        <v>4</v>
      </c>
      <c r="HW12" s="102">
        <v>6</v>
      </c>
      <c r="HX12" s="103">
        <v>37</v>
      </c>
      <c r="HY12" s="104">
        <v>44</v>
      </c>
      <c r="HZ12" s="101">
        <v>5</v>
      </c>
      <c r="IA12" s="102">
        <v>5</v>
      </c>
      <c r="IB12" s="103">
        <v>10</v>
      </c>
      <c r="IC12" s="413">
        <v>0</v>
      </c>
      <c r="ID12" s="102">
        <v>13</v>
      </c>
      <c r="IE12" s="102">
        <v>20</v>
      </c>
      <c r="IF12" s="102">
        <v>3</v>
      </c>
      <c r="IG12" s="102">
        <v>9</v>
      </c>
      <c r="IH12" s="102">
        <v>4</v>
      </c>
      <c r="II12" s="103">
        <v>49</v>
      </c>
      <c r="IJ12" s="104">
        <v>59</v>
      </c>
      <c r="IK12" s="101">
        <v>24</v>
      </c>
      <c r="IL12" s="102">
        <v>6</v>
      </c>
      <c r="IM12" s="103">
        <v>30</v>
      </c>
      <c r="IN12" s="413">
        <v>0</v>
      </c>
      <c r="IO12" s="102">
        <v>41</v>
      </c>
      <c r="IP12" s="102">
        <v>26</v>
      </c>
      <c r="IQ12" s="102">
        <v>16</v>
      </c>
      <c r="IR12" s="102">
        <v>12</v>
      </c>
      <c r="IS12" s="102">
        <v>6</v>
      </c>
      <c r="IT12" s="103">
        <v>101</v>
      </c>
      <c r="IU12" s="104">
        <v>131</v>
      </c>
      <c r="IV12" s="101">
        <v>43</v>
      </c>
      <c r="IW12" s="102">
        <v>25</v>
      </c>
      <c r="IX12" s="103">
        <v>68</v>
      </c>
      <c r="IY12" s="413">
        <v>0</v>
      </c>
      <c r="IZ12" s="102">
        <v>47</v>
      </c>
      <c r="JA12" s="102">
        <v>32</v>
      </c>
      <c r="JB12" s="102">
        <v>29</v>
      </c>
      <c r="JC12" s="102">
        <v>10</v>
      </c>
      <c r="JD12" s="102">
        <v>14</v>
      </c>
      <c r="JE12" s="103">
        <v>132</v>
      </c>
      <c r="JF12" s="104">
        <v>200</v>
      </c>
      <c r="JG12" s="101">
        <v>36</v>
      </c>
      <c r="JH12" s="102">
        <v>33</v>
      </c>
      <c r="JI12" s="103">
        <v>69</v>
      </c>
      <c r="JJ12" s="413">
        <v>0</v>
      </c>
      <c r="JK12" s="102">
        <v>64</v>
      </c>
      <c r="JL12" s="102">
        <v>51</v>
      </c>
      <c r="JM12" s="102">
        <v>57</v>
      </c>
      <c r="JN12" s="102">
        <v>36</v>
      </c>
      <c r="JO12" s="102">
        <v>17</v>
      </c>
      <c r="JP12" s="103">
        <v>225</v>
      </c>
      <c r="JQ12" s="104">
        <v>294</v>
      </c>
      <c r="JR12" s="101">
        <v>0</v>
      </c>
      <c r="JS12" s="102">
        <v>0</v>
      </c>
      <c r="JT12" s="103">
        <v>0</v>
      </c>
      <c r="JU12" s="413">
        <v>0</v>
      </c>
      <c r="JV12" s="102">
        <v>0</v>
      </c>
      <c r="JW12" s="102">
        <v>0</v>
      </c>
      <c r="JX12" s="102">
        <v>0</v>
      </c>
      <c r="JY12" s="102">
        <v>0</v>
      </c>
      <c r="JZ12" s="102">
        <v>0</v>
      </c>
      <c r="KA12" s="103">
        <v>0</v>
      </c>
      <c r="KB12" s="104">
        <v>0</v>
      </c>
      <c r="KC12" s="101">
        <v>115</v>
      </c>
      <c r="KD12" s="102">
        <v>73</v>
      </c>
      <c r="KE12" s="103">
        <v>188</v>
      </c>
      <c r="KF12" s="413">
        <v>0</v>
      </c>
      <c r="KG12" s="102">
        <v>179</v>
      </c>
      <c r="KH12" s="102">
        <v>142</v>
      </c>
      <c r="KI12" s="102">
        <v>114</v>
      </c>
      <c r="KJ12" s="102">
        <v>71</v>
      </c>
      <c r="KK12" s="102">
        <v>47</v>
      </c>
      <c r="KL12" s="103">
        <v>553</v>
      </c>
      <c r="KM12" s="104">
        <v>741</v>
      </c>
    </row>
    <row r="13" spans="2:299" s="70" customFormat="1" ht="21" customHeight="1" x14ac:dyDescent="0.2">
      <c r="B13" s="106" t="s">
        <v>9</v>
      </c>
      <c r="C13" s="96">
        <v>192</v>
      </c>
      <c r="D13" s="97">
        <v>91</v>
      </c>
      <c r="E13" s="98">
        <v>283</v>
      </c>
      <c r="F13" s="413">
        <v>0</v>
      </c>
      <c r="G13" s="97">
        <v>208</v>
      </c>
      <c r="H13" s="97">
        <v>118</v>
      </c>
      <c r="I13" s="97">
        <v>122</v>
      </c>
      <c r="J13" s="97">
        <v>94</v>
      </c>
      <c r="K13" s="97">
        <v>43</v>
      </c>
      <c r="L13" s="99">
        <v>585</v>
      </c>
      <c r="M13" s="100">
        <v>868</v>
      </c>
      <c r="N13" s="101">
        <v>1</v>
      </c>
      <c r="O13" s="102">
        <v>0</v>
      </c>
      <c r="P13" s="103">
        <v>1</v>
      </c>
      <c r="Q13" s="413">
        <v>0</v>
      </c>
      <c r="R13" s="102">
        <v>0</v>
      </c>
      <c r="S13" s="102">
        <v>0</v>
      </c>
      <c r="T13" s="102">
        <v>1</v>
      </c>
      <c r="U13" s="102">
        <v>0</v>
      </c>
      <c r="V13" s="102">
        <v>0</v>
      </c>
      <c r="W13" s="103">
        <v>1</v>
      </c>
      <c r="X13" s="104">
        <v>2</v>
      </c>
      <c r="Y13" s="101">
        <v>6</v>
      </c>
      <c r="Z13" s="102">
        <v>0</v>
      </c>
      <c r="AA13" s="103">
        <v>6</v>
      </c>
      <c r="AB13" s="413">
        <v>0</v>
      </c>
      <c r="AC13" s="102">
        <v>3</v>
      </c>
      <c r="AD13" s="102">
        <v>2</v>
      </c>
      <c r="AE13" s="102">
        <v>2</v>
      </c>
      <c r="AF13" s="102">
        <v>2</v>
      </c>
      <c r="AG13" s="102">
        <v>2</v>
      </c>
      <c r="AH13" s="103">
        <v>11</v>
      </c>
      <c r="AI13" s="104">
        <v>17</v>
      </c>
      <c r="AJ13" s="101">
        <v>11</v>
      </c>
      <c r="AK13" s="102">
        <v>2</v>
      </c>
      <c r="AL13" s="103">
        <v>13</v>
      </c>
      <c r="AM13" s="413">
        <v>0</v>
      </c>
      <c r="AN13" s="102">
        <v>9</v>
      </c>
      <c r="AO13" s="102">
        <v>12</v>
      </c>
      <c r="AP13" s="102">
        <v>11</v>
      </c>
      <c r="AQ13" s="102">
        <v>5</v>
      </c>
      <c r="AR13" s="102">
        <v>2</v>
      </c>
      <c r="AS13" s="103">
        <v>39</v>
      </c>
      <c r="AT13" s="104">
        <v>52</v>
      </c>
      <c r="AU13" s="101">
        <v>32</v>
      </c>
      <c r="AV13" s="102">
        <v>17</v>
      </c>
      <c r="AW13" s="103">
        <v>49</v>
      </c>
      <c r="AX13" s="413">
        <v>0</v>
      </c>
      <c r="AY13" s="102">
        <v>33</v>
      </c>
      <c r="AZ13" s="102">
        <v>12</v>
      </c>
      <c r="BA13" s="102">
        <v>13</v>
      </c>
      <c r="BB13" s="102">
        <v>8</v>
      </c>
      <c r="BC13" s="102">
        <v>8</v>
      </c>
      <c r="BD13" s="103">
        <v>74</v>
      </c>
      <c r="BE13" s="104">
        <v>123</v>
      </c>
      <c r="BF13" s="101">
        <v>75</v>
      </c>
      <c r="BG13" s="102">
        <v>38</v>
      </c>
      <c r="BH13" s="103">
        <v>113</v>
      </c>
      <c r="BI13" s="413">
        <v>0</v>
      </c>
      <c r="BJ13" s="102">
        <v>67</v>
      </c>
      <c r="BK13" s="102">
        <v>30</v>
      </c>
      <c r="BL13" s="102">
        <v>32</v>
      </c>
      <c r="BM13" s="102">
        <v>30</v>
      </c>
      <c r="BN13" s="102">
        <v>11</v>
      </c>
      <c r="BO13" s="103">
        <v>170</v>
      </c>
      <c r="BP13" s="104">
        <v>283</v>
      </c>
      <c r="BQ13" s="101">
        <v>67</v>
      </c>
      <c r="BR13" s="102">
        <v>34</v>
      </c>
      <c r="BS13" s="103">
        <v>101</v>
      </c>
      <c r="BT13" s="413">
        <v>0</v>
      </c>
      <c r="BU13" s="102">
        <v>96</v>
      </c>
      <c r="BV13" s="102">
        <v>62</v>
      </c>
      <c r="BW13" s="102">
        <v>63</v>
      </c>
      <c r="BX13" s="102">
        <v>49</v>
      </c>
      <c r="BY13" s="102">
        <v>20</v>
      </c>
      <c r="BZ13" s="103">
        <v>290</v>
      </c>
      <c r="CA13" s="104">
        <v>391</v>
      </c>
      <c r="CB13" s="101">
        <v>0</v>
      </c>
      <c r="CC13" s="102">
        <v>0</v>
      </c>
      <c r="CD13" s="103">
        <v>0</v>
      </c>
      <c r="CE13" s="413">
        <v>0</v>
      </c>
      <c r="CF13" s="102">
        <v>0</v>
      </c>
      <c r="CG13" s="102">
        <v>0</v>
      </c>
      <c r="CH13" s="102">
        <v>0</v>
      </c>
      <c r="CI13" s="102">
        <v>0</v>
      </c>
      <c r="CJ13" s="102">
        <v>0</v>
      </c>
      <c r="CK13" s="103">
        <v>0</v>
      </c>
      <c r="CL13" s="104">
        <v>0</v>
      </c>
      <c r="CM13" s="101">
        <v>192</v>
      </c>
      <c r="CN13" s="102">
        <v>91</v>
      </c>
      <c r="CO13" s="103">
        <v>283</v>
      </c>
      <c r="CP13" s="413">
        <v>0</v>
      </c>
      <c r="CQ13" s="102">
        <v>208</v>
      </c>
      <c r="CR13" s="102">
        <v>118</v>
      </c>
      <c r="CS13" s="102">
        <v>122</v>
      </c>
      <c r="CT13" s="102">
        <v>94</v>
      </c>
      <c r="CU13" s="102">
        <v>43</v>
      </c>
      <c r="CV13" s="103">
        <v>585</v>
      </c>
      <c r="CW13" s="104">
        <v>868</v>
      </c>
      <c r="CX13" s="105">
        <v>28</v>
      </c>
      <c r="CY13" s="97">
        <v>24</v>
      </c>
      <c r="CZ13" s="98">
        <v>52</v>
      </c>
      <c r="DA13" s="413">
        <v>0</v>
      </c>
      <c r="DB13" s="97">
        <v>29</v>
      </c>
      <c r="DC13" s="97">
        <v>23</v>
      </c>
      <c r="DD13" s="97">
        <v>17</v>
      </c>
      <c r="DE13" s="97">
        <v>21</v>
      </c>
      <c r="DF13" s="97">
        <v>10</v>
      </c>
      <c r="DG13" s="99">
        <v>100</v>
      </c>
      <c r="DH13" s="100">
        <v>152</v>
      </c>
      <c r="DI13" s="101">
        <v>0</v>
      </c>
      <c r="DJ13" s="102">
        <v>1</v>
      </c>
      <c r="DK13" s="103">
        <v>1</v>
      </c>
      <c r="DL13" s="413">
        <v>0</v>
      </c>
      <c r="DM13" s="102">
        <v>0</v>
      </c>
      <c r="DN13" s="102">
        <v>1</v>
      </c>
      <c r="DO13" s="102">
        <v>1</v>
      </c>
      <c r="DP13" s="102">
        <v>0</v>
      </c>
      <c r="DQ13" s="102">
        <v>1</v>
      </c>
      <c r="DR13" s="103">
        <v>3</v>
      </c>
      <c r="DS13" s="104">
        <v>4</v>
      </c>
      <c r="DT13" s="101">
        <v>3</v>
      </c>
      <c r="DU13" s="102">
        <v>3</v>
      </c>
      <c r="DV13" s="103">
        <v>6</v>
      </c>
      <c r="DW13" s="413">
        <v>0</v>
      </c>
      <c r="DX13" s="102">
        <v>1</v>
      </c>
      <c r="DY13" s="102">
        <v>0</v>
      </c>
      <c r="DZ13" s="102">
        <v>0</v>
      </c>
      <c r="EA13" s="102">
        <v>0</v>
      </c>
      <c r="EB13" s="102">
        <v>0</v>
      </c>
      <c r="EC13" s="103">
        <v>1</v>
      </c>
      <c r="ED13" s="104">
        <v>7</v>
      </c>
      <c r="EE13" s="101">
        <v>7</v>
      </c>
      <c r="EF13" s="102">
        <v>0</v>
      </c>
      <c r="EG13" s="103">
        <v>7</v>
      </c>
      <c r="EH13" s="413">
        <v>0</v>
      </c>
      <c r="EI13" s="102">
        <v>2</v>
      </c>
      <c r="EJ13" s="102">
        <v>4</v>
      </c>
      <c r="EK13" s="102">
        <v>3</v>
      </c>
      <c r="EL13" s="102">
        <v>0</v>
      </c>
      <c r="EM13" s="102">
        <v>1</v>
      </c>
      <c r="EN13" s="103">
        <v>10</v>
      </c>
      <c r="EO13" s="104">
        <v>17</v>
      </c>
      <c r="EP13" s="101">
        <v>8</v>
      </c>
      <c r="EQ13" s="102">
        <v>4</v>
      </c>
      <c r="ER13" s="103">
        <v>12</v>
      </c>
      <c r="ES13" s="413">
        <v>0</v>
      </c>
      <c r="ET13" s="102">
        <v>8</v>
      </c>
      <c r="EU13" s="102">
        <v>1</v>
      </c>
      <c r="EV13" s="102">
        <v>1</v>
      </c>
      <c r="EW13" s="102">
        <v>3</v>
      </c>
      <c r="EX13" s="102">
        <v>0</v>
      </c>
      <c r="EY13" s="103">
        <v>13</v>
      </c>
      <c r="EZ13" s="104">
        <v>25</v>
      </c>
      <c r="FA13" s="101">
        <v>6</v>
      </c>
      <c r="FB13" s="102">
        <v>9</v>
      </c>
      <c r="FC13" s="103">
        <v>15</v>
      </c>
      <c r="FD13" s="413">
        <v>0</v>
      </c>
      <c r="FE13" s="102">
        <v>7</v>
      </c>
      <c r="FF13" s="102">
        <v>8</v>
      </c>
      <c r="FG13" s="102">
        <v>2</v>
      </c>
      <c r="FH13" s="102">
        <v>3</v>
      </c>
      <c r="FI13" s="102">
        <v>3</v>
      </c>
      <c r="FJ13" s="103">
        <v>23</v>
      </c>
      <c r="FK13" s="104">
        <v>38</v>
      </c>
      <c r="FL13" s="101">
        <v>4</v>
      </c>
      <c r="FM13" s="102">
        <v>7</v>
      </c>
      <c r="FN13" s="103">
        <v>11</v>
      </c>
      <c r="FO13" s="413">
        <v>0</v>
      </c>
      <c r="FP13" s="102">
        <v>11</v>
      </c>
      <c r="FQ13" s="102">
        <v>9</v>
      </c>
      <c r="FR13" s="102">
        <v>10</v>
      </c>
      <c r="FS13" s="102">
        <v>15</v>
      </c>
      <c r="FT13" s="102">
        <v>5</v>
      </c>
      <c r="FU13" s="103">
        <v>50</v>
      </c>
      <c r="FV13" s="104">
        <v>61</v>
      </c>
      <c r="FW13" s="101">
        <v>0</v>
      </c>
      <c r="FX13" s="102">
        <v>0</v>
      </c>
      <c r="FY13" s="103">
        <v>0</v>
      </c>
      <c r="FZ13" s="413">
        <v>0</v>
      </c>
      <c r="GA13" s="102">
        <v>0</v>
      </c>
      <c r="GB13" s="102">
        <v>0</v>
      </c>
      <c r="GC13" s="102">
        <v>0</v>
      </c>
      <c r="GD13" s="102">
        <v>0</v>
      </c>
      <c r="GE13" s="102">
        <v>0</v>
      </c>
      <c r="GF13" s="103">
        <v>0</v>
      </c>
      <c r="GG13" s="104">
        <v>0</v>
      </c>
      <c r="GH13" s="101">
        <v>28</v>
      </c>
      <c r="GI13" s="102">
        <v>24</v>
      </c>
      <c r="GJ13" s="103">
        <v>52</v>
      </c>
      <c r="GK13" s="413">
        <v>0</v>
      </c>
      <c r="GL13" s="102">
        <v>29</v>
      </c>
      <c r="GM13" s="102">
        <v>23</v>
      </c>
      <c r="GN13" s="102">
        <v>17</v>
      </c>
      <c r="GO13" s="102">
        <v>21</v>
      </c>
      <c r="GP13" s="102">
        <v>10</v>
      </c>
      <c r="GQ13" s="103">
        <v>100</v>
      </c>
      <c r="GR13" s="104">
        <v>152</v>
      </c>
      <c r="GS13" s="105">
        <v>220</v>
      </c>
      <c r="GT13" s="97">
        <v>115</v>
      </c>
      <c r="GU13" s="98">
        <v>335</v>
      </c>
      <c r="GV13" s="413">
        <v>0</v>
      </c>
      <c r="GW13" s="97">
        <v>237</v>
      </c>
      <c r="GX13" s="97">
        <v>141</v>
      </c>
      <c r="GY13" s="97">
        <v>139</v>
      </c>
      <c r="GZ13" s="97">
        <v>115</v>
      </c>
      <c r="HA13" s="97">
        <v>53</v>
      </c>
      <c r="HB13" s="99">
        <v>685</v>
      </c>
      <c r="HC13" s="100">
        <v>1020</v>
      </c>
      <c r="HD13" s="101">
        <v>1</v>
      </c>
      <c r="HE13" s="102">
        <v>1</v>
      </c>
      <c r="HF13" s="103">
        <v>2</v>
      </c>
      <c r="HG13" s="413">
        <v>0</v>
      </c>
      <c r="HH13" s="102">
        <v>0</v>
      </c>
      <c r="HI13" s="102">
        <v>1</v>
      </c>
      <c r="HJ13" s="102">
        <v>2</v>
      </c>
      <c r="HK13" s="102">
        <v>0</v>
      </c>
      <c r="HL13" s="102">
        <v>1</v>
      </c>
      <c r="HM13" s="103">
        <v>4</v>
      </c>
      <c r="HN13" s="104">
        <v>6</v>
      </c>
      <c r="HO13" s="101">
        <v>9</v>
      </c>
      <c r="HP13" s="102">
        <v>3</v>
      </c>
      <c r="HQ13" s="103">
        <v>12</v>
      </c>
      <c r="HR13" s="413">
        <v>0</v>
      </c>
      <c r="HS13" s="102">
        <v>4</v>
      </c>
      <c r="HT13" s="102">
        <v>2</v>
      </c>
      <c r="HU13" s="102">
        <v>2</v>
      </c>
      <c r="HV13" s="102">
        <v>2</v>
      </c>
      <c r="HW13" s="102">
        <v>2</v>
      </c>
      <c r="HX13" s="103">
        <v>12</v>
      </c>
      <c r="HY13" s="104">
        <v>24</v>
      </c>
      <c r="HZ13" s="101">
        <v>18</v>
      </c>
      <c r="IA13" s="102">
        <v>2</v>
      </c>
      <c r="IB13" s="103">
        <v>20</v>
      </c>
      <c r="IC13" s="413">
        <v>0</v>
      </c>
      <c r="ID13" s="102">
        <v>11</v>
      </c>
      <c r="IE13" s="102">
        <v>16</v>
      </c>
      <c r="IF13" s="102">
        <v>14</v>
      </c>
      <c r="IG13" s="102">
        <v>5</v>
      </c>
      <c r="IH13" s="102">
        <v>3</v>
      </c>
      <c r="II13" s="103">
        <v>49</v>
      </c>
      <c r="IJ13" s="104">
        <v>69</v>
      </c>
      <c r="IK13" s="101">
        <v>40</v>
      </c>
      <c r="IL13" s="102">
        <v>21</v>
      </c>
      <c r="IM13" s="103">
        <v>61</v>
      </c>
      <c r="IN13" s="413">
        <v>0</v>
      </c>
      <c r="IO13" s="102">
        <v>41</v>
      </c>
      <c r="IP13" s="102">
        <v>13</v>
      </c>
      <c r="IQ13" s="102">
        <v>14</v>
      </c>
      <c r="IR13" s="102">
        <v>11</v>
      </c>
      <c r="IS13" s="102">
        <v>8</v>
      </c>
      <c r="IT13" s="103">
        <v>87</v>
      </c>
      <c r="IU13" s="104">
        <v>148</v>
      </c>
      <c r="IV13" s="101">
        <v>81</v>
      </c>
      <c r="IW13" s="102">
        <v>47</v>
      </c>
      <c r="IX13" s="103">
        <v>128</v>
      </c>
      <c r="IY13" s="413">
        <v>0</v>
      </c>
      <c r="IZ13" s="102">
        <v>74</v>
      </c>
      <c r="JA13" s="102">
        <v>38</v>
      </c>
      <c r="JB13" s="102">
        <v>34</v>
      </c>
      <c r="JC13" s="102">
        <v>33</v>
      </c>
      <c r="JD13" s="102">
        <v>14</v>
      </c>
      <c r="JE13" s="103">
        <v>193</v>
      </c>
      <c r="JF13" s="104">
        <v>321</v>
      </c>
      <c r="JG13" s="101">
        <v>71</v>
      </c>
      <c r="JH13" s="102">
        <v>41</v>
      </c>
      <c r="JI13" s="103">
        <v>112</v>
      </c>
      <c r="JJ13" s="413">
        <v>0</v>
      </c>
      <c r="JK13" s="102">
        <v>107</v>
      </c>
      <c r="JL13" s="102">
        <v>71</v>
      </c>
      <c r="JM13" s="102">
        <v>73</v>
      </c>
      <c r="JN13" s="102">
        <v>64</v>
      </c>
      <c r="JO13" s="102">
        <v>25</v>
      </c>
      <c r="JP13" s="103">
        <v>340</v>
      </c>
      <c r="JQ13" s="104">
        <v>452</v>
      </c>
      <c r="JR13" s="101">
        <v>0</v>
      </c>
      <c r="JS13" s="102">
        <v>0</v>
      </c>
      <c r="JT13" s="103">
        <v>0</v>
      </c>
      <c r="JU13" s="413">
        <v>0</v>
      </c>
      <c r="JV13" s="102">
        <v>0</v>
      </c>
      <c r="JW13" s="102">
        <v>0</v>
      </c>
      <c r="JX13" s="102">
        <v>0</v>
      </c>
      <c r="JY13" s="102">
        <v>0</v>
      </c>
      <c r="JZ13" s="102">
        <v>0</v>
      </c>
      <c r="KA13" s="103">
        <v>0</v>
      </c>
      <c r="KB13" s="104">
        <v>0</v>
      </c>
      <c r="KC13" s="101">
        <v>220</v>
      </c>
      <c r="KD13" s="102">
        <v>115</v>
      </c>
      <c r="KE13" s="103">
        <v>335</v>
      </c>
      <c r="KF13" s="413">
        <v>0</v>
      </c>
      <c r="KG13" s="102">
        <v>237</v>
      </c>
      <c r="KH13" s="102">
        <v>141</v>
      </c>
      <c r="KI13" s="102">
        <v>139</v>
      </c>
      <c r="KJ13" s="102">
        <v>115</v>
      </c>
      <c r="KK13" s="102">
        <v>53</v>
      </c>
      <c r="KL13" s="103">
        <v>685</v>
      </c>
      <c r="KM13" s="104">
        <v>1020</v>
      </c>
    </row>
    <row r="14" spans="2:299" s="70" customFormat="1" ht="21" customHeight="1" x14ac:dyDescent="0.2">
      <c r="B14" s="106" t="s">
        <v>10</v>
      </c>
      <c r="C14" s="96">
        <v>358</v>
      </c>
      <c r="D14" s="97">
        <v>206</v>
      </c>
      <c r="E14" s="98">
        <v>564</v>
      </c>
      <c r="F14" s="413">
        <v>0</v>
      </c>
      <c r="G14" s="97">
        <v>339</v>
      </c>
      <c r="H14" s="97">
        <v>170</v>
      </c>
      <c r="I14" s="97">
        <v>134</v>
      </c>
      <c r="J14" s="97">
        <v>123</v>
      </c>
      <c r="K14" s="97">
        <v>89</v>
      </c>
      <c r="L14" s="99">
        <v>855</v>
      </c>
      <c r="M14" s="100">
        <v>1419</v>
      </c>
      <c r="N14" s="101">
        <v>5</v>
      </c>
      <c r="O14" s="102">
        <v>3</v>
      </c>
      <c r="P14" s="103">
        <v>8</v>
      </c>
      <c r="Q14" s="413">
        <v>0</v>
      </c>
      <c r="R14" s="102">
        <v>5</v>
      </c>
      <c r="S14" s="102">
        <v>4</v>
      </c>
      <c r="T14" s="102">
        <v>1</v>
      </c>
      <c r="U14" s="102">
        <v>4</v>
      </c>
      <c r="V14" s="102">
        <v>1</v>
      </c>
      <c r="W14" s="103">
        <v>15</v>
      </c>
      <c r="X14" s="104">
        <v>23</v>
      </c>
      <c r="Y14" s="101">
        <v>14</v>
      </c>
      <c r="Z14" s="102">
        <v>5</v>
      </c>
      <c r="AA14" s="103">
        <v>19</v>
      </c>
      <c r="AB14" s="413">
        <v>0</v>
      </c>
      <c r="AC14" s="102">
        <v>13</v>
      </c>
      <c r="AD14" s="102">
        <v>6</v>
      </c>
      <c r="AE14" s="102">
        <v>5</v>
      </c>
      <c r="AF14" s="102">
        <v>6</v>
      </c>
      <c r="AG14" s="102">
        <v>9</v>
      </c>
      <c r="AH14" s="103">
        <v>39</v>
      </c>
      <c r="AI14" s="104">
        <v>58</v>
      </c>
      <c r="AJ14" s="101">
        <v>27</v>
      </c>
      <c r="AK14" s="102">
        <v>11</v>
      </c>
      <c r="AL14" s="103">
        <v>38</v>
      </c>
      <c r="AM14" s="413">
        <v>0</v>
      </c>
      <c r="AN14" s="102">
        <v>29</v>
      </c>
      <c r="AO14" s="102">
        <v>14</v>
      </c>
      <c r="AP14" s="102">
        <v>7</v>
      </c>
      <c r="AQ14" s="102">
        <v>10</v>
      </c>
      <c r="AR14" s="102">
        <v>10</v>
      </c>
      <c r="AS14" s="103">
        <v>70</v>
      </c>
      <c r="AT14" s="104">
        <v>108</v>
      </c>
      <c r="AU14" s="101">
        <v>72</v>
      </c>
      <c r="AV14" s="102">
        <v>38</v>
      </c>
      <c r="AW14" s="103">
        <v>110</v>
      </c>
      <c r="AX14" s="413">
        <v>0</v>
      </c>
      <c r="AY14" s="102">
        <v>62</v>
      </c>
      <c r="AZ14" s="102">
        <v>33</v>
      </c>
      <c r="BA14" s="102">
        <v>25</v>
      </c>
      <c r="BB14" s="102">
        <v>21</v>
      </c>
      <c r="BC14" s="102">
        <v>15</v>
      </c>
      <c r="BD14" s="103">
        <v>156</v>
      </c>
      <c r="BE14" s="104">
        <v>266</v>
      </c>
      <c r="BF14" s="101">
        <v>140</v>
      </c>
      <c r="BG14" s="102">
        <v>75</v>
      </c>
      <c r="BH14" s="103">
        <v>215</v>
      </c>
      <c r="BI14" s="413">
        <v>0</v>
      </c>
      <c r="BJ14" s="102">
        <v>114</v>
      </c>
      <c r="BK14" s="102">
        <v>51</v>
      </c>
      <c r="BL14" s="102">
        <v>30</v>
      </c>
      <c r="BM14" s="102">
        <v>33</v>
      </c>
      <c r="BN14" s="102">
        <v>17</v>
      </c>
      <c r="BO14" s="103">
        <v>245</v>
      </c>
      <c r="BP14" s="104">
        <v>460</v>
      </c>
      <c r="BQ14" s="101">
        <v>100</v>
      </c>
      <c r="BR14" s="102">
        <v>74</v>
      </c>
      <c r="BS14" s="103">
        <v>174</v>
      </c>
      <c r="BT14" s="413">
        <v>0</v>
      </c>
      <c r="BU14" s="102">
        <v>116</v>
      </c>
      <c r="BV14" s="102">
        <v>62</v>
      </c>
      <c r="BW14" s="102">
        <v>66</v>
      </c>
      <c r="BX14" s="102">
        <v>49</v>
      </c>
      <c r="BY14" s="102">
        <v>37</v>
      </c>
      <c r="BZ14" s="103">
        <v>330</v>
      </c>
      <c r="CA14" s="104">
        <v>504</v>
      </c>
      <c r="CB14" s="101">
        <v>0</v>
      </c>
      <c r="CC14" s="102">
        <v>0</v>
      </c>
      <c r="CD14" s="103">
        <v>0</v>
      </c>
      <c r="CE14" s="413">
        <v>0</v>
      </c>
      <c r="CF14" s="102">
        <v>0</v>
      </c>
      <c r="CG14" s="102">
        <v>0</v>
      </c>
      <c r="CH14" s="102">
        <v>0</v>
      </c>
      <c r="CI14" s="102">
        <v>0</v>
      </c>
      <c r="CJ14" s="102">
        <v>0</v>
      </c>
      <c r="CK14" s="103">
        <v>0</v>
      </c>
      <c r="CL14" s="104">
        <v>0</v>
      </c>
      <c r="CM14" s="101">
        <v>358</v>
      </c>
      <c r="CN14" s="102">
        <v>206</v>
      </c>
      <c r="CO14" s="103">
        <v>564</v>
      </c>
      <c r="CP14" s="413">
        <v>0</v>
      </c>
      <c r="CQ14" s="102">
        <v>339</v>
      </c>
      <c r="CR14" s="102">
        <v>170</v>
      </c>
      <c r="CS14" s="102">
        <v>134</v>
      </c>
      <c r="CT14" s="102">
        <v>123</v>
      </c>
      <c r="CU14" s="102">
        <v>89</v>
      </c>
      <c r="CV14" s="103">
        <v>855</v>
      </c>
      <c r="CW14" s="104">
        <v>1419</v>
      </c>
      <c r="CX14" s="105">
        <v>48</v>
      </c>
      <c r="CY14" s="97">
        <v>28</v>
      </c>
      <c r="CZ14" s="98">
        <v>76</v>
      </c>
      <c r="DA14" s="413">
        <v>0</v>
      </c>
      <c r="DB14" s="97">
        <v>54</v>
      </c>
      <c r="DC14" s="97">
        <v>21</v>
      </c>
      <c r="DD14" s="97">
        <v>21</v>
      </c>
      <c r="DE14" s="97">
        <v>31</v>
      </c>
      <c r="DF14" s="97">
        <v>21</v>
      </c>
      <c r="DG14" s="99">
        <v>148</v>
      </c>
      <c r="DH14" s="100">
        <v>224</v>
      </c>
      <c r="DI14" s="101">
        <v>0</v>
      </c>
      <c r="DJ14" s="102">
        <v>2</v>
      </c>
      <c r="DK14" s="103">
        <v>2</v>
      </c>
      <c r="DL14" s="413">
        <v>0</v>
      </c>
      <c r="DM14" s="102">
        <v>1</v>
      </c>
      <c r="DN14" s="102">
        <v>2</v>
      </c>
      <c r="DO14" s="102">
        <v>1</v>
      </c>
      <c r="DP14" s="102">
        <v>0</v>
      </c>
      <c r="DQ14" s="102">
        <v>0</v>
      </c>
      <c r="DR14" s="103">
        <v>4</v>
      </c>
      <c r="DS14" s="104">
        <v>6</v>
      </c>
      <c r="DT14" s="101">
        <v>4</v>
      </c>
      <c r="DU14" s="102">
        <v>3</v>
      </c>
      <c r="DV14" s="103">
        <v>7</v>
      </c>
      <c r="DW14" s="413">
        <v>0</v>
      </c>
      <c r="DX14" s="102">
        <v>2</v>
      </c>
      <c r="DY14" s="102">
        <v>0</v>
      </c>
      <c r="DZ14" s="102">
        <v>0</v>
      </c>
      <c r="EA14" s="102">
        <v>2</v>
      </c>
      <c r="EB14" s="102">
        <v>3</v>
      </c>
      <c r="EC14" s="103">
        <v>7</v>
      </c>
      <c r="ED14" s="104">
        <v>14</v>
      </c>
      <c r="EE14" s="101">
        <v>4</v>
      </c>
      <c r="EF14" s="102">
        <v>1</v>
      </c>
      <c r="EG14" s="103">
        <v>5</v>
      </c>
      <c r="EH14" s="413">
        <v>0</v>
      </c>
      <c r="EI14" s="102">
        <v>3</v>
      </c>
      <c r="EJ14" s="102">
        <v>1</v>
      </c>
      <c r="EK14" s="102">
        <v>1</v>
      </c>
      <c r="EL14" s="102">
        <v>1</v>
      </c>
      <c r="EM14" s="102">
        <v>0</v>
      </c>
      <c r="EN14" s="103">
        <v>6</v>
      </c>
      <c r="EO14" s="104">
        <v>11</v>
      </c>
      <c r="EP14" s="101">
        <v>11</v>
      </c>
      <c r="EQ14" s="102">
        <v>2</v>
      </c>
      <c r="ER14" s="103">
        <v>13</v>
      </c>
      <c r="ES14" s="413">
        <v>0</v>
      </c>
      <c r="ET14" s="102">
        <v>5</v>
      </c>
      <c r="EU14" s="102">
        <v>2</v>
      </c>
      <c r="EV14" s="102">
        <v>3</v>
      </c>
      <c r="EW14" s="102">
        <v>3</v>
      </c>
      <c r="EX14" s="102">
        <v>1</v>
      </c>
      <c r="EY14" s="103">
        <v>14</v>
      </c>
      <c r="EZ14" s="104">
        <v>27</v>
      </c>
      <c r="FA14" s="101">
        <v>21</v>
      </c>
      <c r="FB14" s="102">
        <v>10</v>
      </c>
      <c r="FC14" s="103">
        <v>31</v>
      </c>
      <c r="FD14" s="413">
        <v>0</v>
      </c>
      <c r="FE14" s="102">
        <v>20</v>
      </c>
      <c r="FF14" s="102">
        <v>5</v>
      </c>
      <c r="FG14" s="102">
        <v>6</v>
      </c>
      <c r="FH14" s="102">
        <v>5</v>
      </c>
      <c r="FI14" s="102">
        <v>8</v>
      </c>
      <c r="FJ14" s="103">
        <v>44</v>
      </c>
      <c r="FK14" s="104">
        <v>75</v>
      </c>
      <c r="FL14" s="101">
        <v>8</v>
      </c>
      <c r="FM14" s="102">
        <v>10</v>
      </c>
      <c r="FN14" s="103">
        <v>18</v>
      </c>
      <c r="FO14" s="413">
        <v>0</v>
      </c>
      <c r="FP14" s="102">
        <v>23</v>
      </c>
      <c r="FQ14" s="102">
        <v>11</v>
      </c>
      <c r="FR14" s="102">
        <v>10</v>
      </c>
      <c r="FS14" s="102">
        <v>20</v>
      </c>
      <c r="FT14" s="102">
        <v>9</v>
      </c>
      <c r="FU14" s="103">
        <v>73</v>
      </c>
      <c r="FV14" s="104">
        <v>91</v>
      </c>
      <c r="FW14" s="101">
        <v>0</v>
      </c>
      <c r="FX14" s="102">
        <v>0</v>
      </c>
      <c r="FY14" s="103">
        <v>0</v>
      </c>
      <c r="FZ14" s="413">
        <v>0</v>
      </c>
      <c r="GA14" s="102">
        <v>0</v>
      </c>
      <c r="GB14" s="102">
        <v>0</v>
      </c>
      <c r="GC14" s="102">
        <v>0</v>
      </c>
      <c r="GD14" s="102">
        <v>0</v>
      </c>
      <c r="GE14" s="102">
        <v>0</v>
      </c>
      <c r="GF14" s="103">
        <v>0</v>
      </c>
      <c r="GG14" s="104">
        <v>0</v>
      </c>
      <c r="GH14" s="101">
        <v>48</v>
      </c>
      <c r="GI14" s="102">
        <v>28</v>
      </c>
      <c r="GJ14" s="103">
        <v>76</v>
      </c>
      <c r="GK14" s="413">
        <v>0</v>
      </c>
      <c r="GL14" s="102">
        <v>54</v>
      </c>
      <c r="GM14" s="102">
        <v>21</v>
      </c>
      <c r="GN14" s="102">
        <v>21</v>
      </c>
      <c r="GO14" s="102">
        <v>31</v>
      </c>
      <c r="GP14" s="102">
        <v>21</v>
      </c>
      <c r="GQ14" s="103">
        <v>148</v>
      </c>
      <c r="GR14" s="104">
        <v>224</v>
      </c>
      <c r="GS14" s="105">
        <v>406</v>
      </c>
      <c r="GT14" s="97">
        <v>234</v>
      </c>
      <c r="GU14" s="98">
        <v>640</v>
      </c>
      <c r="GV14" s="413">
        <v>0</v>
      </c>
      <c r="GW14" s="97">
        <v>393</v>
      </c>
      <c r="GX14" s="97">
        <v>191</v>
      </c>
      <c r="GY14" s="97">
        <v>155</v>
      </c>
      <c r="GZ14" s="97">
        <v>154</v>
      </c>
      <c r="HA14" s="97">
        <v>110</v>
      </c>
      <c r="HB14" s="99">
        <v>1003</v>
      </c>
      <c r="HC14" s="100">
        <v>1643</v>
      </c>
      <c r="HD14" s="101">
        <v>5</v>
      </c>
      <c r="HE14" s="102">
        <v>5</v>
      </c>
      <c r="HF14" s="103">
        <v>10</v>
      </c>
      <c r="HG14" s="413">
        <v>0</v>
      </c>
      <c r="HH14" s="102">
        <v>6</v>
      </c>
      <c r="HI14" s="102">
        <v>6</v>
      </c>
      <c r="HJ14" s="102">
        <v>2</v>
      </c>
      <c r="HK14" s="102">
        <v>4</v>
      </c>
      <c r="HL14" s="102">
        <v>1</v>
      </c>
      <c r="HM14" s="103">
        <v>19</v>
      </c>
      <c r="HN14" s="104">
        <v>29</v>
      </c>
      <c r="HO14" s="101">
        <v>18</v>
      </c>
      <c r="HP14" s="102">
        <v>8</v>
      </c>
      <c r="HQ14" s="103">
        <v>26</v>
      </c>
      <c r="HR14" s="413">
        <v>0</v>
      </c>
      <c r="HS14" s="102">
        <v>15</v>
      </c>
      <c r="HT14" s="102">
        <v>6</v>
      </c>
      <c r="HU14" s="102">
        <v>5</v>
      </c>
      <c r="HV14" s="102">
        <v>8</v>
      </c>
      <c r="HW14" s="102">
        <v>12</v>
      </c>
      <c r="HX14" s="103">
        <v>46</v>
      </c>
      <c r="HY14" s="104">
        <v>72</v>
      </c>
      <c r="HZ14" s="101">
        <v>31</v>
      </c>
      <c r="IA14" s="102">
        <v>12</v>
      </c>
      <c r="IB14" s="103">
        <v>43</v>
      </c>
      <c r="IC14" s="413">
        <v>0</v>
      </c>
      <c r="ID14" s="102">
        <v>32</v>
      </c>
      <c r="IE14" s="102">
        <v>15</v>
      </c>
      <c r="IF14" s="102">
        <v>8</v>
      </c>
      <c r="IG14" s="102">
        <v>11</v>
      </c>
      <c r="IH14" s="102">
        <v>10</v>
      </c>
      <c r="II14" s="103">
        <v>76</v>
      </c>
      <c r="IJ14" s="104">
        <v>119</v>
      </c>
      <c r="IK14" s="101">
        <v>83</v>
      </c>
      <c r="IL14" s="102">
        <v>40</v>
      </c>
      <c r="IM14" s="103">
        <v>123</v>
      </c>
      <c r="IN14" s="413">
        <v>0</v>
      </c>
      <c r="IO14" s="102">
        <v>67</v>
      </c>
      <c r="IP14" s="102">
        <v>35</v>
      </c>
      <c r="IQ14" s="102">
        <v>28</v>
      </c>
      <c r="IR14" s="102">
        <v>24</v>
      </c>
      <c r="IS14" s="102">
        <v>16</v>
      </c>
      <c r="IT14" s="103">
        <v>170</v>
      </c>
      <c r="IU14" s="104">
        <v>293</v>
      </c>
      <c r="IV14" s="101">
        <v>161</v>
      </c>
      <c r="IW14" s="102">
        <v>85</v>
      </c>
      <c r="IX14" s="103">
        <v>246</v>
      </c>
      <c r="IY14" s="413">
        <v>0</v>
      </c>
      <c r="IZ14" s="102">
        <v>134</v>
      </c>
      <c r="JA14" s="102">
        <v>56</v>
      </c>
      <c r="JB14" s="102">
        <v>36</v>
      </c>
      <c r="JC14" s="102">
        <v>38</v>
      </c>
      <c r="JD14" s="102">
        <v>25</v>
      </c>
      <c r="JE14" s="103">
        <v>289</v>
      </c>
      <c r="JF14" s="104">
        <v>535</v>
      </c>
      <c r="JG14" s="101">
        <v>108</v>
      </c>
      <c r="JH14" s="102">
        <v>84</v>
      </c>
      <c r="JI14" s="103">
        <v>192</v>
      </c>
      <c r="JJ14" s="413">
        <v>0</v>
      </c>
      <c r="JK14" s="102">
        <v>139</v>
      </c>
      <c r="JL14" s="102">
        <v>73</v>
      </c>
      <c r="JM14" s="102">
        <v>76</v>
      </c>
      <c r="JN14" s="102">
        <v>69</v>
      </c>
      <c r="JO14" s="102">
        <v>46</v>
      </c>
      <c r="JP14" s="103">
        <v>403</v>
      </c>
      <c r="JQ14" s="104">
        <v>595</v>
      </c>
      <c r="JR14" s="101">
        <v>0</v>
      </c>
      <c r="JS14" s="102">
        <v>0</v>
      </c>
      <c r="JT14" s="103">
        <v>0</v>
      </c>
      <c r="JU14" s="413">
        <v>0</v>
      </c>
      <c r="JV14" s="102">
        <v>0</v>
      </c>
      <c r="JW14" s="102">
        <v>0</v>
      </c>
      <c r="JX14" s="102">
        <v>0</v>
      </c>
      <c r="JY14" s="102">
        <v>0</v>
      </c>
      <c r="JZ14" s="102">
        <v>0</v>
      </c>
      <c r="KA14" s="103">
        <v>0</v>
      </c>
      <c r="KB14" s="104">
        <v>0</v>
      </c>
      <c r="KC14" s="101">
        <v>406</v>
      </c>
      <c r="KD14" s="102">
        <v>234</v>
      </c>
      <c r="KE14" s="103">
        <v>640</v>
      </c>
      <c r="KF14" s="413">
        <v>0</v>
      </c>
      <c r="KG14" s="102">
        <v>393</v>
      </c>
      <c r="KH14" s="102">
        <v>191</v>
      </c>
      <c r="KI14" s="102">
        <v>155</v>
      </c>
      <c r="KJ14" s="102">
        <v>154</v>
      </c>
      <c r="KK14" s="102">
        <v>110</v>
      </c>
      <c r="KL14" s="103">
        <v>1003</v>
      </c>
      <c r="KM14" s="104">
        <v>1643</v>
      </c>
    </row>
    <row r="15" spans="2:299" s="70" customFormat="1" ht="21" customHeight="1" x14ac:dyDescent="0.2">
      <c r="B15" s="106" t="s">
        <v>11</v>
      </c>
      <c r="C15" s="96">
        <v>78</v>
      </c>
      <c r="D15" s="97">
        <v>61</v>
      </c>
      <c r="E15" s="98">
        <v>139</v>
      </c>
      <c r="F15" s="413">
        <v>0</v>
      </c>
      <c r="G15" s="97">
        <v>140</v>
      </c>
      <c r="H15" s="97">
        <v>76</v>
      </c>
      <c r="I15" s="97">
        <v>65</v>
      </c>
      <c r="J15" s="97">
        <v>64</v>
      </c>
      <c r="K15" s="97">
        <v>33</v>
      </c>
      <c r="L15" s="99">
        <v>378</v>
      </c>
      <c r="M15" s="100">
        <v>517</v>
      </c>
      <c r="N15" s="101">
        <v>0</v>
      </c>
      <c r="O15" s="102">
        <v>0</v>
      </c>
      <c r="P15" s="103">
        <v>0</v>
      </c>
      <c r="Q15" s="413">
        <v>0</v>
      </c>
      <c r="R15" s="102">
        <v>4</v>
      </c>
      <c r="S15" s="102">
        <v>1</v>
      </c>
      <c r="T15" s="102">
        <v>2</v>
      </c>
      <c r="U15" s="102">
        <v>1</v>
      </c>
      <c r="V15" s="102">
        <v>0</v>
      </c>
      <c r="W15" s="103">
        <v>8</v>
      </c>
      <c r="X15" s="104">
        <v>8</v>
      </c>
      <c r="Y15" s="101">
        <v>3</v>
      </c>
      <c r="Z15" s="102">
        <v>2</v>
      </c>
      <c r="AA15" s="103">
        <v>5</v>
      </c>
      <c r="AB15" s="413">
        <v>0</v>
      </c>
      <c r="AC15" s="102">
        <v>7</v>
      </c>
      <c r="AD15" s="102">
        <v>8</v>
      </c>
      <c r="AE15" s="102">
        <v>5</v>
      </c>
      <c r="AF15" s="102">
        <v>8</v>
      </c>
      <c r="AG15" s="102">
        <v>5</v>
      </c>
      <c r="AH15" s="103">
        <v>33</v>
      </c>
      <c r="AI15" s="104">
        <v>38</v>
      </c>
      <c r="AJ15" s="101">
        <v>5</v>
      </c>
      <c r="AK15" s="102">
        <v>6</v>
      </c>
      <c r="AL15" s="103">
        <v>11</v>
      </c>
      <c r="AM15" s="413">
        <v>0</v>
      </c>
      <c r="AN15" s="102">
        <v>10</v>
      </c>
      <c r="AO15" s="102">
        <v>8</v>
      </c>
      <c r="AP15" s="102">
        <v>8</v>
      </c>
      <c r="AQ15" s="102">
        <v>1</v>
      </c>
      <c r="AR15" s="102">
        <v>0</v>
      </c>
      <c r="AS15" s="103">
        <v>27</v>
      </c>
      <c r="AT15" s="104">
        <v>38</v>
      </c>
      <c r="AU15" s="101">
        <v>14</v>
      </c>
      <c r="AV15" s="102">
        <v>10</v>
      </c>
      <c r="AW15" s="103">
        <v>24</v>
      </c>
      <c r="AX15" s="413">
        <v>0</v>
      </c>
      <c r="AY15" s="102">
        <v>25</v>
      </c>
      <c r="AZ15" s="102">
        <v>8</v>
      </c>
      <c r="BA15" s="102">
        <v>9</v>
      </c>
      <c r="BB15" s="102">
        <v>9</v>
      </c>
      <c r="BC15" s="102">
        <v>4</v>
      </c>
      <c r="BD15" s="103">
        <v>55</v>
      </c>
      <c r="BE15" s="104">
        <v>79</v>
      </c>
      <c r="BF15" s="101">
        <v>33</v>
      </c>
      <c r="BG15" s="102">
        <v>21</v>
      </c>
      <c r="BH15" s="103">
        <v>54</v>
      </c>
      <c r="BI15" s="413">
        <v>0</v>
      </c>
      <c r="BJ15" s="102">
        <v>38</v>
      </c>
      <c r="BK15" s="102">
        <v>18</v>
      </c>
      <c r="BL15" s="102">
        <v>16</v>
      </c>
      <c r="BM15" s="102">
        <v>23</v>
      </c>
      <c r="BN15" s="102">
        <v>10</v>
      </c>
      <c r="BO15" s="103">
        <v>105</v>
      </c>
      <c r="BP15" s="104">
        <v>159</v>
      </c>
      <c r="BQ15" s="101">
        <v>23</v>
      </c>
      <c r="BR15" s="102">
        <v>22</v>
      </c>
      <c r="BS15" s="103">
        <v>45</v>
      </c>
      <c r="BT15" s="413">
        <v>0</v>
      </c>
      <c r="BU15" s="102">
        <v>56</v>
      </c>
      <c r="BV15" s="102">
        <v>33</v>
      </c>
      <c r="BW15" s="102">
        <v>25</v>
      </c>
      <c r="BX15" s="102">
        <v>22</v>
      </c>
      <c r="BY15" s="102">
        <v>14</v>
      </c>
      <c r="BZ15" s="103">
        <v>150</v>
      </c>
      <c r="CA15" s="104">
        <v>195</v>
      </c>
      <c r="CB15" s="101">
        <v>0</v>
      </c>
      <c r="CC15" s="102">
        <v>0</v>
      </c>
      <c r="CD15" s="103">
        <v>0</v>
      </c>
      <c r="CE15" s="413">
        <v>0</v>
      </c>
      <c r="CF15" s="102">
        <v>0</v>
      </c>
      <c r="CG15" s="102">
        <v>0</v>
      </c>
      <c r="CH15" s="102">
        <v>0</v>
      </c>
      <c r="CI15" s="102">
        <v>0</v>
      </c>
      <c r="CJ15" s="102">
        <v>0</v>
      </c>
      <c r="CK15" s="103">
        <v>0</v>
      </c>
      <c r="CL15" s="104">
        <v>0</v>
      </c>
      <c r="CM15" s="101">
        <v>78</v>
      </c>
      <c r="CN15" s="102">
        <v>61</v>
      </c>
      <c r="CO15" s="103">
        <v>139</v>
      </c>
      <c r="CP15" s="413">
        <v>0</v>
      </c>
      <c r="CQ15" s="102">
        <v>140</v>
      </c>
      <c r="CR15" s="102">
        <v>76</v>
      </c>
      <c r="CS15" s="102">
        <v>65</v>
      </c>
      <c r="CT15" s="102">
        <v>64</v>
      </c>
      <c r="CU15" s="102">
        <v>33</v>
      </c>
      <c r="CV15" s="103">
        <v>378</v>
      </c>
      <c r="CW15" s="104">
        <v>517</v>
      </c>
      <c r="CX15" s="105">
        <v>10</v>
      </c>
      <c r="CY15" s="97">
        <v>7</v>
      </c>
      <c r="CZ15" s="98">
        <v>17</v>
      </c>
      <c r="DA15" s="413">
        <v>0</v>
      </c>
      <c r="DB15" s="97">
        <v>17</v>
      </c>
      <c r="DC15" s="97">
        <v>12</v>
      </c>
      <c r="DD15" s="97">
        <v>8</v>
      </c>
      <c r="DE15" s="97">
        <v>20</v>
      </c>
      <c r="DF15" s="97">
        <v>9</v>
      </c>
      <c r="DG15" s="99">
        <v>66</v>
      </c>
      <c r="DH15" s="100">
        <v>83</v>
      </c>
      <c r="DI15" s="101">
        <v>0</v>
      </c>
      <c r="DJ15" s="102">
        <v>0</v>
      </c>
      <c r="DK15" s="103">
        <v>0</v>
      </c>
      <c r="DL15" s="413">
        <v>0</v>
      </c>
      <c r="DM15" s="102">
        <v>1</v>
      </c>
      <c r="DN15" s="102">
        <v>0</v>
      </c>
      <c r="DO15" s="102">
        <v>0</v>
      </c>
      <c r="DP15" s="102">
        <v>0</v>
      </c>
      <c r="DQ15" s="102">
        <v>0</v>
      </c>
      <c r="DR15" s="103">
        <v>1</v>
      </c>
      <c r="DS15" s="104">
        <v>1</v>
      </c>
      <c r="DT15" s="101">
        <v>1</v>
      </c>
      <c r="DU15" s="102">
        <v>0</v>
      </c>
      <c r="DV15" s="103">
        <v>1</v>
      </c>
      <c r="DW15" s="413">
        <v>0</v>
      </c>
      <c r="DX15" s="102">
        <v>1</v>
      </c>
      <c r="DY15" s="102">
        <v>0</v>
      </c>
      <c r="DZ15" s="102">
        <v>0</v>
      </c>
      <c r="EA15" s="102">
        <v>0</v>
      </c>
      <c r="EB15" s="102">
        <v>0</v>
      </c>
      <c r="EC15" s="103">
        <v>1</v>
      </c>
      <c r="ED15" s="104">
        <v>2</v>
      </c>
      <c r="EE15" s="101">
        <v>1</v>
      </c>
      <c r="EF15" s="102">
        <v>0</v>
      </c>
      <c r="EG15" s="103">
        <v>1</v>
      </c>
      <c r="EH15" s="413">
        <v>0</v>
      </c>
      <c r="EI15" s="102">
        <v>1</v>
      </c>
      <c r="EJ15" s="102">
        <v>2</v>
      </c>
      <c r="EK15" s="102">
        <v>0</v>
      </c>
      <c r="EL15" s="102">
        <v>2</v>
      </c>
      <c r="EM15" s="102">
        <v>3</v>
      </c>
      <c r="EN15" s="103">
        <v>8</v>
      </c>
      <c r="EO15" s="104">
        <v>9</v>
      </c>
      <c r="EP15" s="101">
        <v>2</v>
      </c>
      <c r="EQ15" s="102">
        <v>1</v>
      </c>
      <c r="ER15" s="103">
        <v>3</v>
      </c>
      <c r="ES15" s="413">
        <v>0</v>
      </c>
      <c r="ET15" s="102">
        <v>3</v>
      </c>
      <c r="EU15" s="102">
        <v>3</v>
      </c>
      <c r="EV15" s="102">
        <v>1</v>
      </c>
      <c r="EW15" s="102">
        <v>1</v>
      </c>
      <c r="EX15" s="102">
        <v>0</v>
      </c>
      <c r="EY15" s="103">
        <v>8</v>
      </c>
      <c r="EZ15" s="104">
        <v>11</v>
      </c>
      <c r="FA15" s="101">
        <v>3</v>
      </c>
      <c r="FB15" s="102">
        <v>3</v>
      </c>
      <c r="FC15" s="103">
        <v>6</v>
      </c>
      <c r="FD15" s="413">
        <v>0</v>
      </c>
      <c r="FE15" s="102">
        <v>6</v>
      </c>
      <c r="FF15" s="102">
        <v>3</v>
      </c>
      <c r="FG15" s="102">
        <v>2</v>
      </c>
      <c r="FH15" s="102">
        <v>5</v>
      </c>
      <c r="FI15" s="102">
        <v>2</v>
      </c>
      <c r="FJ15" s="103">
        <v>18</v>
      </c>
      <c r="FK15" s="104">
        <v>24</v>
      </c>
      <c r="FL15" s="101">
        <v>3</v>
      </c>
      <c r="FM15" s="102">
        <v>3</v>
      </c>
      <c r="FN15" s="103">
        <v>6</v>
      </c>
      <c r="FO15" s="413">
        <v>0</v>
      </c>
      <c r="FP15" s="102">
        <v>5</v>
      </c>
      <c r="FQ15" s="102">
        <v>4</v>
      </c>
      <c r="FR15" s="102">
        <v>5</v>
      </c>
      <c r="FS15" s="102">
        <v>12</v>
      </c>
      <c r="FT15" s="102">
        <v>4</v>
      </c>
      <c r="FU15" s="103">
        <v>30</v>
      </c>
      <c r="FV15" s="104">
        <v>36</v>
      </c>
      <c r="FW15" s="101">
        <v>0</v>
      </c>
      <c r="FX15" s="102">
        <v>0</v>
      </c>
      <c r="FY15" s="103">
        <v>0</v>
      </c>
      <c r="FZ15" s="413">
        <v>0</v>
      </c>
      <c r="GA15" s="102">
        <v>0</v>
      </c>
      <c r="GB15" s="102">
        <v>0</v>
      </c>
      <c r="GC15" s="102">
        <v>0</v>
      </c>
      <c r="GD15" s="102">
        <v>0</v>
      </c>
      <c r="GE15" s="102">
        <v>0</v>
      </c>
      <c r="GF15" s="103">
        <v>0</v>
      </c>
      <c r="GG15" s="104">
        <v>0</v>
      </c>
      <c r="GH15" s="101">
        <v>10</v>
      </c>
      <c r="GI15" s="102">
        <v>7</v>
      </c>
      <c r="GJ15" s="103">
        <v>17</v>
      </c>
      <c r="GK15" s="413">
        <v>0</v>
      </c>
      <c r="GL15" s="102">
        <v>17</v>
      </c>
      <c r="GM15" s="102">
        <v>12</v>
      </c>
      <c r="GN15" s="102">
        <v>8</v>
      </c>
      <c r="GO15" s="102">
        <v>20</v>
      </c>
      <c r="GP15" s="102">
        <v>9</v>
      </c>
      <c r="GQ15" s="103">
        <v>66</v>
      </c>
      <c r="GR15" s="104">
        <v>83</v>
      </c>
      <c r="GS15" s="105">
        <v>88</v>
      </c>
      <c r="GT15" s="97">
        <v>68</v>
      </c>
      <c r="GU15" s="98">
        <v>156</v>
      </c>
      <c r="GV15" s="413">
        <v>0</v>
      </c>
      <c r="GW15" s="97">
        <v>157</v>
      </c>
      <c r="GX15" s="97">
        <v>88</v>
      </c>
      <c r="GY15" s="97">
        <v>73</v>
      </c>
      <c r="GZ15" s="97">
        <v>84</v>
      </c>
      <c r="HA15" s="97">
        <v>42</v>
      </c>
      <c r="HB15" s="99">
        <v>444</v>
      </c>
      <c r="HC15" s="100">
        <v>600</v>
      </c>
      <c r="HD15" s="101">
        <v>0</v>
      </c>
      <c r="HE15" s="102">
        <v>0</v>
      </c>
      <c r="HF15" s="103">
        <v>0</v>
      </c>
      <c r="HG15" s="413">
        <v>0</v>
      </c>
      <c r="HH15" s="102">
        <v>5</v>
      </c>
      <c r="HI15" s="102">
        <v>1</v>
      </c>
      <c r="HJ15" s="102">
        <v>2</v>
      </c>
      <c r="HK15" s="102">
        <v>1</v>
      </c>
      <c r="HL15" s="102">
        <v>0</v>
      </c>
      <c r="HM15" s="103">
        <v>9</v>
      </c>
      <c r="HN15" s="104">
        <v>9</v>
      </c>
      <c r="HO15" s="101">
        <v>4</v>
      </c>
      <c r="HP15" s="102">
        <v>2</v>
      </c>
      <c r="HQ15" s="103">
        <v>6</v>
      </c>
      <c r="HR15" s="413">
        <v>0</v>
      </c>
      <c r="HS15" s="102">
        <v>8</v>
      </c>
      <c r="HT15" s="102">
        <v>8</v>
      </c>
      <c r="HU15" s="102">
        <v>5</v>
      </c>
      <c r="HV15" s="102">
        <v>8</v>
      </c>
      <c r="HW15" s="102">
        <v>5</v>
      </c>
      <c r="HX15" s="103">
        <v>34</v>
      </c>
      <c r="HY15" s="104">
        <v>40</v>
      </c>
      <c r="HZ15" s="101">
        <v>6</v>
      </c>
      <c r="IA15" s="102">
        <v>6</v>
      </c>
      <c r="IB15" s="103">
        <v>12</v>
      </c>
      <c r="IC15" s="413">
        <v>0</v>
      </c>
      <c r="ID15" s="102">
        <v>11</v>
      </c>
      <c r="IE15" s="102">
        <v>10</v>
      </c>
      <c r="IF15" s="102">
        <v>8</v>
      </c>
      <c r="IG15" s="102">
        <v>3</v>
      </c>
      <c r="IH15" s="102">
        <v>3</v>
      </c>
      <c r="II15" s="103">
        <v>35</v>
      </c>
      <c r="IJ15" s="104">
        <v>47</v>
      </c>
      <c r="IK15" s="101">
        <v>16</v>
      </c>
      <c r="IL15" s="102">
        <v>11</v>
      </c>
      <c r="IM15" s="103">
        <v>27</v>
      </c>
      <c r="IN15" s="413">
        <v>0</v>
      </c>
      <c r="IO15" s="102">
        <v>28</v>
      </c>
      <c r="IP15" s="102">
        <v>11</v>
      </c>
      <c r="IQ15" s="102">
        <v>10</v>
      </c>
      <c r="IR15" s="102">
        <v>10</v>
      </c>
      <c r="IS15" s="102">
        <v>4</v>
      </c>
      <c r="IT15" s="103">
        <v>63</v>
      </c>
      <c r="IU15" s="104">
        <v>90</v>
      </c>
      <c r="IV15" s="101">
        <v>36</v>
      </c>
      <c r="IW15" s="102">
        <v>24</v>
      </c>
      <c r="IX15" s="103">
        <v>60</v>
      </c>
      <c r="IY15" s="413">
        <v>0</v>
      </c>
      <c r="IZ15" s="102">
        <v>44</v>
      </c>
      <c r="JA15" s="102">
        <v>21</v>
      </c>
      <c r="JB15" s="102">
        <v>18</v>
      </c>
      <c r="JC15" s="102">
        <v>28</v>
      </c>
      <c r="JD15" s="102">
        <v>12</v>
      </c>
      <c r="JE15" s="103">
        <v>123</v>
      </c>
      <c r="JF15" s="104">
        <v>183</v>
      </c>
      <c r="JG15" s="101">
        <v>26</v>
      </c>
      <c r="JH15" s="102">
        <v>25</v>
      </c>
      <c r="JI15" s="103">
        <v>51</v>
      </c>
      <c r="JJ15" s="413">
        <v>0</v>
      </c>
      <c r="JK15" s="102">
        <v>61</v>
      </c>
      <c r="JL15" s="102">
        <v>37</v>
      </c>
      <c r="JM15" s="102">
        <v>30</v>
      </c>
      <c r="JN15" s="102">
        <v>34</v>
      </c>
      <c r="JO15" s="102">
        <v>18</v>
      </c>
      <c r="JP15" s="103">
        <v>180</v>
      </c>
      <c r="JQ15" s="104">
        <v>231</v>
      </c>
      <c r="JR15" s="101">
        <v>0</v>
      </c>
      <c r="JS15" s="102">
        <v>0</v>
      </c>
      <c r="JT15" s="103">
        <v>0</v>
      </c>
      <c r="JU15" s="413">
        <v>0</v>
      </c>
      <c r="JV15" s="102">
        <v>0</v>
      </c>
      <c r="JW15" s="102">
        <v>0</v>
      </c>
      <c r="JX15" s="102">
        <v>0</v>
      </c>
      <c r="JY15" s="102">
        <v>0</v>
      </c>
      <c r="JZ15" s="102">
        <v>0</v>
      </c>
      <c r="KA15" s="103">
        <v>0</v>
      </c>
      <c r="KB15" s="104">
        <v>0</v>
      </c>
      <c r="KC15" s="101">
        <v>88</v>
      </c>
      <c r="KD15" s="102">
        <v>68</v>
      </c>
      <c r="KE15" s="103">
        <v>156</v>
      </c>
      <c r="KF15" s="413">
        <v>0</v>
      </c>
      <c r="KG15" s="102">
        <v>157</v>
      </c>
      <c r="KH15" s="102">
        <v>88</v>
      </c>
      <c r="KI15" s="102">
        <v>73</v>
      </c>
      <c r="KJ15" s="102">
        <v>84</v>
      </c>
      <c r="KK15" s="102">
        <v>42</v>
      </c>
      <c r="KL15" s="103">
        <v>444</v>
      </c>
      <c r="KM15" s="104">
        <v>600</v>
      </c>
    </row>
    <row r="16" spans="2:299" s="70" customFormat="1" ht="21" customHeight="1" x14ac:dyDescent="0.2">
      <c r="B16" s="106" t="s">
        <v>12</v>
      </c>
      <c r="C16" s="96">
        <v>162</v>
      </c>
      <c r="D16" s="97">
        <v>141</v>
      </c>
      <c r="E16" s="98">
        <v>303</v>
      </c>
      <c r="F16" s="413">
        <v>0</v>
      </c>
      <c r="G16" s="97">
        <v>149</v>
      </c>
      <c r="H16" s="97">
        <v>136</v>
      </c>
      <c r="I16" s="97">
        <v>94</v>
      </c>
      <c r="J16" s="97">
        <v>82</v>
      </c>
      <c r="K16" s="97">
        <v>35</v>
      </c>
      <c r="L16" s="99">
        <v>496</v>
      </c>
      <c r="M16" s="100">
        <v>799</v>
      </c>
      <c r="N16" s="107">
        <v>2</v>
      </c>
      <c r="O16" s="102">
        <v>2</v>
      </c>
      <c r="P16" s="103">
        <v>4</v>
      </c>
      <c r="Q16" s="413">
        <v>0</v>
      </c>
      <c r="R16" s="102">
        <v>2</v>
      </c>
      <c r="S16" s="102">
        <v>2</v>
      </c>
      <c r="T16" s="102">
        <v>1</v>
      </c>
      <c r="U16" s="102">
        <v>3</v>
      </c>
      <c r="V16" s="102">
        <v>0</v>
      </c>
      <c r="W16" s="103">
        <v>8</v>
      </c>
      <c r="X16" s="104">
        <v>12</v>
      </c>
      <c r="Y16" s="101">
        <v>9</v>
      </c>
      <c r="Z16" s="102">
        <v>8</v>
      </c>
      <c r="AA16" s="103">
        <v>17</v>
      </c>
      <c r="AB16" s="413">
        <v>0</v>
      </c>
      <c r="AC16" s="102">
        <v>3</v>
      </c>
      <c r="AD16" s="102">
        <v>5</v>
      </c>
      <c r="AE16" s="102">
        <v>5</v>
      </c>
      <c r="AF16" s="102">
        <v>3</v>
      </c>
      <c r="AG16" s="102">
        <v>1</v>
      </c>
      <c r="AH16" s="103">
        <v>17</v>
      </c>
      <c r="AI16" s="104">
        <v>34</v>
      </c>
      <c r="AJ16" s="107">
        <v>9</v>
      </c>
      <c r="AK16" s="102">
        <v>11</v>
      </c>
      <c r="AL16" s="103">
        <v>20</v>
      </c>
      <c r="AM16" s="413">
        <v>0</v>
      </c>
      <c r="AN16" s="102">
        <v>8</v>
      </c>
      <c r="AO16" s="102">
        <v>8</v>
      </c>
      <c r="AP16" s="102">
        <v>7</v>
      </c>
      <c r="AQ16" s="102">
        <v>7</v>
      </c>
      <c r="AR16" s="102">
        <v>4</v>
      </c>
      <c r="AS16" s="103">
        <v>34</v>
      </c>
      <c r="AT16" s="104">
        <v>54</v>
      </c>
      <c r="AU16" s="101">
        <v>34</v>
      </c>
      <c r="AV16" s="102">
        <v>23</v>
      </c>
      <c r="AW16" s="103">
        <v>57</v>
      </c>
      <c r="AX16" s="413">
        <v>0</v>
      </c>
      <c r="AY16" s="102">
        <v>25</v>
      </c>
      <c r="AZ16" s="102">
        <v>31</v>
      </c>
      <c r="BA16" s="102">
        <v>20</v>
      </c>
      <c r="BB16" s="102">
        <v>14</v>
      </c>
      <c r="BC16" s="102">
        <v>6</v>
      </c>
      <c r="BD16" s="103">
        <v>96</v>
      </c>
      <c r="BE16" s="104">
        <v>153</v>
      </c>
      <c r="BF16" s="107">
        <v>59</v>
      </c>
      <c r="BG16" s="102">
        <v>50</v>
      </c>
      <c r="BH16" s="103">
        <v>109</v>
      </c>
      <c r="BI16" s="413">
        <v>0</v>
      </c>
      <c r="BJ16" s="102">
        <v>56</v>
      </c>
      <c r="BK16" s="102">
        <v>34</v>
      </c>
      <c r="BL16" s="102">
        <v>27</v>
      </c>
      <c r="BM16" s="102">
        <v>16</v>
      </c>
      <c r="BN16" s="102">
        <v>14</v>
      </c>
      <c r="BO16" s="103">
        <v>147</v>
      </c>
      <c r="BP16" s="104">
        <v>256</v>
      </c>
      <c r="BQ16" s="101">
        <v>49</v>
      </c>
      <c r="BR16" s="102">
        <v>47</v>
      </c>
      <c r="BS16" s="103">
        <v>96</v>
      </c>
      <c r="BT16" s="413">
        <v>0</v>
      </c>
      <c r="BU16" s="102">
        <v>55</v>
      </c>
      <c r="BV16" s="102">
        <v>56</v>
      </c>
      <c r="BW16" s="102">
        <v>34</v>
      </c>
      <c r="BX16" s="102">
        <v>39</v>
      </c>
      <c r="BY16" s="102">
        <v>10</v>
      </c>
      <c r="BZ16" s="103">
        <v>194</v>
      </c>
      <c r="CA16" s="104">
        <v>290</v>
      </c>
      <c r="CB16" s="101">
        <v>0</v>
      </c>
      <c r="CC16" s="102">
        <v>0</v>
      </c>
      <c r="CD16" s="103">
        <v>0</v>
      </c>
      <c r="CE16" s="413">
        <v>0</v>
      </c>
      <c r="CF16" s="102">
        <v>0</v>
      </c>
      <c r="CG16" s="102">
        <v>0</v>
      </c>
      <c r="CH16" s="102">
        <v>0</v>
      </c>
      <c r="CI16" s="102">
        <v>0</v>
      </c>
      <c r="CJ16" s="102">
        <v>0</v>
      </c>
      <c r="CK16" s="103">
        <v>0</v>
      </c>
      <c r="CL16" s="104">
        <v>0</v>
      </c>
      <c r="CM16" s="101">
        <v>162</v>
      </c>
      <c r="CN16" s="102">
        <v>141</v>
      </c>
      <c r="CO16" s="103">
        <v>303</v>
      </c>
      <c r="CP16" s="413">
        <v>0</v>
      </c>
      <c r="CQ16" s="102">
        <v>149</v>
      </c>
      <c r="CR16" s="102">
        <v>136</v>
      </c>
      <c r="CS16" s="102">
        <v>94</v>
      </c>
      <c r="CT16" s="102">
        <v>82</v>
      </c>
      <c r="CU16" s="102">
        <v>35</v>
      </c>
      <c r="CV16" s="103">
        <v>496</v>
      </c>
      <c r="CW16" s="104">
        <v>799</v>
      </c>
      <c r="CX16" s="105">
        <v>22</v>
      </c>
      <c r="CY16" s="97">
        <v>19</v>
      </c>
      <c r="CZ16" s="98">
        <v>41</v>
      </c>
      <c r="DA16" s="413">
        <v>0</v>
      </c>
      <c r="DB16" s="97">
        <v>16</v>
      </c>
      <c r="DC16" s="97">
        <v>19</v>
      </c>
      <c r="DD16" s="97">
        <v>12</v>
      </c>
      <c r="DE16" s="97">
        <v>11</v>
      </c>
      <c r="DF16" s="97">
        <v>7</v>
      </c>
      <c r="DG16" s="99">
        <v>65</v>
      </c>
      <c r="DH16" s="100">
        <v>106</v>
      </c>
      <c r="DI16" s="107">
        <v>1</v>
      </c>
      <c r="DJ16" s="102">
        <v>1</v>
      </c>
      <c r="DK16" s="103">
        <v>2</v>
      </c>
      <c r="DL16" s="413">
        <v>0</v>
      </c>
      <c r="DM16" s="102">
        <v>0</v>
      </c>
      <c r="DN16" s="102">
        <v>1</v>
      </c>
      <c r="DO16" s="102">
        <v>0</v>
      </c>
      <c r="DP16" s="102">
        <v>0</v>
      </c>
      <c r="DQ16" s="102">
        <v>0</v>
      </c>
      <c r="DR16" s="103">
        <v>1</v>
      </c>
      <c r="DS16" s="104">
        <v>3</v>
      </c>
      <c r="DT16" s="101">
        <v>3</v>
      </c>
      <c r="DU16" s="102">
        <v>2</v>
      </c>
      <c r="DV16" s="103">
        <v>5</v>
      </c>
      <c r="DW16" s="413">
        <v>0</v>
      </c>
      <c r="DX16" s="102">
        <v>0</v>
      </c>
      <c r="DY16" s="102">
        <v>0</v>
      </c>
      <c r="DZ16" s="102">
        <v>0</v>
      </c>
      <c r="EA16" s="102">
        <v>0</v>
      </c>
      <c r="EB16" s="102">
        <v>0</v>
      </c>
      <c r="EC16" s="103">
        <v>0</v>
      </c>
      <c r="ED16" s="104">
        <v>5</v>
      </c>
      <c r="EE16" s="107">
        <v>2</v>
      </c>
      <c r="EF16" s="102">
        <v>3</v>
      </c>
      <c r="EG16" s="103">
        <v>5</v>
      </c>
      <c r="EH16" s="413">
        <v>0</v>
      </c>
      <c r="EI16" s="102">
        <v>0</v>
      </c>
      <c r="EJ16" s="102">
        <v>3</v>
      </c>
      <c r="EK16" s="102">
        <v>1</v>
      </c>
      <c r="EL16" s="102">
        <v>1</v>
      </c>
      <c r="EM16" s="102">
        <v>0</v>
      </c>
      <c r="EN16" s="103">
        <v>5</v>
      </c>
      <c r="EO16" s="104">
        <v>10</v>
      </c>
      <c r="EP16" s="101">
        <v>5</v>
      </c>
      <c r="EQ16" s="102">
        <v>3</v>
      </c>
      <c r="ER16" s="103">
        <v>8</v>
      </c>
      <c r="ES16" s="413">
        <v>0</v>
      </c>
      <c r="ET16" s="102">
        <v>3</v>
      </c>
      <c r="EU16" s="102">
        <v>2</v>
      </c>
      <c r="EV16" s="102">
        <v>1</v>
      </c>
      <c r="EW16" s="102">
        <v>0</v>
      </c>
      <c r="EX16" s="102">
        <v>0</v>
      </c>
      <c r="EY16" s="103">
        <v>6</v>
      </c>
      <c r="EZ16" s="104">
        <v>14</v>
      </c>
      <c r="FA16" s="107">
        <v>5</v>
      </c>
      <c r="FB16" s="102">
        <v>6</v>
      </c>
      <c r="FC16" s="103">
        <v>11</v>
      </c>
      <c r="FD16" s="413">
        <v>0</v>
      </c>
      <c r="FE16" s="102">
        <v>5</v>
      </c>
      <c r="FF16" s="102">
        <v>5</v>
      </c>
      <c r="FG16" s="102">
        <v>2</v>
      </c>
      <c r="FH16" s="102">
        <v>3</v>
      </c>
      <c r="FI16" s="102">
        <v>2</v>
      </c>
      <c r="FJ16" s="103">
        <v>17</v>
      </c>
      <c r="FK16" s="104">
        <v>28</v>
      </c>
      <c r="FL16" s="101">
        <v>6</v>
      </c>
      <c r="FM16" s="102">
        <v>4</v>
      </c>
      <c r="FN16" s="103">
        <v>10</v>
      </c>
      <c r="FO16" s="413">
        <v>0</v>
      </c>
      <c r="FP16" s="102">
        <v>8</v>
      </c>
      <c r="FQ16" s="102">
        <v>8</v>
      </c>
      <c r="FR16" s="102">
        <v>8</v>
      </c>
      <c r="FS16" s="102">
        <v>7</v>
      </c>
      <c r="FT16" s="102">
        <v>5</v>
      </c>
      <c r="FU16" s="103">
        <v>36</v>
      </c>
      <c r="FV16" s="104">
        <v>46</v>
      </c>
      <c r="FW16" s="101">
        <v>0</v>
      </c>
      <c r="FX16" s="102">
        <v>0</v>
      </c>
      <c r="FY16" s="103">
        <v>0</v>
      </c>
      <c r="FZ16" s="413">
        <v>0</v>
      </c>
      <c r="GA16" s="102">
        <v>0</v>
      </c>
      <c r="GB16" s="102">
        <v>0</v>
      </c>
      <c r="GC16" s="102">
        <v>0</v>
      </c>
      <c r="GD16" s="102">
        <v>0</v>
      </c>
      <c r="GE16" s="102">
        <v>0</v>
      </c>
      <c r="GF16" s="103">
        <v>0</v>
      </c>
      <c r="GG16" s="104">
        <v>0</v>
      </c>
      <c r="GH16" s="101">
        <v>22</v>
      </c>
      <c r="GI16" s="102">
        <v>19</v>
      </c>
      <c r="GJ16" s="103">
        <v>41</v>
      </c>
      <c r="GK16" s="413">
        <v>0</v>
      </c>
      <c r="GL16" s="102">
        <v>16</v>
      </c>
      <c r="GM16" s="102">
        <v>19</v>
      </c>
      <c r="GN16" s="102">
        <v>12</v>
      </c>
      <c r="GO16" s="102">
        <v>11</v>
      </c>
      <c r="GP16" s="102">
        <v>7</v>
      </c>
      <c r="GQ16" s="103">
        <v>65</v>
      </c>
      <c r="GR16" s="104">
        <v>106</v>
      </c>
      <c r="GS16" s="105">
        <v>184</v>
      </c>
      <c r="GT16" s="97">
        <v>160</v>
      </c>
      <c r="GU16" s="98">
        <v>344</v>
      </c>
      <c r="GV16" s="413">
        <v>0</v>
      </c>
      <c r="GW16" s="97">
        <v>165</v>
      </c>
      <c r="GX16" s="97">
        <v>155</v>
      </c>
      <c r="GY16" s="97">
        <v>106</v>
      </c>
      <c r="GZ16" s="97">
        <v>93</v>
      </c>
      <c r="HA16" s="97">
        <v>42</v>
      </c>
      <c r="HB16" s="99">
        <v>561</v>
      </c>
      <c r="HC16" s="100">
        <v>905</v>
      </c>
      <c r="HD16" s="107">
        <v>3</v>
      </c>
      <c r="HE16" s="102">
        <v>3</v>
      </c>
      <c r="HF16" s="103">
        <v>6</v>
      </c>
      <c r="HG16" s="413">
        <v>0</v>
      </c>
      <c r="HH16" s="102">
        <v>2</v>
      </c>
      <c r="HI16" s="102">
        <v>3</v>
      </c>
      <c r="HJ16" s="102">
        <v>1</v>
      </c>
      <c r="HK16" s="102">
        <v>3</v>
      </c>
      <c r="HL16" s="102">
        <v>0</v>
      </c>
      <c r="HM16" s="103">
        <v>9</v>
      </c>
      <c r="HN16" s="104">
        <v>15</v>
      </c>
      <c r="HO16" s="101">
        <v>12</v>
      </c>
      <c r="HP16" s="102">
        <v>10</v>
      </c>
      <c r="HQ16" s="103">
        <v>22</v>
      </c>
      <c r="HR16" s="413">
        <v>0</v>
      </c>
      <c r="HS16" s="102">
        <v>3</v>
      </c>
      <c r="HT16" s="102">
        <v>5</v>
      </c>
      <c r="HU16" s="102">
        <v>5</v>
      </c>
      <c r="HV16" s="102">
        <v>3</v>
      </c>
      <c r="HW16" s="102">
        <v>1</v>
      </c>
      <c r="HX16" s="103">
        <v>17</v>
      </c>
      <c r="HY16" s="104">
        <v>39</v>
      </c>
      <c r="HZ16" s="107">
        <v>11</v>
      </c>
      <c r="IA16" s="102">
        <v>14</v>
      </c>
      <c r="IB16" s="103">
        <v>25</v>
      </c>
      <c r="IC16" s="413">
        <v>0</v>
      </c>
      <c r="ID16" s="102">
        <v>8</v>
      </c>
      <c r="IE16" s="102">
        <v>11</v>
      </c>
      <c r="IF16" s="102">
        <v>8</v>
      </c>
      <c r="IG16" s="102">
        <v>8</v>
      </c>
      <c r="IH16" s="102">
        <v>4</v>
      </c>
      <c r="II16" s="103">
        <v>39</v>
      </c>
      <c r="IJ16" s="104">
        <v>64</v>
      </c>
      <c r="IK16" s="101">
        <v>39</v>
      </c>
      <c r="IL16" s="102">
        <v>26</v>
      </c>
      <c r="IM16" s="103">
        <v>65</v>
      </c>
      <c r="IN16" s="413">
        <v>0</v>
      </c>
      <c r="IO16" s="102">
        <v>28</v>
      </c>
      <c r="IP16" s="102">
        <v>33</v>
      </c>
      <c r="IQ16" s="102">
        <v>21</v>
      </c>
      <c r="IR16" s="102">
        <v>14</v>
      </c>
      <c r="IS16" s="102">
        <v>6</v>
      </c>
      <c r="IT16" s="103">
        <v>102</v>
      </c>
      <c r="IU16" s="104">
        <v>167</v>
      </c>
      <c r="IV16" s="107">
        <v>64</v>
      </c>
      <c r="IW16" s="102">
        <v>56</v>
      </c>
      <c r="IX16" s="103">
        <v>120</v>
      </c>
      <c r="IY16" s="413">
        <v>0</v>
      </c>
      <c r="IZ16" s="102">
        <v>61</v>
      </c>
      <c r="JA16" s="102">
        <v>39</v>
      </c>
      <c r="JB16" s="102">
        <v>29</v>
      </c>
      <c r="JC16" s="102">
        <v>19</v>
      </c>
      <c r="JD16" s="102">
        <v>16</v>
      </c>
      <c r="JE16" s="103">
        <v>164</v>
      </c>
      <c r="JF16" s="104">
        <v>284</v>
      </c>
      <c r="JG16" s="101">
        <v>55</v>
      </c>
      <c r="JH16" s="102">
        <v>51</v>
      </c>
      <c r="JI16" s="103">
        <v>106</v>
      </c>
      <c r="JJ16" s="413">
        <v>0</v>
      </c>
      <c r="JK16" s="102">
        <v>63</v>
      </c>
      <c r="JL16" s="102">
        <v>64</v>
      </c>
      <c r="JM16" s="102">
        <v>42</v>
      </c>
      <c r="JN16" s="102">
        <v>46</v>
      </c>
      <c r="JO16" s="102">
        <v>15</v>
      </c>
      <c r="JP16" s="103">
        <v>230</v>
      </c>
      <c r="JQ16" s="104">
        <v>336</v>
      </c>
      <c r="JR16" s="101">
        <v>0</v>
      </c>
      <c r="JS16" s="102">
        <v>0</v>
      </c>
      <c r="JT16" s="103">
        <v>0</v>
      </c>
      <c r="JU16" s="413">
        <v>0</v>
      </c>
      <c r="JV16" s="102">
        <v>0</v>
      </c>
      <c r="JW16" s="102">
        <v>0</v>
      </c>
      <c r="JX16" s="102">
        <v>0</v>
      </c>
      <c r="JY16" s="102">
        <v>0</v>
      </c>
      <c r="JZ16" s="102">
        <v>0</v>
      </c>
      <c r="KA16" s="103">
        <v>0</v>
      </c>
      <c r="KB16" s="104">
        <v>0</v>
      </c>
      <c r="KC16" s="101">
        <v>184</v>
      </c>
      <c r="KD16" s="102">
        <v>160</v>
      </c>
      <c r="KE16" s="103">
        <v>344</v>
      </c>
      <c r="KF16" s="413">
        <v>0</v>
      </c>
      <c r="KG16" s="102">
        <v>165</v>
      </c>
      <c r="KH16" s="102">
        <v>155</v>
      </c>
      <c r="KI16" s="102">
        <v>106</v>
      </c>
      <c r="KJ16" s="102">
        <v>93</v>
      </c>
      <c r="KK16" s="102">
        <v>42</v>
      </c>
      <c r="KL16" s="103">
        <v>561</v>
      </c>
      <c r="KM16" s="104">
        <v>905</v>
      </c>
    </row>
    <row r="17" spans="2:299" s="70" customFormat="1" ht="21" customHeight="1" x14ac:dyDescent="0.2">
      <c r="B17" s="106" t="s">
        <v>13</v>
      </c>
      <c r="C17" s="96">
        <v>42</v>
      </c>
      <c r="D17" s="97">
        <v>38</v>
      </c>
      <c r="E17" s="98">
        <v>80</v>
      </c>
      <c r="F17" s="413">
        <v>0</v>
      </c>
      <c r="G17" s="97">
        <v>77</v>
      </c>
      <c r="H17" s="97">
        <v>70</v>
      </c>
      <c r="I17" s="97">
        <v>60</v>
      </c>
      <c r="J17" s="97">
        <v>32</v>
      </c>
      <c r="K17" s="97">
        <v>23</v>
      </c>
      <c r="L17" s="99">
        <v>262</v>
      </c>
      <c r="M17" s="100">
        <v>342</v>
      </c>
      <c r="N17" s="101">
        <v>1</v>
      </c>
      <c r="O17" s="102">
        <v>0</v>
      </c>
      <c r="P17" s="103">
        <v>1</v>
      </c>
      <c r="Q17" s="413">
        <v>0</v>
      </c>
      <c r="R17" s="102">
        <v>1</v>
      </c>
      <c r="S17" s="102">
        <v>0</v>
      </c>
      <c r="T17" s="102">
        <v>0</v>
      </c>
      <c r="U17" s="102">
        <v>0</v>
      </c>
      <c r="V17" s="102">
        <v>0</v>
      </c>
      <c r="W17" s="103">
        <v>1</v>
      </c>
      <c r="X17" s="104">
        <v>2</v>
      </c>
      <c r="Y17" s="101">
        <v>1</v>
      </c>
      <c r="Z17" s="102">
        <v>2</v>
      </c>
      <c r="AA17" s="103">
        <v>3</v>
      </c>
      <c r="AB17" s="413">
        <v>0</v>
      </c>
      <c r="AC17" s="102">
        <v>1</v>
      </c>
      <c r="AD17" s="102">
        <v>1</v>
      </c>
      <c r="AE17" s="102">
        <v>4</v>
      </c>
      <c r="AF17" s="102">
        <v>1</v>
      </c>
      <c r="AG17" s="102">
        <v>1</v>
      </c>
      <c r="AH17" s="103">
        <v>8</v>
      </c>
      <c r="AI17" s="104">
        <v>11</v>
      </c>
      <c r="AJ17" s="101">
        <v>1</v>
      </c>
      <c r="AK17" s="102">
        <v>0</v>
      </c>
      <c r="AL17" s="103">
        <v>1</v>
      </c>
      <c r="AM17" s="413">
        <v>0</v>
      </c>
      <c r="AN17" s="102">
        <v>5</v>
      </c>
      <c r="AO17" s="102">
        <v>5</v>
      </c>
      <c r="AP17" s="102">
        <v>5</v>
      </c>
      <c r="AQ17" s="102">
        <v>0</v>
      </c>
      <c r="AR17" s="102">
        <v>1</v>
      </c>
      <c r="AS17" s="103">
        <v>16</v>
      </c>
      <c r="AT17" s="104">
        <v>17</v>
      </c>
      <c r="AU17" s="101">
        <v>9</v>
      </c>
      <c r="AV17" s="102">
        <v>7</v>
      </c>
      <c r="AW17" s="103">
        <v>16</v>
      </c>
      <c r="AX17" s="413">
        <v>0</v>
      </c>
      <c r="AY17" s="102">
        <v>17</v>
      </c>
      <c r="AZ17" s="102">
        <v>9</v>
      </c>
      <c r="BA17" s="102">
        <v>9</v>
      </c>
      <c r="BB17" s="102">
        <v>8</v>
      </c>
      <c r="BC17" s="102">
        <v>5</v>
      </c>
      <c r="BD17" s="103">
        <v>48</v>
      </c>
      <c r="BE17" s="104">
        <v>64</v>
      </c>
      <c r="BF17" s="101">
        <v>18</v>
      </c>
      <c r="BG17" s="102">
        <v>15</v>
      </c>
      <c r="BH17" s="103">
        <v>33</v>
      </c>
      <c r="BI17" s="413">
        <v>0</v>
      </c>
      <c r="BJ17" s="102">
        <v>25</v>
      </c>
      <c r="BK17" s="102">
        <v>24</v>
      </c>
      <c r="BL17" s="102">
        <v>19</v>
      </c>
      <c r="BM17" s="102">
        <v>11</v>
      </c>
      <c r="BN17" s="102">
        <v>4</v>
      </c>
      <c r="BO17" s="103">
        <v>83</v>
      </c>
      <c r="BP17" s="104">
        <v>116</v>
      </c>
      <c r="BQ17" s="101">
        <v>12</v>
      </c>
      <c r="BR17" s="102">
        <v>14</v>
      </c>
      <c r="BS17" s="103">
        <v>26</v>
      </c>
      <c r="BT17" s="413">
        <v>0</v>
      </c>
      <c r="BU17" s="102">
        <v>28</v>
      </c>
      <c r="BV17" s="102">
        <v>31</v>
      </c>
      <c r="BW17" s="102">
        <v>23</v>
      </c>
      <c r="BX17" s="102">
        <v>12</v>
      </c>
      <c r="BY17" s="102">
        <v>12</v>
      </c>
      <c r="BZ17" s="103">
        <v>106</v>
      </c>
      <c r="CA17" s="104">
        <v>132</v>
      </c>
      <c r="CB17" s="101">
        <v>0</v>
      </c>
      <c r="CC17" s="102">
        <v>0</v>
      </c>
      <c r="CD17" s="103">
        <v>0</v>
      </c>
      <c r="CE17" s="413">
        <v>0</v>
      </c>
      <c r="CF17" s="102">
        <v>0</v>
      </c>
      <c r="CG17" s="102">
        <v>0</v>
      </c>
      <c r="CH17" s="102">
        <v>0</v>
      </c>
      <c r="CI17" s="102">
        <v>0</v>
      </c>
      <c r="CJ17" s="102">
        <v>0</v>
      </c>
      <c r="CK17" s="103">
        <v>0</v>
      </c>
      <c r="CL17" s="104">
        <v>0</v>
      </c>
      <c r="CM17" s="101">
        <v>42</v>
      </c>
      <c r="CN17" s="102">
        <v>38</v>
      </c>
      <c r="CO17" s="103">
        <v>80</v>
      </c>
      <c r="CP17" s="413">
        <v>0</v>
      </c>
      <c r="CQ17" s="102">
        <v>77</v>
      </c>
      <c r="CR17" s="102">
        <v>70</v>
      </c>
      <c r="CS17" s="102">
        <v>60</v>
      </c>
      <c r="CT17" s="102">
        <v>32</v>
      </c>
      <c r="CU17" s="102">
        <v>23</v>
      </c>
      <c r="CV17" s="103">
        <v>262</v>
      </c>
      <c r="CW17" s="104">
        <v>342</v>
      </c>
      <c r="CX17" s="105">
        <v>8</v>
      </c>
      <c r="CY17" s="97">
        <v>4</v>
      </c>
      <c r="CZ17" s="98">
        <v>12</v>
      </c>
      <c r="DA17" s="413">
        <v>0</v>
      </c>
      <c r="DB17" s="97">
        <v>13</v>
      </c>
      <c r="DC17" s="97">
        <v>10</v>
      </c>
      <c r="DD17" s="97">
        <v>5</v>
      </c>
      <c r="DE17" s="97">
        <v>8</v>
      </c>
      <c r="DF17" s="97">
        <v>3</v>
      </c>
      <c r="DG17" s="99">
        <v>39</v>
      </c>
      <c r="DH17" s="100">
        <v>51</v>
      </c>
      <c r="DI17" s="101">
        <v>0</v>
      </c>
      <c r="DJ17" s="102">
        <v>0</v>
      </c>
      <c r="DK17" s="103">
        <v>0</v>
      </c>
      <c r="DL17" s="413">
        <v>0</v>
      </c>
      <c r="DM17" s="102">
        <v>0</v>
      </c>
      <c r="DN17" s="102">
        <v>0</v>
      </c>
      <c r="DO17" s="102">
        <v>0</v>
      </c>
      <c r="DP17" s="102">
        <v>0</v>
      </c>
      <c r="DQ17" s="102">
        <v>0</v>
      </c>
      <c r="DR17" s="103">
        <v>0</v>
      </c>
      <c r="DS17" s="104">
        <v>0</v>
      </c>
      <c r="DT17" s="101">
        <v>0</v>
      </c>
      <c r="DU17" s="102">
        <v>0</v>
      </c>
      <c r="DV17" s="103">
        <v>0</v>
      </c>
      <c r="DW17" s="413">
        <v>0</v>
      </c>
      <c r="DX17" s="102">
        <v>0</v>
      </c>
      <c r="DY17" s="102">
        <v>0</v>
      </c>
      <c r="DZ17" s="102">
        <v>1</v>
      </c>
      <c r="EA17" s="102">
        <v>0</v>
      </c>
      <c r="EB17" s="102">
        <v>0</v>
      </c>
      <c r="EC17" s="103">
        <v>1</v>
      </c>
      <c r="ED17" s="104">
        <v>1</v>
      </c>
      <c r="EE17" s="101">
        <v>1</v>
      </c>
      <c r="EF17" s="102">
        <v>1</v>
      </c>
      <c r="EG17" s="103">
        <v>2</v>
      </c>
      <c r="EH17" s="413">
        <v>0</v>
      </c>
      <c r="EI17" s="102">
        <v>3</v>
      </c>
      <c r="EJ17" s="102">
        <v>0</v>
      </c>
      <c r="EK17" s="102">
        <v>1</v>
      </c>
      <c r="EL17" s="102">
        <v>0</v>
      </c>
      <c r="EM17" s="102">
        <v>0</v>
      </c>
      <c r="EN17" s="103">
        <v>4</v>
      </c>
      <c r="EO17" s="104">
        <v>6</v>
      </c>
      <c r="EP17" s="101">
        <v>3</v>
      </c>
      <c r="EQ17" s="102">
        <v>1</v>
      </c>
      <c r="ER17" s="103">
        <v>4</v>
      </c>
      <c r="ES17" s="413">
        <v>0</v>
      </c>
      <c r="ET17" s="102">
        <v>3</v>
      </c>
      <c r="EU17" s="102">
        <v>2</v>
      </c>
      <c r="EV17" s="102">
        <v>1</v>
      </c>
      <c r="EW17" s="102">
        <v>2</v>
      </c>
      <c r="EX17" s="102">
        <v>1</v>
      </c>
      <c r="EY17" s="103">
        <v>9</v>
      </c>
      <c r="EZ17" s="104">
        <v>13</v>
      </c>
      <c r="FA17" s="101">
        <v>1</v>
      </c>
      <c r="FB17" s="102">
        <v>2</v>
      </c>
      <c r="FC17" s="103">
        <v>3</v>
      </c>
      <c r="FD17" s="413">
        <v>0</v>
      </c>
      <c r="FE17" s="102">
        <v>2</v>
      </c>
      <c r="FF17" s="102">
        <v>4</v>
      </c>
      <c r="FG17" s="102">
        <v>1</v>
      </c>
      <c r="FH17" s="102">
        <v>2</v>
      </c>
      <c r="FI17" s="102">
        <v>0</v>
      </c>
      <c r="FJ17" s="103">
        <v>9</v>
      </c>
      <c r="FK17" s="104">
        <v>12</v>
      </c>
      <c r="FL17" s="101">
        <v>3</v>
      </c>
      <c r="FM17" s="102">
        <v>0</v>
      </c>
      <c r="FN17" s="103">
        <v>3</v>
      </c>
      <c r="FO17" s="413">
        <v>0</v>
      </c>
      <c r="FP17" s="102">
        <v>5</v>
      </c>
      <c r="FQ17" s="102">
        <v>4</v>
      </c>
      <c r="FR17" s="102">
        <v>1</v>
      </c>
      <c r="FS17" s="102">
        <v>4</v>
      </c>
      <c r="FT17" s="102">
        <v>2</v>
      </c>
      <c r="FU17" s="103">
        <v>16</v>
      </c>
      <c r="FV17" s="104">
        <v>19</v>
      </c>
      <c r="FW17" s="101">
        <v>0</v>
      </c>
      <c r="FX17" s="102">
        <v>0</v>
      </c>
      <c r="FY17" s="103">
        <v>0</v>
      </c>
      <c r="FZ17" s="413">
        <v>0</v>
      </c>
      <c r="GA17" s="102">
        <v>0</v>
      </c>
      <c r="GB17" s="102">
        <v>0</v>
      </c>
      <c r="GC17" s="102">
        <v>0</v>
      </c>
      <c r="GD17" s="102">
        <v>0</v>
      </c>
      <c r="GE17" s="102">
        <v>0</v>
      </c>
      <c r="GF17" s="103">
        <v>0</v>
      </c>
      <c r="GG17" s="104">
        <v>0</v>
      </c>
      <c r="GH17" s="101">
        <v>8</v>
      </c>
      <c r="GI17" s="102">
        <v>4</v>
      </c>
      <c r="GJ17" s="103">
        <v>12</v>
      </c>
      <c r="GK17" s="413">
        <v>0</v>
      </c>
      <c r="GL17" s="102">
        <v>13</v>
      </c>
      <c r="GM17" s="102">
        <v>10</v>
      </c>
      <c r="GN17" s="102">
        <v>5</v>
      </c>
      <c r="GO17" s="102">
        <v>8</v>
      </c>
      <c r="GP17" s="102">
        <v>3</v>
      </c>
      <c r="GQ17" s="103">
        <v>39</v>
      </c>
      <c r="GR17" s="104">
        <v>51</v>
      </c>
      <c r="GS17" s="105">
        <v>50</v>
      </c>
      <c r="GT17" s="97">
        <v>42</v>
      </c>
      <c r="GU17" s="98">
        <v>92</v>
      </c>
      <c r="GV17" s="413">
        <v>0</v>
      </c>
      <c r="GW17" s="97">
        <v>90</v>
      </c>
      <c r="GX17" s="97">
        <v>80</v>
      </c>
      <c r="GY17" s="97">
        <v>65</v>
      </c>
      <c r="GZ17" s="97">
        <v>40</v>
      </c>
      <c r="HA17" s="97">
        <v>26</v>
      </c>
      <c r="HB17" s="99">
        <v>301</v>
      </c>
      <c r="HC17" s="100">
        <v>393</v>
      </c>
      <c r="HD17" s="101">
        <v>1</v>
      </c>
      <c r="HE17" s="102">
        <v>0</v>
      </c>
      <c r="HF17" s="103">
        <v>1</v>
      </c>
      <c r="HG17" s="413">
        <v>0</v>
      </c>
      <c r="HH17" s="102">
        <v>1</v>
      </c>
      <c r="HI17" s="102">
        <v>0</v>
      </c>
      <c r="HJ17" s="102">
        <v>0</v>
      </c>
      <c r="HK17" s="102">
        <v>0</v>
      </c>
      <c r="HL17" s="102">
        <v>0</v>
      </c>
      <c r="HM17" s="103">
        <v>1</v>
      </c>
      <c r="HN17" s="104">
        <v>2</v>
      </c>
      <c r="HO17" s="101">
        <v>1</v>
      </c>
      <c r="HP17" s="102">
        <v>2</v>
      </c>
      <c r="HQ17" s="103">
        <v>3</v>
      </c>
      <c r="HR17" s="413">
        <v>0</v>
      </c>
      <c r="HS17" s="102">
        <v>1</v>
      </c>
      <c r="HT17" s="102">
        <v>1</v>
      </c>
      <c r="HU17" s="102">
        <v>5</v>
      </c>
      <c r="HV17" s="102">
        <v>1</v>
      </c>
      <c r="HW17" s="102">
        <v>1</v>
      </c>
      <c r="HX17" s="103">
        <v>9</v>
      </c>
      <c r="HY17" s="104">
        <v>12</v>
      </c>
      <c r="HZ17" s="101">
        <v>2</v>
      </c>
      <c r="IA17" s="102">
        <v>1</v>
      </c>
      <c r="IB17" s="103">
        <v>3</v>
      </c>
      <c r="IC17" s="413">
        <v>0</v>
      </c>
      <c r="ID17" s="102">
        <v>8</v>
      </c>
      <c r="IE17" s="102">
        <v>5</v>
      </c>
      <c r="IF17" s="102">
        <v>6</v>
      </c>
      <c r="IG17" s="102">
        <v>0</v>
      </c>
      <c r="IH17" s="102">
        <v>1</v>
      </c>
      <c r="II17" s="103">
        <v>20</v>
      </c>
      <c r="IJ17" s="104">
        <v>23</v>
      </c>
      <c r="IK17" s="101">
        <v>12</v>
      </c>
      <c r="IL17" s="102">
        <v>8</v>
      </c>
      <c r="IM17" s="103">
        <v>20</v>
      </c>
      <c r="IN17" s="413">
        <v>0</v>
      </c>
      <c r="IO17" s="102">
        <v>20</v>
      </c>
      <c r="IP17" s="102">
        <v>11</v>
      </c>
      <c r="IQ17" s="102">
        <v>10</v>
      </c>
      <c r="IR17" s="102">
        <v>10</v>
      </c>
      <c r="IS17" s="102">
        <v>6</v>
      </c>
      <c r="IT17" s="103">
        <v>57</v>
      </c>
      <c r="IU17" s="104">
        <v>77</v>
      </c>
      <c r="IV17" s="101">
        <v>19</v>
      </c>
      <c r="IW17" s="102">
        <v>17</v>
      </c>
      <c r="IX17" s="103">
        <v>36</v>
      </c>
      <c r="IY17" s="413">
        <v>0</v>
      </c>
      <c r="IZ17" s="102">
        <v>27</v>
      </c>
      <c r="JA17" s="102">
        <v>28</v>
      </c>
      <c r="JB17" s="102">
        <v>20</v>
      </c>
      <c r="JC17" s="102">
        <v>13</v>
      </c>
      <c r="JD17" s="102">
        <v>4</v>
      </c>
      <c r="JE17" s="103">
        <v>92</v>
      </c>
      <c r="JF17" s="104">
        <v>128</v>
      </c>
      <c r="JG17" s="101">
        <v>15</v>
      </c>
      <c r="JH17" s="102">
        <v>14</v>
      </c>
      <c r="JI17" s="103">
        <v>29</v>
      </c>
      <c r="JJ17" s="413">
        <v>0</v>
      </c>
      <c r="JK17" s="102">
        <v>33</v>
      </c>
      <c r="JL17" s="102">
        <v>35</v>
      </c>
      <c r="JM17" s="102">
        <v>24</v>
      </c>
      <c r="JN17" s="102">
        <v>16</v>
      </c>
      <c r="JO17" s="102">
        <v>14</v>
      </c>
      <c r="JP17" s="103">
        <v>122</v>
      </c>
      <c r="JQ17" s="104">
        <v>151</v>
      </c>
      <c r="JR17" s="101">
        <v>0</v>
      </c>
      <c r="JS17" s="102">
        <v>0</v>
      </c>
      <c r="JT17" s="103">
        <v>0</v>
      </c>
      <c r="JU17" s="413">
        <v>0</v>
      </c>
      <c r="JV17" s="102">
        <v>0</v>
      </c>
      <c r="JW17" s="102">
        <v>0</v>
      </c>
      <c r="JX17" s="102">
        <v>0</v>
      </c>
      <c r="JY17" s="102">
        <v>0</v>
      </c>
      <c r="JZ17" s="102">
        <v>0</v>
      </c>
      <c r="KA17" s="103">
        <v>0</v>
      </c>
      <c r="KB17" s="104">
        <v>0</v>
      </c>
      <c r="KC17" s="101">
        <v>50</v>
      </c>
      <c r="KD17" s="102">
        <v>42</v>
      </c>
      <c r="KE17" s="103">
        <v>92</v>
      </c>
      <c r="KF17" s="413">
        <v>0</v>
      </c>
      <c r="KG17" s="102">
        <v>90</v>
      </c>
      <c r="KH17" s="102">
        <v>80</v>
      </c>
      <c r="KI17" s="102">
        <v>65</v>
      </c>
      <c r="KJ17" s="102">
        <v>40</v>
      </c>
      <c r="KK17" s="102">
        <v>26</v>
      </c>
      <c r="KL17" s="103">
        <v>301</v>
      </c>
      <c r="KM17" s="104">
        <v>393</v>
      </c>
    </row>
    <row r="18" spans="2:299" s="70" customFormat="1" ht="21" customHeight="1" x14ac:dyDescent="0.2">
      <c r="B18" s="106" t="s">
        <v>15</v>
      </c>
      <c r="C18" s="96">
        <v>21</v>
      </c>
      <c r="D18" s="97">
        <v>26</v>
      </c>
      <c r="E18" s="98">
        <v>47</v>
      </c>
      <c r="F18" s="413">
        <v>0</v>
      </c>
      <c r="G18" s="97">
        <v>38</v>
      </c>
      <c r="H18" s="97">
        <v>24</v>
      </c>
      <c r="I18" s="97">
        <v>21</v>
      </c>
      <c r="J18" s="97">
        <v>30</v>
      </c>
      <c r="K18" s="97">
        <v>6</v>
      </c>
      <c r="L18" s="99">
        <v>119</v>
      </c>
      <c r="M18" s="100">
        <v>166</v>
      </c>
      <c r="N18" s="101">
        <v>0</v>
      </c>
      <c r="O18" s="102">
        <v>1</v>
      </c>
      <c r="P18" s="103">
        <v>1</v>
      </c>
      <c r="Q18" s="413">
        <v>0</v>
      </c>
      <c r="R18" s="102">
        <v>1</v>
      </c>
      <c r="S18" s="102">
        <v>0</v>
      </c>
      <c r="T18" s="102">
        <v>0</v>
      </c>
      <c r="U18" s="102">
        <v>1</v>
      </c>
      <c r="V18" s="102">
        <v>0</v>
      </c>
      <c r="W18" s="103">
        <v>2</v>
      </c>
      <c r="X18" s="104">
        <v>3</v>
      </c>
      <c r="Y18" s="101">
        <v>2</v>
      </c>
      <c r="Z18" s="102">
        <v>2</v>
      </c>
      <c r="AA18" s="103">
        <v>4</v>
      </c>
      <c r="AB18" s="413">
        <v>0</v>
      </c>
      <c r="AC18" s="102">
        <v>2</v>
      </c>
      <c r="AD18" s="102">
        <v>2</v>
      </c>
      <c r="AE18" s="102">
        <v>1</v>
      </c>
      <c r="AF18" s="102">
        <v>2</v>
      </c>
      <c r="AG18" s="102">
        <v>1</v>
      </c>
      <c r="AH18" s="103">
        <v>8</v>
      </c>
      <c r="AI18" s="104">
        <v>12</v>
      </c>
      <c r="AJ18" s="101">
        <v>4</v>
      </c>
      <c r="AK18" s="102">
        <v>2</v>
      </c>
      <c r="AL18" s="103">
        <v>6</v>
      </c>
      <c r="AM18" s="413">
        <v>0</v>
      </c>
      <c r="AN18" s="102">
        <v>7</v>
      </c>
      <c r="AO18" s="102">
        <v>6</v>
      </c>
      <c r="AP18" s="102">
        <v>3</v>
      </c>
      <c r="AQ18" s="102">
        <v>4</v>
      </c>
      <c r="AR18" s="102">
        <v>1</v>
      </c>
      <c r="AS18" s="103">
        <v>21</v>
      </c>
      <c r="AT18" s="104">
        <v>27</v>
      </c>
      <c r="AU18" s="101">
        <v>5</v>
      </c>
      <c r="AV18" s="102">
        <v>3</v>
      </c>
      <c r="AW18" s="103">
        <v>8</v>
      </c>
      <c r="AX18" s="413">
        <v>0</v>
      </c>
      <c r="AY18" s="102">
        <v>11</v>
      </c>
      <c r="AZ18" s="102">
        <v>5</v>
      </c>
      <c r="BA18" s="102">
        <v>3</v>
      </c>
      <c r="BB18" s="102">
        <v>2</v>
      </c>
      <c r="BC18" s="102">
        <v>2</v>
      </c>
      <c r="BD18" s="103">
        <v>23</v>
      </c>
      <c r="BE18" s="104">
        <v>31</v>
      </c>
      <c r="BF18" s="101">
        <v>3</v>
      </c>
      <c r="BG18" s="102">
        <v>10</v>
      </c>
      <c r="BH18" s="103">
        <v>13</v>
      </c>
      <c r="BI18" s="413">
        <v>0</v>
      </c>
      <c r="BJ18" s="102">
        <v>7</v>
      </c>
      <c r="BK18" s="102">
        <v>3</v>
      </c>
      <c r="BL18" s="102">
        <v>6</v>
      </c>
      <c r="BM18" s="102">
        <v>8</v>
      </c>
      <c r="BN18" s="102">
        <v>0</v>
      </c>
      <c r="BO18" s="103">
        <v>24</v>
      </c>
      <c r="BP18" s="104">
        <v>37</v>
      </c>
      <c r="BQ18" s="101">
        <v>7</v>
      </c>
      <c r="BR18" s="102">
        <v>8</v>
      </c>
      <c r="BS18" s="103">
        <v>15</v>
      </c>
      <c r="BT18" s="413">
        <v>0</v>
      </c>
      <c r="BU18" s="102">
        <v>10</v>
      </c>
      <c r="BV18" s="102">
        <v>8</v>
      </c>
      <c r="BW18" s="102">
        <v>8</v>
      </c>
      <c r="BX18" s="102">
        <v>13</v>
      </c>
      <c r="BY18" s="102">
        <v>2</v>
      </c>
      <c r="BZ18" s="103">
        <v>41</v>
      </c>
      <c r="CA18" s="104">
        <v>56</v>
      </c>
      <c r="CB18" s="101">
        <v>0</v>
      </c>
      <c r="CC18" s="102">
        <v>0</v>
      </c>
      <c r="CD18" s="103">
        <v>0</v>
      </c>
      <c r="CE18" s="413">
        <v>0</v>
      </c>
      <c r="CF18" s="102">
        <v>0</v>
      </c>
      <c r="CG18" s="102">
        <v>0</v>
      </c>
      <c r="CH18" s="102">
        <v>0</v>
      </c>
      <c r="CI18" s="102">
        <v>0</v>
      </c>
      <c r="CJ18" s="102">
        <v>0</v>
      </c>
      <c r="CK18" s="103">
        <v>0</v>
      </c>
      <c r="CL18" s="104">
        <v>0</v>
      </c>
      <c r="CM18" s="101">
        <v>21</v>
      </c>
      <c r="CN18" s="102">
        <v>26</v>
      </c>
      <c r="CO18" s="103">
        <v>47</v>
      </c>
      <c r="CP18" s="413">
        <v>0</v>
      </c>
      <c r="CQ18" s="102">
        <v>38</v>
      </c>
      <c r="CR18" s="102">
        <v>24</v>
      </c>
      <c r="CS18" s="102">
        <v>21</v>
      </c>
      <c r="CT18" s="102">
        <v>30</v>
      </c>
      <c r="CU18" s="102">
        <v>6</v>
      </c>
      <c r="CV18" s="103">
        <v>119</v>
      </c>
      <c r="CW18" s="104">
        <v>166</v>
      </c>
      <c r="CX18" s="105">
        <v>5</v>
      </c>
      <c r="CY18" s="97">
        <v>8</v>
      </c>
      <c r="CZ18" s="98">
        <v>13</v>
      </c>
      <c r="DA18" s="413">
        <v>0</v>
      </c>
      <c r="DB18" s="97">
        <v>4</v>
      </c>
      <c r="DC18" s="97">
        <v>6</v>
      </c>
      <c r="DD18" s="97">
        <v>2</v>
      </c>
      <c r="DE18" s="97">
        <v>4</v>
      </c>
      <c r="DF18" s="97">
        <v>3</v>
      </c>
      <c r="DG18" s="99">
        <v>19</v>
      </c>
      <c r="DH18" s="100">
        <v>32</v>
      </c>
      <c r="DI18" s="101">
        <v>0</v>
      </c>
      <c r="DJ18" s="102">
        <v>1</v>
      </c>
      <c r="DK18" s="103">
        <v>1</v>
      </c>
      <c r="DL18" s="413">
        <v>0</v>
      </c>
      <c r="DM18" s="102">
        <v>1</v>
      </c>
      <c r="DN18" s="102">
        <v>0</v>
      </c>
      <c r="DO18" s="102">
        <v>0</v>
      </c>
      <c r="DP18" s="102">
        <v>0</v>
      </c>
      <c r="DQ18" s="102">
        <v>0</v>
      </c>
      <c r="DR18" s="103">
        <v>1</v>
      </c>
      <c r="DS18" s="104">
        <v>2</v>
      </c>
      <c r="DT18" s="101">
        <v>1</v>
      </c>
      <c r="DU18" s="102">
        <v>0</v>
      </c>
      <c r="DV18" s="103">
        <v>1</v>
      </c>
      <c r="DW18" s="413">
        <v>0</v>
      </c>
      <c r="DX18" s="102">
        <v>1</v>
      </c>
      <c r="DY18" s="102">
        <v>0</v>
      </c>
      <c r="DZ18" s="102">
        <v>0</v>
      </c>
      <c r="EA18" s="102">
        <v>0</v>
      </c>
      <c r="EB18" s="102">
        <v>0</v>
      </c>
      <c r="EC18" s="103">
        <v>1</v>
      </c>
      <c r="ED18" s="104">
        <v>2</v>
      </c>
      <c r="EE18" s="101">
        <v>1</v>
      </c>
      <c r="EF18" s="102">
        <v>3</v>
      </c>
      <c r="EG18" s="103">
        <v>4</v>
      </c>
      <c r="EH18" s="413">
        <v>0</v>
      </c>
      <c r="EI18" s="102">
        <v>0</v>
      </c>
      <c r="EJ18" s="102">
        <v>0</v>
      </c>
      <c r="EK18" s="102">
        <v>0</v>
      </c>
      <c r="EL18" s="102">
        <v>0</v>
      </c>
      <c r="EM18" s="102">
        <v>0</v>
      </c>
      <c r="EN18" s="103">
        <v>0</v>
      </c>
      <c r="EO18" s="104">
        <v>4</v>
      </c>
      <c r="EP18" s="101">
        <v>0</v>
      </c>
      <c r="EQ18" s="102">
        <v>2</v>
      </c>
      <c r="ER18" s="103">
        <v>2</v>
      </c>
      <c r="ES18" s="413">
        <v>0</v>
      </c>
      <c r="ET18" s="102">
        <v>1</v>
      </c>
      <c r="EU18" s="102">
        <v>1</v>
      </c>
      <c r="EV18" s="102">
        <v>0</v>
      </c>
      <c r="EW18" s="102">
        <v>1</v>
      </c>
      <c r="EX18" s="102">
        <v>0</v>
      </c>
      <c r="EY18" s="103">
        <v>3</v>
      </c>
      <c r="EZ18" s="104">
        <v>5</v>
      </c>
      <c r="FA18" s="101">
        <v>2</v>
      </c>
      <c r="FB18" s="102">
        <v>1</v>
      </c>
      <c r="FC18" s="103">
        <v>3</v>
      </c>
      <c r="FD18" s="413">
        <v>0</v>
      </c>
      <c r="FE18" s="102">
        <v>0</v>
      </c>
      <c r="FF18" s="102">
        <v>2</v>
      </c>
      <c r="FG18" s="102">
        <v>0</v>
      </c>
      <c r="FH18" s="102">
        <v>0</v>
      </c>
      <c r="FI18" s="102">
        <v>3</v>
      </c>
      <c r="FJ18" s="103">
        <v>5</v>
      </c>
      <c r="FK18" s="104">
        <v>8</v>
      </c>
      <c r="FL18" s="101">
        <v>1</v>
      </c>
      <c r="FM18" s="102">
        <v>1</v>
      </c>
      <c r="FN18" s="103">
        <v>2</v>
      </c>
      <c r="FO18" s="413">
        <v>0</v>
      </c>
      <c r="FP18" s="102">
        <v>1</v>
      </c>
      <c r="FQ18" s="102">
        <v>3</v>
      </c>
      <c r="FR18" s="102">
        <v>2</v>
      </c>
      <c r="FS18" s="102">
        <v>3</v>
      </c>
      <c r="FT18" s="102">
        <v>0</v>
      </c>
      <c r="FU18" s="103">
        <v>9</v>
      </c>
      <c r="FV18" s="104">
        <v>11</v>
      </c>
      <c r="FW18" s="101">
        <v>0</v>
      </c>
      <c r="FX18" s="102">
        <v>0</v>
      </c>
      <c r="FY18" s="103">
        <v>0</v>
      </c>
      <c r="FZ18" s="413">
        <v>0</v>
      </c>
      <c r="GA18" s="102">
        <v>0</v>
      </c>
      <c r="GB18" s="102">
        <v>0</v>
      </c>
      <c r="GC18" s="102">
        <v>0</v>
      </c>
      <c r="GD18" s="102">
        <v>0</v>
      </c>
      <c r="GE18" s="102">
        <v>0</v>
      </c>
      <c r="GF18" s="103">
        <v>0</v>
      </c>
      <c r="GG18" s="104">
        <v>0</v>
      </c>
      <c r="GH18" s="101">
        <v>5</v>
      </c>
      <c r="GI18" s="102">
        <v>8</v>
      </c>
      <c r="GJ18" s="103">
        <v>13</v>
      </c>
      <c r="GK18" s="413">
        <v>0</v>
      </c>
      <c r="GL18" s="102">
        <v>4</v>
      </c>
      <c r="GM18" s="102">
        <v>6</v>
      </c>
      <c r="GN18" s="102">
        <v>2</v>
      </c>
      <c r="GO18" s="102">
        <v>4</v>
      </c>
      <c r="GP18" s="102">
        <v>3</v>
      </c>
      <c r="GQ18" s="103">
        <v>19</v>
      </c>
      <c r="GR18" s="104">
        <v>32</v>
      </c>
      <c r="GS18" s="105">
        <v>26</v>
      </c>
      <c r="GT18" s="97">
        <v>34</v>
      </c>
      <c r="GU18" s="98">
        <v>60</v>
      </c>
      <c r="GV18" s="413">
        <v>0</v>
      </c>
      <c r="GW18" s="97">
        <v>42</v>
      </c>
      <c r="GX18" s="97">
        <v>30</v>
      </c>
      <c r="GY18" s="97">
        <v>23</v>
      </c>
      <c r="GZ18" s="97">
        <v>34</v>
      </c>
      <c r="HA18" s="97">
        <v>9</v>
      </c>
      <c r="HB18" s="99">
        <v>138</v>
      </c>
      <c r="HC18" s="100">
        <v>198</v>
      </c>
      <c r="HD18" s="101">
        <v>0</v>
      </c>
      <c r="HE18" s="102">
        <v>2</v>
      </c>
      <c r="HF18" s="103">
        <v>2</v>
      </c>
      <c r="HG18" s="413">
        <v>0</v>
      </c>
      <c r="HH18" s="102">
        <v>2</v>
      </c>
      <c r="HI18" s="102">
        <v>0</v>
      </c>
      <c r="HJ18" s="102">
        <v>0</v>
      </c>
      <c r="HK18" s="102">
        <v>1</v>
      </c>
      <c r="HL18" s="102">
        <v>0</v>
      </c>
      <c r="HM18" s="103">
        <v>3</v>
      </c>
      <c r="HN18" s="104">
        <v>5</v>
      </c>
      <c r="HO18" s="101">
        <v>3</v>
      </c>
      <c r="HP18" s="102">
        <v>2</v>
      </c>
      <c r="HQ18" s="103">
        <v>5</v>
      </c>
      <c r="HR18" s="413">
        <v>0</v>
      </c>
      <c r="HS18" s="102">
        <v>3</v>
      </c>
      <c r="HT18" s="102">
        <v>2</v>
      </c>
      <c r="HU18" s="102">
        <v>1</v>
      </c>
      <c r="HV18" s="102">
        <v>2</v>
      </c>
      <c r="HW18" s="102">
        <v>1</v>
      </c>
      <c r="HX18" s="103">
        <v>9</v>
      </c>
      <c r="HY18" s="104">
        <v>14</v>
      </c>
      <c r="HZ18" s="101">
        <v>5</v>
      </c>
      <c r="IA18" s="102">
        <v>5</v>
      </c>
      <c r="IB18" s="103">
        <v>10</v>
      </c>
      <c r="IC18" s="413">
        <v>0</v>
      </c>
      <c r="ID18" s="102">
        <v>7</v>
      </c>
      <c r="IE18" s="102">
        <v>6</v>
      </c>
      <c r="IF18" s="102">
        <v>3</v>
      </c>
      <c r="IG18" s="102">
        <v>4</v>
      </c>
      <c r="IH18" s="102">
        <v>1</v>
      </c>
      <c r="II18" s="103">
        <v>21</v>
      </c>
      <c r="IJ18" s="104">
        <v>31</v>
      </c>
      <c r="IK18" s="101">
        <v>5</v>
      </c>
      <c r="IL18" s="102">
        <v>5</v>
      </c>
      <c r="IM18" s="103">
        <v>10</v>
      </c>
      <c r="IN18" s="413">
        <v>0</v>
      </c>
      <c r="IO18" s="102">
        <v>12</v>
      </c>
      <c r="IP18" s="102">
        <v>6</v>
      </c>
      <c r="IQ18" s="102">
        <v>3</v>
      </c>
      <c r="IR18" s="102">
        <v>3</v>
      </c>
      <c r="IS18" s="102">
        <v>2</v>
      </c>
      <c r="IT18" s="103">
        <v>26</v>
      </c>
      <c r="IU18" s="104">
        <v>36</v>
      </c>
      <c r="IV18" s="101">
        <v>5</v>
      </c>
      <c r="IW18" s="102">
        <v>11</v>
      </c>
      <c r="IX18" s="103">
        <v>16</v>
      </c>
      <c r="IY18" s="413">
        <v>0</v>
      </c>
      <c r="IZ18" s="102">
        <v>7</v>
      </c>
      <c r="JA18" s="102">
        <v>5</v>
      </c>
      <c r="JB18" s="102">
        <v>6</v>
      </c>
      <c r="JC18" s="102">
        <v>8</v>
      </c>
      <c r="JD18" s="102">
        <v>3</v>
      </c>
      <c r="JE18" s="103">
        <v>29</v>
      </c>
      <c r="JF18" s="104">
        <v>45</v>
      </c>
      <c r="JG18" s="101">
        <v>8</v>
      </c>
      <c r="JH18" s="102">
        <v>9</v>
      </c>
      <c r="JI18" s="103">
        <v>17</v>
      </c>
      <c r="JJ18" s="413">
        <v>0</v>
      </c>
      <c r="JK18" s="102">
        <v>11</v>
      </c>
      <c r="JL18" s="102">
        <v>11</v>
      </c>
      <c r="JM18" s="102">
        <v>10</v>
      </c>
      <c r="JN18" s="102">
        <v>16</v>
      </c>
      <c r="JO18" s="102">
        <v>2</v>
      </c>
      <c r="JP18" s="103">
        <v>50</v>
      </c>
      <c r="JQ18" s="104">
        <v>67</v>
      </c>
      <c r="JR18" s="101">
        <v>0</v>
      </c>
      <c r="JS18" s="102">
        <v>0</v>
      </c>
      <c r="JT18" s="103">
        <v>0</v>
      </c>
      <c r="JU18" s="413">
        <v>0</v>
      </c>
      <c r="JV18" s="102">
        <v>0</v>
      </c>
      <c r="JW18" s="102">
        <v>0</v>
      </c>
      <c r="JX18" s="102">
        <v>0</v>
      </c>
      <c r="JY18" s="102">
        <v>0</v>
      </c>
      <c r="JZ18" s="102">
        <v>0</v>
      </c>
      <c r="KA18" s="103">
        <v>0</v>
      </c>
      <c r="KB18" s="104">
        <v>0</v>
      </c>
      <c r="KC18" s="101">
        <v>26</v>
      </c>
      <c r="KD18" s="102">
        <v>34</v>
      </c>
      <c r="KE18" s="103">
        <v>60</v>
      </c>
      <c r="KF18" s="413">
        <v>0</v>
      </c>
      <c r="KG18" s="102">
        <v>42</v>
      </c>
      <c r="KH18" s="102">
        <v>30</v>
      </c>
      <c r="KI18" s="102">
        <v>23</v>
      </c>
      <c r="KJ18" s="102">
        <v>34</v>
      </c>
      <c r="KK18" s="102">
        <v>9</v>
      </c>
      <c r="KL18" s="103">
        <v>138</v>
      </c>
      <c r="KM18" s="104">
        <v>198</v>
      </c>
    </row>
    <row r="19" spans="2:299" s="70" customFormat="1" ht="21" customHeight="1" x14ac:dyDescent="0.2">
      <c r="B19" s="106" t="s">
        <v>16</v>
      </c>
      <c r="C19" s="96">
        <v>43</v>
      </c>
      <c r="D19" s="97">
        <v>47</v>
      </c>
      <c r="E19" s="98">
        <v>90</v>
      </c>
      <c r="F19" s="413">
        <v>0</v>
      </c>
      <c r="G19" s="97">
        <v>77</v>
      </c>
      <c r="H19" s="97">
        <v>98</v>
      </c>
      <c r="I19" s="97">
        <v>54</v>
      </c>
      <c r="J19" s="97">
        <v>37</v>
      </c>
      <c r="K19" s="97">
        <v>23</v>
      </c>
      <c r="L19" s="99">
        <v>289</v>
      </c>
      <c r="M19" s="100">
        <v>379</v>
      </c>
      <c r="N19" s="101">
        <v>1</v>
      </c>
      <c r="O19" s="102">
        <v>0</v>
      </c>
      <c r="P19" s="103">
        <v>1</v>
      </c>
      <c r="Q19" s="413">
        <v>0</v>
      </c>
      <c r="R19" s="102">
        <v>0</v>
      </c>
      <c r="S19" s="102">
        <v>2</v>
      </c>
      <c r="T19" s="102">
        <v>0</v>
      </c>
      <c r="U19" s="102">
        <v>0</v>
      </c>
      <c r="V19" s="102">
        <v>1</v>
      </c>
      <c r="W19" s="103">
        <v>3</v>
      </c>
      <c r="X19" s="104">
        <v>4</v>
      </c>
      <c r="Y19" s="101">
        <v>1</v>
      </c>
      <c r="Z19" s="102">
        <v>4</v>
      </c>
      <c r="AA19" s="103">
        <v>5</v>
      </c>
      <c r="AB19" s="413">
        <v>0</v>
      </c>
      <c r="AC19" s="102">
        <v>6</v>
      </c>
      <c r="AD19" s="102">
        <v>7</v>
      </c>
      <c r="AE19" s="102">
        <v>5</v>
      </c>
      <c r="AF19" s="102">
        <v>2</v>
      </c>
      <c r="AG19" s="102">
        <v>3</v>
      </c>
      <c r="AH19" s="103">
        <v>23</v>
      </c>
      <c r="AI19" s="104">
        <v>28</v>
      </c>
      <c r="AJ19" s="101">
        <v>8</v>
      </c>
      <c r="AK19" s="102">
        <v>5</v>
      </c>
      <c r="AL19" s="103">
        <v>13</v>
      </c>
      <c r="AM19" s="413">
        <v>0</v>
      </c>
      <c r="AN19" s="102">
        <v>5</v>
      </c>
      <c r="AO19" s="102">
        <v>4</v>
      </c>
      <c r="AP19" s="102">
        <v>10</v>
      </c>
      <c r="AQ19" s="102">
        <v>1</v>
      </c>
      <c r="AR19" s="102">
        <v>5</v>
      </c>
      <c r="AS19" s="103">
        <v>25</v>
      </c>
      <c r="AT19" s="104">
        <v>38</v>
      </c>
      <c r="AU19" s="101">
        <v>12</v>
      </c>
      <c r="AV19" s="102">
        <v>8</v>
      </c>
      <c r="AW19" s="103">
        <v>20</v>
      </c>
      <c r="AX19" s="413">
        <v>0</v>
      </c>
      <c r="AY19" s="102">
        <v>15</v>
      </c>
      <c r="AZ19" s="102">
        <v>24</v>
      </c>
      <c r="BA19" s="102">
        <v>8</v>
      </c>
      <c r="BB19" s="102">
        <v>6</v>
      </c>
      <c r="BC19" s="102">
        <v>6</v>
      </c>
      <c r="BD19" s="103">
        <v>59</v>
      </c>
      <c r="BE19" s="104">
        <v>79</v>
      </c>
      <c r="BF19" s="101">
        <v>9</v>
      </c>
      <c r="BG19" s="102">
        <v>18</v>
      </c>
      <c r="BH19" s="103">
        <v>27</v>
      </c>
      <c r="BI19" s="413">
        <v>0</v>
      </c>
      <c r="BJ19" s="102">
        <v>26</v>
      </c>
      <c r="BK19" s="102">
        <v>24</v>
      </c>
      <c r="BL19" s="102">
        <v>12</v>
      </c>
      <c r="BM19" s="102">
        <v>5</v>
      </c>
      <c r="BN19" s="102">
        <v>3</v>
      </c>
      <c r="BO19" s="103">
        <v>70</v>
      </c>
      <c r="BP19" s="104">
        <v>97</v>
      </c>
      <c r="BQ19" s="101">
        <v>12</v>
      </c>
      <c r="BR19" s="102">
        <v>12</v>
      </c>
      <c r="BS19" s="103">
        <v>24</v>
      </c>
      <c r="BT19" s="413">
        <v>0</v>
      </c>
      <c r="BU19" s="102">
        <v>25</v>
      </c>
      <c r="BV19" s="102">
        <v>37</v>
      </c>
      <c r="BW19" s="102">
        <v>19</v>
      </c>
      <c r="BX19" s="102">
        <v>23</v>
      </c>
      <c r="BY19" s="102">
        <v>5</v>
      </c>
      <c r="BZ19" s="103">
        <v>109</v>
      </c>
      <c r="CA19" s="104">
        <v>133</v>
      </c>
      <c r="CB19" s="101">
        <v>0</v>
      </c>
      <c r="CC19" s="102">
        <v>0</v>
      </c>
      <c r="CD19" s="103">
        <v>0</v>
      </c>
      <c r="CE19" s="413">
        <v>0</v>
      </c>
      <c r="CF19" s="102">
        <v>0</v>
      </c>
      <c r="CG19" s="102">
        <v>0</v>
      </c>
      <c r="CH19" s="102">
        <v>0</v>
      </c>
      <c r="CI19" s="102">
        <v>0</v>
      </c>
      <c r="CJ19" s="102">
        <v>0</v>
      </c>
      <c r="CK19" s="103">
        <v>0</v>
      </c>
      <c r="CL19" s="104">
        <v>0</v>
      </c>
      <c r="CM19" s="101">
        <v>43</v>
      </c>
      <c r="CN19" s="102">
        <v>47</v>
      </c>
      <c r="CO19" s="103">
        <v>90</v>
      </c>
      <c r="CP19" s="413">
        <v>0</v>
      </c>
      <c r="CQ19" s="102">
        <v>77</v>
      </c>
      <c r="CR19" s="102">
        <v>98</v>
      </c>
      <c r="CS19" s="102">
        <v>54</v>
      </c>
      <c r="CT19" s="102">
        <v>37</v>
      </c>
      <c r="CU19" s="102">
        <v>23</v>
      </c>
      <c r="CV19" s="103">
        <v>289</v>
      </c>
      <c r="CW19" s="104">
        <v>379</v>
      </c>
      <c r="CX19" s="105">
        <v>11</v>
      </c>
      <c r="CY19" s="97">
        <v>13</v>
      </c>
      <c r="CZ19" s="98">
        <v>24</v>
      </c>
      <c r="DA19" s="413">
        <v>0</v>
      </c>
      <c r="DB19" s="97">
        <v>9</v>
      </c>
      <c r="DC19" s="97">
        <v>10</v>
      </c>
      <c r="DD19" s="97">
        <v>5</v>
      </c>
      <c r="DE19" s="97">
        <v>8</v>
      </c>
      <c r="DF19" s="97">
        <v>7</v>
      </c>
      <c r="DG19" s="99">
        <v>39</v>
      </c>
      <c r="DH19" s="100">
        <v>63</v>
      </c>
      <c r="DI19" s="101">
        <v>2</v>
      </c>
      <c r="DJ19" s="102">
        <v>0</v>
      </c>
      <c r="DK19" s="103">
        <v>2</v>
      </c>
      <c r="DL19" s="413">
        <v>0</v>
      </c>
      <c r="DM19" s="102">
        <v>0</v>
      </c>
      <c r="DN19" s="102">
        <v>0</v>
      </c>
      <c r="DO19" s="102">
        <v>0</v>
      </c>
      <c r="DP19" s="102">
        <v>0</v>
      </c>
      <c r="DQ19" s="102">
        <v>0</v>
      </c>
      <c r="DR19" s="103">
        <v>0</v>
      </c>
      <c r="DS19" s="104">
        <v>2</v>
      </c>
      <c r="DT19" s="101">
        <v>0</v>
      </c>
      <c r="DU19" s="102">
        <v>1</v>
      </c>
      <c r="DV19" s="103">
        <v>1</v>
      </c>
      <c r="DW19" s="413">
        <v>0</v>
      </c>
      <c r="DX19" s="102">
        <v>0</v>
      </c>
      <c r="DY19" s="102">
        <v>1</v>
      </c>
      <c r="DZ19" s="102">
        <v>0</v>
      </c>
      <c r="EA19" s="102">
        <v>0</v>
      </c>
      <c r="EB19" s="102">
        <v>1</v>
      </c>
      <c r="EC19" s="103">
        <v>2</v>
      </c>
      <c r="ED19" s="104">
        <v>3</v>
      </c>
      <c r="EE19" s="101">
        <v>0</v>
      </c>
      <c r="EF19" s="102">
        <v>2</v>
      </c>
      <c r="EG19" s="103">
        <v>2</v>
      </c>
      <c r="EH19" s="413">
        <v>0</v>
      </c>
      <c r="EI19" s="102">
        <v>2</v>
      </c>
      <c r="EJ19" s="102">
        <v>0</v>
      </c>
      <c r="EK19" s="102">
        <v>0</v>
      </c>
      <c r="EL19" s="102">
        <v>1</v>
      </c>
      <c r="EM19" s="102">
        <v>1</v>
      </c>
      <c r="EN19" s="103">
        <v>4</v>
      </c>
      <c r="EO19" s="104">
        <v>6</v>
      </c>
      <c r="EP19" s="101">
        <v>3</v>
      </c>
      <c r="EQ19" s="102">
        <v>3</v>
      </c>
      <c r="ER19" s="103">
        <v>6</v>
      </c>
      <c r="ES19" s="413">
        <v>0</v>
      </c>
      <c r="ET19" s="102">
        <v>1</v>
      </c>
      <c r="EU19" s="102">
        <v>5</v>
      </c>
      <c r="EV19" s="102">
        <v>1</v>
      </c>
      <c r="EW19" s="102">
        <v>1</v>
      </c>
      <c r="EX19" s="102">
        <v>1</v>
      </c>
      <c r="EY19" s="103">
        <v>9</v>
      </c>
      <c r="EZ19" s="104">
        <v>15</v>
      </c>
      <c r="FA19" s="101">
        <v>5</v>
      </c>
      <c r="FB19" s="102">
        <v>4</v>
      </c>
      <c r="FC19" s="103">
        <v>9</v>
      </c>
      <c r="FD19" s="413">
        <v>0</v>
      </c>
      <c r="FE19" s="102">
        <v>4</v>
      </c>
      <c r="FF19" s="102">
        <v>2</v>
      </c>
      <c r="FG19" s="102">
        <v>2</v>
      </c>
      <c r="FH19" s="102">
        <v>1</v>
      </c>
      <c r="FI19" s="102">
        <v>2</v>
      </c>
      <c r="FJ19" s="103">
        <v>11</v>
      </c>
      <c r="FK19" s="104">
        <v>20</v>
      </c>
      <c r="FL19" s="101">
        <v>1</v>
      </c>
      <c r="FM19" s="102">
        <v>3</v>
      </c>
      <c r="FN19" s="103">
        <v>4</v>
      </c>
      <c r="FO19" s="413">
        <v>0</v>
      </c>
      <c r="FP19" s="102">
        <v>2</v>
      </c>
      <c r="FQ19" s="102">
        <v>2</v>
      </c>
      <c r="FR19" s="102">
        <v>2</v>
      </c>
      <c r="FS19" s="102">
        <v>5</v>
      </c>
      <c r="FT19" s="102">
        <v>2</v>
      </c>
      <c r="FU19" s="103">
        <v>13</v>
      </c>
      <c r="FV19" s="104">
        <v>17</v>
      </c>
      <c r="FW19" s="101">
        <v>0</v>
      </c>
      <c r="FX19" s="102">
        <v>0</v>
      </c>
      <c r="FY19" s="103">
        <v>0</v>
      </c>
      <c r="FZ19" s="413">
        <v>0</v>
      </c>
      <c r="GA19" s="102">
        <v>0</v>
      </c>
      <c r="GB19" s="102">
        <v>0</v>
      </c>
      <c r="GC19" s="102">
        <v>0</v>
      </c>
      <c r="GD19" s="102">
        <v>0</v>
      </c>
      <c r="GE19" s="102">
        <v>0</v>
      </c>
      <c r="GF19" s="103">
        <v>0</v>
      </c>
      <c r="GG19" s="104">
        <v>0</v>
      </c>
      <c r="GH19" s="101">
        <v>11</v>
      </c>
      <c r="GI19" s="102">
        <v>13</v>
      </c>
      <c r="GJ19" s="103">
        <v>24</v>
      </c>
      <c r="GK19" s="413">
        <v>0</v>
      </c>
      <c r="GL19" s="102">
        <v>9</v>
      </c>
      <c r="GM19" s="102">
        <v>10</v>
      </c>
      <c r="GN19" s="102">
        <v>5</v>
      </c>
      <c r="GO19" s="102">
        <v>8</v>
      </c>
      <c r="GP19" s="102">
        <v>7</v>
      </c>
      <c r="GQ19" s="103">
        <v>39</v>
      </c>
      <c r="GR19" s="104">
        <v>63</v>
      </c>
      <c r="GS19" s="105">
        <v>54</v>
      </c>
      <c r="GT19" s="97">
        <v>60</v>
      </c>
      <c r="GU19" s="98">
        <v>114</v>
      </c>
      <c r="GV19" s="413">
        <v>0</v>
      </c>
      <c r="GW19" s="97">
        <v>86</v>
      </c>
      <c r="GX19" s="97">
        <v>108</v>
      </c>
      <c r="GY19" s="97">
        <v>59</v>
      </c>
      <c r="GZ19" s="97">
        <v>45</v>
      </c>
      <c r="HA19" s="97">
        <v>30</v>
      </c>
      <c r="HB19" s="99">
        <v>328</v>
      </c>
      <c r="HC19" s="100">
        <v>442</v>
      </c>
      <c r="HD19" s="101">
        <v>3</v>
      </c>
      <c r="HE19" s="102">
        <v>0</v>
      </c>
      <c r="HF19" s="103">
        <v>3</v>
      </c>
      <c r="HG19" s="413">
        <v>0</v>
      </c>
      <c r="HH19" s="102">
        <v>0</v>
      </c>
      <c r="HI19" s="102">
        <v>2</v>
      </c>
      <c r="HJ19" s="102">
        <v>0</v>
      </c>
      <c r="HK19" s="102">
        <v>0</v>
      </c>
      <c r="HL19" s="102">
        <v>1</v>
      </c>
      <c r="HM19" s="103">
        <v>3</v>
      </c>
      <c r="HN19" s="104">
        <v>6</v>
      </c>
      <c r="HO19" s="101">
        <v>1</v>
      </c>
      <c r="HP19" s="102">
        <v>5</v>
      </c>
      <c r="HQ19" s="103">
        <v>6</v>
      </c>
      <c r="HR19" s="413">
        <v>0</v>
      </c>
      <c r="HS19" s="102">
        <v>6</v>
      </c>
      <c r="HT19" s="102">
        <v>8</v>
      </c>
      <c r="HU19" s="102">
        <v>5</v>
      </c>
      <c r="HV19" s="102">
        <v>2</v>
      </c>
      <c r="HW19" s="102">
        <v>4</v>
      </c>
      <c r="HX19" s="103">
        <v>25</v>
      </c>
      <c r="HY19" s="104">
        <v>31</v>
      </c>
      <c r="HZ19" s="101">
        <v>8</v>
      </c>
      <c r="IA19" s="102">
        <v>7</v>
      </c>
      <c r="IB19" s="103">
        <v>15</v>
      </c>
      <c r="IC19" s="413">
        <v>0</v>
      </c>
      <c r="ID19" s="102">
        <v>7</v>
      </c>
      <c r="IE19" s="102">
        <v>4</v>
      </c>
      <c r="IF19" s="102">
        <v>10</v>
      </c>
      <c r="IG19" s="102">
        <v>2</v>
      </c>
      <c r="IH19" s="102">
        <v>6</v>
      </c>
      <c r="II19" s="103">
        <v>29</v>
      </c>
      <c r="IJ19" s="104">
        <v>44</v>
      </c>
      <c r="IK19" s="101">
        <v>15</v>
      </c>
      <c r="IL19" s="102">
        <v>11</v>
      </c>
      <c r="IM19" s="103">
        <v>26</v>
      </c>
      <c r="IN19" s="413">
        <v>0</v>
      </c>
      <c r="IO19" s="102">
        <v>16</v>
      </c>
      <c r="IP19" s="102">
        <v>29</v>
      </c>
      <c r="IQ19" s="102">
        <v>9</v>
      </c>
      <c r="IR19" s="102">
        <v>7</v>
      </c>
      <c r="IS19" s="102">
        <v>7</v>
      </c>
      <c r="IT19" s="103">
        <v>68</v>
      </c>
      <c r="IU19" s="104">
        <v>94</v>
      </c>
      <c r="IV19" s="101">
        <v>14</v>
      </c>
      <c r="IW19" s="102">
        <v>22</v>
      </c>
      <c r="IX19" s="103">
        <v>36</v>
      </c>
      <c r="IY19" s="413">
        <v>0</v>
      </c>
      <c r="IZ19" s="102">
        <v>30</v>
      </c>
      <c r="JA19" s="102">
        <v>26</v>
      </c>
      <c r="JB19" s="102">
        <v>14</v>
      </c>
      <c r="JC19" s="102">
        <v>6</v>
      </c>
      <c r="JD19" s="102">
        <v>5</v>
      </c>
      <c r="JE19" s="103">
        <v>81</v>
      </c>
      <c r="JF19" s="104">
        <v>117</v>
      </c>
      <c r="JG19" s="101">
        <v>13</v>
      </c>
      <c r="JH19" s="102">
        <v>15</v>
      </c>
      <c r="JI19" s="103">
        <v>28</v>
      </c>
      <c r="JJ19" s="413">
        <v>0</v>
      </c>
      <c r="JK19" s="102">
        <v>27</v>
      </c>
      <c r="JL19" s="102">
        <v>39</v>
      </c>
      <c r="JM19" s="102">
        <v>21</v>
      </c>
      <c r="JN19" s="102">
        <v>28</v>
      </c>
      <c r="JO19" s="102">
        <v>7</v>
      </c>
      <c r="JP19" s="103">
        <v>122</v>
      </c>
      <c r="JQ19" s="104">
        <v>150</v>
      </c>
      <c r="JR19" s="101">
        <v>0</v>
      </c>
      <c r="JS19" s="102">
        <v>0</v>
      </c>
      <c r="JT19" s="103">
        <v>0</v>
      </c>
      <c r="JU19" s="413">
        <v>0</v>
      </c>
      <c r="JV19" s="102">
        <v>0</v>
      </c>
      <c r="JW19" s="102">
        <v>0</v>
      </c>
      <c r="JX19" s="102">
        <v>0</v>
      </c>
      <c r="JY19" s="102">
        <v>0</v>
      </c>
      <c r="JZ19" s="102">
        <v>0</v>
      </c>
      <c r="KA19" s="103">
        <v>0</v>
      </c>
      <c r="KB19" s="104">
        <v>0</v>
      </c>
      <c r="KC19" s="101">
        <v>54</v>
      </c>
      <c r="KD19" s="102">
        <v>60</v>
      </c>
      <c r="KE19" s="103">
        <v>114</v>
      </c>
      <c r="KF19" s="413">
        <v>0</v>
      </c>
      <c r="KG19" s="102">
        <v>86</v>
      </c>
      <c r="KH19" s="102">
        <v>108</v>
      </c>
      <c r="KI19" s="102">
        <v>59</v>
      </c>
      <c r="KJ19" s="102">
        <v>45</v>
      </c>
      <c r="KK19" s="102">
        <v>30</v>
      </c>
      <c r="KL19" s="103">
        <v>328</v>
      </c>
      <c r="KM19" s="104">
        <v>442</v>
      </c>
    </row>
    <row r="20" spans="2:299" s="70" customFormat="1" ht="21" customHeight="1" x14ac:dyDescent="0.2">
      <c r="B20" s="106" t="s">
        <v>17</v>
      </c>
      <c r="C20" s="96">
        <v>73</v>
      </c>
      <c r="D20" s="97">
        <v>61</v>
      </c>
      <c r="E20" s="98">
        <v>134</v>
      </c>
      <c r="F20" s="413">
        <v>0</v>
      </c>
      <c r="G20" s="97">
        <v>105</v>
      </c>
      <c r="H20" s="97">
        <v>117</v>
      </c>
      <c r="I20" s="97">
        <v>66</v>
      </c>
      <c r="J20" s="97">
        <v>38</v>
      </c>
      <c r="K20" s="97">
        <v>23</v>
      </c>
      <c r="L20" s="99">
        <v>349</v>
      </c>
      <c r="M20" s="100">
        <v>483</v>
      </c>
      <c r="N20" s="101">
        <v>1</v>
      </c>
      <c r="O20" s="102">
        <v>3</v>
      </c>
      <c r="P20" s="103">
        <v>4</v>
      </c>
      <c r="Q20" s="413">
        <v>0</v>
      </c>
      <c r="R20" s="102">
        <v>3</v>
      </c>
      <c r="S20" s="102">
        <v>0</v>
      </c>
      <c r="T20" s="102">
        <v>3</v>
      </c>
      <c r="U20" s="102">
        <v>1</v>
      </c>
      <c r="V20" s="102">
        <v>1</v>
      </c>
      <c r="W20" s="103">
        <v>8</v>
      </c>
      <c r="X20" s="104">
        <v>12</v>
      </c>
      <c r="Y20" s="101">
        <v>1</v>
      </c>
      <c r="Z20" s="102">
        <v>3</v>
      </c>
      <c r="AA20" s="103">
        <v>4</v>
      </c>
      <c r="AB20" s="413">
        <v>0</v>
      </c>
      <c r="AC20" s="102">
        <v>5</v>
      </c>
      <c r="AD20" s="102">
        <v>7</v>
      </c>
      <c r="AE20" s="102">
        <v>2</v>
      </c>
      <c r="AF20" s="102">
        <v>1</v>
      </c>
      <c r="AG20" s="102">
        <v>1</v>
      </c>
      <c r="AH20" s="103">
        <v>16</v>
      </c>
      <c r="AI20" s="104">
        <v>20</v>
      </c>
      <c r="AJ20" s="101">
        <v>5</v>
      </c>
      <c r="AK20" s="102">
        <v>8</v>
      </c>
      <c r="AL20" s="103">
        <v>13</v>
      </c>
      <c r="AM20" s="413">
        <v>0</v>
      </c>
      <c r="AN20" s="102">
        <v>15</v>
      </c>
      <c r="AO20" s="102">
        <v>9</v>
      </c>
      <c r="AP20" s="102">
        <v>6</v>
      </c>
      <c r="AQ20" s="102">
        <v>1</v>
      </c>
      <c r="AR20" s="102">
        <v>3</v>
      </c>
      <c r="AS20" s="103">
        <v>34</v>
      </c>
      <c r="AT20" s="104">
        <v>47</v>
      </c>
      <c r="AU20" s="101">
        <v>21</v>
      </c>
      <c r="AV20" s="102">
        <v>17</v>
      </c>
      <c r="AW20" s="103">
        <v>38</v>
      </c>
      <c r="AX20" s="413">
        <v>0</v>
      </c>
      <c r="AY20" s="102">
        <v>23</v>
      </c>
      <c r="AZ20" s="102">
        <v>31</v>
      </c>
      <c r="BA20" s="102">
        <v>14</v>
      </c>
      <c r="BB20" s="102">
        <v>10</v>
      </c>
      <c r="BC20" s="102">
        <v>4</v>
      </c>
      <c r="BD20" s="103">
        <v>82</v>
      </c>
      <c r="BE20" s="104">
        <v>120</v>
      </c>
      <c r="BF20" s="101">
        <v>25</v>
      </c>
      <c r="BG20" s="102">
        <v>11</v>
      </c>
      <c r="BH20" s="103">
        <v>36</v>
      </c>
      <c r="BI20" s="413">
        <v>0</v>
      </c>
      <c r="BJ20" s="102">
        <v>35</v>
      </c>
      <c r="BK20" s="102">
        <v>37</v>
      </c>
      <c r="BL20" s="102">
        <v>21</v>
      </c>
      <c r="BM20" s="102">
        <v>12</v>
      </c>
      <c r="BN20" s="102">
        <v>6</v>
      </c>
      <c r="BO20" s="103">
        <v>111</v>
      </c>
      <c r="BP20" s="104">
        <v>147</v>
      </c>
      <c r="BQ20" s="101">
        <v>20</v>
      </c>
      <c r="BR20" s="102">
        <v>19</v>
      </c>
      <c r="BS20" s="103">
        <v>39</v>
      </c>
      <c r="BT20" s="413">
        <v>0</v>
      </c>
      <c r="BU20" s="102">
        <v>24</v>
      </c>
      <c r="BV20" s="102">
        <v>33</v>
      </c>
      <c r="BW20" s="102">
        <v>20</v>
      </c>
      <c r="BX20" s="102">
        <v>13</v>
      </c>
      <c r="BY20" s="102">
        <v>8</v>
      </c>
      <c r="BZ20" s="103">
        <v>98</v>
      </c>
      <c r="CA20" s="104">
        <v>137</v>
      </c>
      <c r="CB20" s="101">
        <v>0</v>
      </c>
      <c r="CC20" s="102">
        <v>0</v>
      </c>
      <c r="CD20" s="103">
        <v>0</v>
      </c>
      <c r="CE20" s="413">
        <v>0</v>
      </c>
      <c r="CF20" s="102">
        <v>0</v>
      </c>
      <c r="CG20" s="102">
        <v>0</v>
      </c>
      <c r="CH20" s="102">
        <v>0</v>
      </c>
      <c r="CI20" s="102">
        <v>0</v>
      </c>
      <c r="CJ20" s="102">
        <v>0</v>
      </c>
      <c r="CK20" s="103">
        <v>0</v>
      </c>
      <c r="CL20" s="104">
        <v>0</v>
      </c>
      <c r="CM20" s="101">
        <v>73</v>
      </c>
      <c r="CN20" s="102">
        <v>61</v>
      </c>
      <c r="CO20" s="103">
        <v>134</v>
      </c>
      <c r="CP20" s="413">
        <v>0</v>
      </c>
      <c r="CQ20" s="102">
        <v>105</v>
      </c>
      <c r="CR20" s="102">
        <v>117</v>
      </c>
      <c r="CS20" s="102">
        <v>66</v>
      </c>
      <c r="CT20" s="102">
        <v>38</v>
      </c>
      <c r="CU20" s="102">
        <v>23</v>
      </c>
      <c r="CV20" s="103">
        <v>349</v>
      </c>
      <c r="CW20" s="104">
        <v>483</v>
      </c>
      <c r="CX20" s="105">
        <v>7</v>
      </c>
      <c r="CY20" s="97">
        <v>7</v>
      </c>
      <c r="CZ20" s="98">
        <v>14</v>
      </c>
      <c r="DA20" s="413">
        <v>0</v>
      </c>
      <c r="DB20" s="97">
        <v>9</v>
      </c>
      <c r="DC20" s="97">
        <v>19</v>
      </c>
      <c r="DD20" s="97">
        <v>11</v>
      </c>
      <c r="DE20" s="97">
        <v>13</v>
      </c>
      <c r="DF20" s="97">
        <v>7</v>
      </c>
      <c r="DG20" s="99">
        <v>59</v>
      </c>
      <c r="DH20" s="100">
        <v>73</v>
      </c>
      <c r="DI20" s="101">
        <v>0</v>
      </c>
      <c r="DJ20" s="102">
        <v>0</v>
      </c>
      <c r="DK20" s="103">
        <v>0</v>
      </c>
      <c r="DL20" s="413">
        <v>0</v>
      </c>
      <c r="DM20" s="102">
        <v>0</v>
      </c>
      <c r="DN20" s="102">
        <v>3</v>
      </c>
      <c r="DO20" s="102">
        <v>0</v>
      </c>
      <c r="DP20" s="102">
        <v>2</v>
      </c>
      <c r="DQ20" s="102">
        <v>0</v>
      </c>
      <c r="DR20" s="103">
        <v>5</v>
      </c>
      <c r="DS20" s="104">
        <v>5</v>
      </c>
      <c r="DT20" s="101">
        <v>0</v>
      </c>
      <c r="DU20" s="102">
        <v>0</v>
      </c>
      <c r="DV20" s="103">
        <v>0</v>
      </c>
      <c r="DW20" s="413">
        <v>0</v>
      </c>
      <c r="DX20" s="102">
        <v>0</v>
      </c>
      <c r="DY20" s="102">
        <v>0</v>
      </c>
      <c r="DZ20" s="102">
        <v>1</v>
      </c>
      <c r="EA20" s="102">
        <v>0</v>
      </c>
      <c r="EB20" s="102">
        <v>0</v>
      </c>
      <c r="EC20" s="103">
        <v>1</v>
      </c>
      <c r="ED20" s="104">
        <v>1</v>
      </c>
      <c r="EE20" s="101">
        <v>4</v>
      </c>
      <c r="EF20" s="102">
        <v>3</v>
      </c>
      <c r="EG20" s="103">
        <v>7</v>
      </c>
      <c r="EH20" s="413">
        <v>0</v>
      </c>
      <c r="EI20" s="102">
        <v>0</v>
      </c>
      <c r="EJ20" s="102">
        <v>1</v>
      </c>
      <c r="EK20" s="102">
        <v>0</v>
      </c>
      <c r="EL20" s="102">
        <v>0</v>
      </c>
      <c r="EM20" s="102">
        <v>1</v>
      </c>
      <c r="EN20" s="103">
        <v>2</v>
      </c>
      <c r="EO20" s="104">
        <v>9</v>
      </c>
      <c r="EP20" s="101">
        <v>2</v>
      </c>
      <c r="EQ20" s="102">
        <v>1</v>
      </c>
      <c r="ER20" s="103">
        <v>3</v>
      </c>
      <c r="ES20" s="413">
        <v>0</v>
      </c>
      <c r="ET20" s="102">
        <v>3</v>
      </c>
      <c r="EU20" s="102">
        <v>2</v>
      </c>
      <c r="EV20" s="102">
        <v>2</v>
      </c>
      <c r="EW20" s="102">
        <v>0</v>
      </c>
      <c r="EX20" s="102">
        <v>0</v>
      </c>
      <c r="EY20" s="103">
        <v>7</v>
      </c>
      <c r="EZ20" s="104">
        <v>10</v>
      </c>
      <c r="FA20" s="101">
        <v>1</v>
      </c>
      <c r="FB20" s="102">
        <v>2</v>
      </c>
      <c r="FC20" s="103">
        <v>3</v>
      </c>
      <c r="FD20" s="413">
        <v>0</v>
      </c>
      <c r="FE20" s="102">
        <v>3</v>
      </c>
      <c r="FF20" s="102">
        <v>6</v>
      </c>
      <c r="FG20" s="102">
        <v>3</v>
      </c>
      <c r="FH20" s="102">
        <v>3</v>
      </c>
      <c r="FI20" s="102">
        <v>0</v>
      </c>
      <c r="FJ20" s="103">
        <v>15</v>
      </c>
      <c r="FK20" s="104">
        <v>18</v>
      </c>
      <c r="FL20" s="101">
        <v>0</v>
      </c>
      <c r="FM20" s="102">
        <v>1</v>
      </c>
      <c r="FN20" s="103">
        <v>1</v>
      </c>
      <c r="FO20" s="413">
        <v>0</v>
      </c>
      <c r="FP20" s="102">
        <v>3</v>
      </c>
      <c r="FQ20" s="102">
        <v>7</v>
      </c>
      <c r="FR20" s="102">
        <v>5</v>
      </c>
      <c r="FS20" s="102">
        <v>8</v>
      </c>
      <c r="FT20" s="102">
        <v>6</v>
      </c>
      <c r="FU20" s="103">
        <v>29</v>
      </c>
      <c r="FV20" s="104">
        <v>30</v>
      </c>
      <c r="FW20" s="101">
        <v>0</v>
      </c>
      <c r="FX20" s="102">
        <v>0</v>
      </c>
      <c r="FY20" s="103">
        <v>0</v>
      </c>
      <c r="FZ20" s="413">
        <v>0</v>
      </c>
      <c r="GA20" s="102">
        <v>0</v>
      </c>
      <c r="GB20" s="102">
        <v>0</v>
      </c>
      <c r="GC20" s="102">
        <v>0</v>
      </c>
      <c r="GD20" s="102">
        <v>0</v>
      </c>
      <c r="GE20" s="102">
        <v>0</v>
      </c>
      <c r="GF20" s="103">
        <v>0</v>
      </c>
      <c r="GG20" s="104">
        <v>0</v>
      </c>
      <c r="GH20" s="101">
        <v>7</v>
      </c>
      <c r="GI20" s="102">
        <v>7</v>
      </c>
      <c r="GJ20" s="103">
        <v>14</v>
      </c>
      <c r="GK20" s="413">
        <v>0</v>
      </c>
      <c r="GL20" s="102">
        <v>9</v>
      </c>
      <c r="GM20" s="102">
        <v>19</v>
      </c>
      <c r="GN20" s="102">
        <v>11</v>
      </c>
      <c r="GO20" s="102">
        <v>13</v>
      </c>
      <c r="GP20" s="102">
        <v>7</v>
      </c>
      <c r="GQ20" s="103">
        <v>59</v>
      </c>
      <c r="GR20" s="104">
        <v>73</v>
      </c>
      <c r="GS20" s="105">
        <v>80</v>
      </c>
      <c r="GT20" s="97">
        <v>68</v>
      </c>
      <c r="GU20" s="98">
        <v>148</v>
      </c>
      <c r="GV20" s="413">
        <v>0</v>
      </c>
      <c r="GW20" s="97">
        <v>114</v>
      </c>
      <c r="GX20" s="97">
        <v>136</v>
      </c>
      <c r="GY20" s="97">
        <v>77</v>
      </c>
      <c r="GZ20" s="97">
        <v>51</v>
      </c>
      <c r="HA20" s="97">
        <v>30</v>
      </c>
      <c r="HB20" s="99">
        <v>408</v>
      </c>
      <c r="HC20" s="100">
        <v>556</v>
      </c>
      <c r="HD20" s="101">
        <v>1</v>
      </c>
      <c r="HE20" s="102">
        <v>3</v>
      </c>
      <c r="HF20" s="103">
        <v>4</v>
      </c>
      <c r="HG20" s="413">
        <v>0</v>
      </c>
      <c r="HH20" s="102">
        <v>3</v>
      </c>
      <c r="HI20" s="102">
        <v>3</v>
      </c>
      <c r="HJ20" s="102">
        <v>3</v>
      </c>
      <c r="HK20" s="102">
        <v>3</v>
      </c>
      <c r="HL20" s="102">
        <v>1</v>
      </c>
      <c r="HM20" s="103">
        <v>13</v>
      </c>
      <c r="HN20" s="104">
        <v>17</v>
      </c>
      <c r="HO20" s="101">
        <v>1</v>
      </c>
      <c r="HP20" s="102">
        <v>3</v>
      </c>
      <c r="HQ20" s="103">
        <v>4</v>
      </c>
      <c r="HR20" s="413">
        <v>0</v>
      </c>
      <c r="HS20" s="102">
        <v>5</v>
      </c>
      <c r="HT20" s="102">
        <v>7</v>
      </c>
      <c r="HU20" s="102">
        <v>3</v>
      </c>
      <c r="HV20" s="102">
        <v>1</v>
      </c>
      <c r="HW20" s="102">
        <v>1</v>
      </c>
      <c r="HX20" s="103">
        <v>17</v>
      </c>
      <c r="HY20" s="104">
        <v>21</v>
      </c>
      <c r="HZ20" s="101">
        <v>9</v>
      </c>
      <c r="IA20" s="102">
        <v>11</v>
      </c>
      <c r="IB20" s="103">
        <v>20</v>
      </c>
      <c r="IC20" s="413">
        <v>0</v>
      </c>
      <c r="ID20" s="102">
        <v>15</v>
      </c>
      <c r="IE20" s="102">
        <v>10</v>
      </c>
      <c r="IF20" s="102">
        <v>6</v>
      </c>
      <c r="IG20" s="102">
        <v>1</v>
      </c>
      <c r="IH20" s="102">
        <v>4</v>
      </c>
      <c r="II20" s="103">
        <v>36</v>
      </c>
      <c r="IJ20" s="104">
        <v>56</v>
      </c>
      <c r="IK20" s="101">
        <v>23</v>
      </c>
      <c r="IL20" s="102">
        <v>18</v>
      </c>
      <c r="IM20" s="103">
        <v>41</v>
      </c>
      <c r="IN20" s="413">
        <v>0</v>
      </c>
      <c r="IO20" s="102">
        <v>26</v>
      </c>
      <c r="IP20" s="102">
        <v>33</v>
      </c>
      <c r="IQ20" s="102">
        <v>16</v>
      </c>
      <c r="IR20" s="102">
        <v>10</v>
      </c>
      <c r="IS20" s="102">
        <v>4</v>
      </c>
      <c r="IT20" s="103">
        <v>89</v>
      </c>
      <c r="IU20" s="104">
        <v>130</v>
      </c>
      <c r="IV20" s="101">
        <v>26</v>
      </c>
      <c r="IW20" s="102">
        <v>13</v>
      </c>
      <c r="IX20" s="103">
        <v>39</v>
      </c>
      <c r="IY20" s="413">
        <v>0</v>
      </c>
      <c r="IZ20" s="102">
        <v>38</v>
      </c>
      <c r="JA20" s="102">
        <v>43</v>
      </c>
      <c r="JB20" s="102">
        <v>24</v>
      </c>
      <c r="JC20" s="102">
        <v>15</v>
      </c>
      <c r="JD20" s="102">
        <v>6</v>
      </c>
      <c r="JE20" s="103">
        <v>126</v>
      </c>
      <c r="JF20" s="104">
        <v>165</v>
      </c>
      <c r="JG20" s="101">
        <v>20</v>
      </c>
      <c r="JH20" s="102">
        <v>20</v>
      </c>
      <c r="JI20" s="103">
        <v>40</v>
      </c>
      <c r="JJ20" s="413">
        <v>0</v>
      </c>
      <c r="JK20" s="102">
        <v>27</v>
      </c>
      <c r="JL20" s="102">
        <v>40</v>
      </c>
      <c r="JM20" s="102">
        <v>25</v>
      </c>
      <c r="JN20" s="102">
        <v>21</v>
      </c>
      <c r="JO20" s="102">
        <v>14</v>
      </c>
      <c r="JP20" s="103">
        <v>127</v>
      </c>
      <c r="JQ20" s="104">
        <v>167</v>
      </c>
      <c r="JR20" s="101">
        <v>0</v>
      </c>
      <c r="JS20" s="102">
        <v>0</v>
      </c>
      <c r="JT20" s="103">
        <v>0</v>
      </c>
      <c r="JU20" s="413">
        <v>0</v>
      </c>
      <c r="JV20" s="102">
        <v>0</v>
      </c>
      <c r="JW20" s="102">
        <v>0</v>
      </c>
      <c r="JX20" s="102">
        <v>0</v>
      </c>
      <c r="JY20" s="102">
        <v>0</v>
      </c>
      <c r="JZ20" s="102">
        <v>0</v>
      </c>
      <c r="KA20" s="103">
        <v>0</v>
      </c>
      <c r="KB20" s="104">
        <v>0</v>
      </c>
      <c r="KC20" s="101">
        <v>80</v>
      </c>
      <c r="KD20" s="102">
        <v>68</v>
      </c>
      <c r="KE20" s="103">
        <v>148</v>
      </c>
      <c r="KF20" s="413">
        <v>0</v>
      </c>
      <c r="KG20" s="102">
        <v>114</v>
      </c>
      <c r="KH20" s="102">
        <v>136</v>
      </c>
      <c r="KI20" s="102">
        <v>77</v>
      </c>
      <c r="KJ20" s="102">
        <v>51</v>
      </c>
      <c r="KK20" s="102">
        <v>30</v>
      </c>
      <c r="KL20" s="103">
        <v>408</v>
      </c>
      <c r="KM20" s="104">
        <v>556</v>
      </c>
    </row>
    <row r="21" spans="2:299" s="70" customFormat="1" ht="21" customHeight="1" x14ac:dyDescent="0.2">
      <c r="B21" s="106" t="s">
        <v>18</v>
      </c>
      <c r="C21" s="96">
        <v>70</v>
      </c>
      <c r="D21" s="97">
        <v>81</v>
      </c>
      <c r="E21" s="98">
        <v>151</v>
      </c>
      <c r="F21" s="413">
        <v>0</v>
      </c>
      <c r="G21" s="97">
        <v>153</v>
      </c>
      <c r="H21" s="97">
        <v>116</v>
      </c>
      <c r="I21" s="97">
        <v>88</v>
      </c>
      <c r="J21" s="97">
        <v>61</v>
      </c>
      <c r="K21" s="97">
        <v>39</v>
      </c>
      <c r="L21" s="99">
        <v>457</v>
      </c>
      <c r="M21" s="100">
        <v>608</v>
      </c>
      <c r="N21" s="101">
        <v>2</v>
      </c>
      <c r="O21" s="102">
        <v>2</v>
      </c>
      <c r="P21" s="103">
        <v>4</v>
      </c>
      <c r="Q21" s="413">
        <v>0</v>
      </c>
      <c r="R21" s="102">
        <v>5</v>
      </c>
      <c r="S21" s="102">
        <v>2</v>
      </c>
      <c r="T21" s="102">
        <v>0</v>
      </c>
      <c r="U21" s="102">
        <v>2</v>
      </c>
      <c r="V21" s="102">
        <v>1</v>
      </c>
      <c r="W21" s="103">
        <v>10</v>
      </c>
      <c r="X21" s="104">
        <v>14</v>
      </c>
      <c r="Y21" s="101">
        <v>2</v>
      </c>
      <c r="Z21" s="102">
        <v>3</v>
      </c>
      <c r="AA21" s="103">
        <v>5</v>
      </c>
      <c r="AB21" s="413">
        <v>0</v>
      </c>
      <c r="AC21" s="102">
        <v>10</v>
      </c>
      <c r="AD21" s="102">
        <v>8</v>
      </c>
      <c r="AE21" s="102">
        <v>5</v>
      </c>
      <c r="AF21" s="102">
        <v>3</v>
      </c>
      <c r="AG21" s="102">
        <v>4</v>
      </c>
      <c r="AH21" s="103">
        <v>30</v>
      </c>
      <c r="AI21" s="104">
        <v>35</v>
      </c>
      <c r="AJ21" s="101">
        <v>8</v>
      </c>
      <c r="AK21" s="102">
        <v>9</v>
      </c>
      <c r="AL21" s="103">
        <v>17</v>
      </c>
      <c r="AM21" s="413">
        <v>0</v>
      </c>
      <c r="AN21" s="102">
        <v>12</v>
      </c>
      <c r="AO21" s="102">
        <v>6</v>
      </c>
      <c r="AP21" s="102">
        <v>4</v>
      </c>
      <c r="AQ21" s="102">
        <v>7</v>
      </c>
      <c r="AR21" s="102">
        <v>4</v>
      </c>
      <c r="AS21" s="103">
        <v>33</v>
      </c>
      <c r="AT21" s="104">
        <v>50</v>
      </c>
      <c r="AU21" s="101">
        <v>19</v>
      </c>
      <c r="AV21" s="102">
        <v>10</v>
      </c>
      <c r="AW21" s="103">
        <v>29</v>
      </c>
      <c r="AX21" s="413">
        <v>0</v>
      </c>
      <c r="AY21" s="102">
        <v>26</v>
      </c>
      <c r="AZ21" s="102">
        <v>27</v>
      </c>
      <c r="BA21" s="102">
        <v>7</v>
      </c>
      <c r="BB21" s="102">
        <v>9</v>
      </c>
      <c r="BC21" s="102">
        <v>5</v>
      </c>
      <c r="BD21" s="103">
        <v>74</v>
      </c>
      <c r="BE21" s="104">
        <v>103</v>
      </c>
      <c r="BF21" s="101">
        <v>22</v>
      </c>
      <c r="BG21" s="102">
        <v>26</v>
      </c>
      <c r="BH21" s="103">
        <v>48</v>
      </c>
      <c r="BI21" s="413">
        <v>0</v>
      </c>
      <c r="BJ21" s="102">
        <v>51</v>
      </c>
      <c r="BK21" s="102">
        <v>33</v>
      </c>
      <c r="BL21" s="102">
        <v>38</v>
      </c>
      <c r="BM21" s="102">
        <v>19</v>
      </c>
      <c r="BN21" s="102">
        <v>10</v>
      </c>
      <c r="BO21" s="103">
        <v>151</v>
      </c>
      <c r="BP21" s="104">
        <v>199</v>
      </c>
      <c r="BQ21" s="101">
        <v>17</v>
      </c>
      <c r="BR21" s="102">
        <v>31</v>
      </c>
      <c r="BS21" s="103">
        <v>48</v>
      </c>
      <c r="BT21" s="413">
        <v>0</v>
      </c>
      <c r="BU21" s="102">
        <v>49</v>
      </c>
      <c r="BV21" s="102">
        <v>40</v>
      </c>
      <c r="BW21" s="102">
        <v>34</v>
      </c>
      <c r="BX21" s="102">
        <v>21</v>
      </c>
      <c r="BY21" s="102">
        <v>15</v>
      </c>
      <c r="BZ21" s="103">
        <v>159</v>
      </c>
      <c r="CA21" s="104">
        <v>207</v>
      </c>
      <c r="CB21" s="101">
        <v>0</v>
      </c>
      <c r="CC21" s="102">
        <v>0</v>
      </c>
      <c r="CD21" s="103">
        <v>0</v>
      </c>
      <c r="CE21" s="413">
        <v>0</v>
      </c>
      <c r="CF21" s="102">
        <v>0</v>
      </c>
      <c r="CG21" s="102">
        <v>0</v>
      </c>
      <c r="CH21" s="102">
        <v>0</v>
      </c>
      <c r="CI21" s="102">
        <v>0</v>
      </c>
      <c r="CJ21" s="102">
        <v>0</v>
      </c>
      <c r="CK21" s="103">
        <v>0</v>
      </c>
      <c r="CL21" s="104">
        <v>0</v>
      </c>
      <c r="CM21" s="101">
        <v>70</v>
      </c>
      <c r="CN21" s="102">
        <v>81</v>
      </c>
      <c r="CO21" s="103">
        <v>151</v>
      </c>
      <c r="CP21" s="413">
        <v>0</v>
      </c>
      <c r="CQ21" s="102">
        <v>153</v>
      </c>
      <c r="CR21" s="102">
        <v>116</v>
      </c>
      <c r="CS21" s="102">
        <v>88</v>
      </c>
      <c r="CT21" s="102">
        <v>61</v>
      </c>
      <c r="CU21" s="102">
        <v>39</v>
      </c>
      <c r="CV21" s="103">
        <v>457</v>
      </c>
      <c r="CW21" s="104">
        <v>608</v>
      </c>
      <c r="CX21" s="105">
        <v>10</v>
      </c>
      <c r="CY21" s="97">
        <v>20</v>
      </c>
      <c r="CZ21" s="98">
        <v>30</v>
      </c>
      <c r="DA21" s="413">
        <v>0</v>
      </c>
      <c r="DB21" s="97">
        <v>25</v>
      </c>
      <c r="DC21" s="97">
        <v>13</v>
      </c>
      <c r="DD21" s="97">
        <v>8</v>
      </c>
      <c r="DE21" s="97">
        <v>5</v>
      </c>
      <c r="DF21" s="97">
        <v>7</v>
      </c>
      <c r="DG21" s="99">
        <v>58</v>
      </c>
      <c r="DH21" s="100">
        <v>88</v>
      </c>
      <c r="DI21" s="101">
        <v>0</v>
      </c>
      <c r="DJ21" s="102">
        <v>0</v>
      </c>
      <c r="DK21" s="103">
        <v>0</v>
      </c>
      <c r="DL21" s="413">
        <v>0</v>
      </c>
      <c r="DM21" s="102">
        <v>0</v>
      </c>
      <c r="DN21" s="102">
        <v>0</v>
      </c>
      <c r="DO21" s="102">
        <v>0</v>
      </c>
      <c r="DP21" s="102">
        <v>0</v>
      </c>
      <c r="DQ21" s="102">
        <v>2</v>
      </c>
      <c r="DR21" s="103">
        <v>2</v>
      </c>
      <c r="DS21" s="104">
        <v>2</v>
      </c>
      <c r="DT21" s="101">
        <v>1</v>
      </c>
      <c r="DU21" s="102">
        <v>3</v>
      </c>
      <c r="DV21" s="103">
        <v>4</v>
      </c>
      <c r="DW21" s="413">
        <v>0</v>
      </c>
      <c r="DX21" s="102">
        <v>1</v>
      </c>
      <c r="DY21" s="102">
        <v>2</v>
      </c>
      <c r="DZ21" s="102">
        <v>1</v>
      </c>
      <c r="EA21" s="102">
        <v>0</v>
      </c>
      <c r="EB21" s="102">
        <v>0</v>
      </c>
      <c r="EC21" s="103">
        <v>4</v>
      </c>
      <c r="ED21" s="104">
        <v>8</v>
      </c>
      <c r="EE21" s="101">
        <v>3</v>
      </c>
      <c r="EF21" s="102">
        <v>5</v>
      </c>
      <c r="EG21" s="103">
        <v>8</v>
      </c>
      <c r="EH21" s="413">
        <v>0</v>
      </c>
      <c r="EI21" s="102">
        <v>4</v>
      </c>
      <c r="EJ21" s="102">
        <v>0</v>
      </c>
      <c r="EK21" s="102">
        <v>0</v>
      </c>
      <c r="EL21" s="102">
        <v>0</v>
      </c>
      <c r="EM21" s="102">
        <v>0</v>
      </c>
      <c r="EN21" s="103">
        <v>4</v>
      </c>
      <c r="EO21" s="104">
        <v>12</v>
      </c>
      <c r="EP21" s="101">
        <v>3</v>
      </c>
      <c r="EQ21" s="102">
        <v>8</v>
      </c>
      <c r="ER21" s="103">
        <v>11</v>
      </c>
      <c r="ES21" s="413">
        <v>0</v>
      </c>
      <c r="ET21" s="102">
        <v>7</v>
      </c>
      <c r="EU21" s="102">
        <v>1</v>
      </c>
      <c r="EV21" s="102">
        <v>1</v>
      </c>
      <c r="EW21" s="102">
        <v>0</v>
      </c>
      <c r="EX21" s="102">
        <v>0</v>
      </c>
      <c r="EY21" s="103">
        <v>9</v>
      </c>
      <c r="EZ21" s="104">
        <v>20</v>
      </c>
      <c r="FA21" s="101">
        <v>1</v>
      </c>
      <c r="FB21" s="102">
        <v>2</v>
      </c>
      <c r="FC21" s="103">
        <v>3</v>
      </c>
      <c r="FD21" s="413">
        <v>0</v>
      </c>
      <c r="FE21" s="102">
        <v>6</v>
      </c>
      <c r="FF21" s="102">
        <v>5</v>
      </c>
      <c r="FG21" s="102">
        <v>3</v>
      </c>
      <c r="FH21" s="102">
        <v>0</v>
      </c>
      <c r="FI21" s="102">
        <v>1</v>
      </c>
      <c r="FJ21" s="103">
        <v>15</v>
      </c>
      <c r="FK21" s="104">
        <v>18</v>
      </c>
      <c r="FL21" s="101">
        <v>2</v>
      </c>
      <c r="FM21" s="102">
        <v>2</v>
      </c>
      <c r="FN21" s="103">
        <v>4</v>
      </c>
      <c r="FO21" s="413">
        <v>0</v>
      </c>
      <c r="FP21" s="102">
        <v>7</v>
      </c>
      <c r="FQ21" s="102">
        <v>5</v>
      </c>
      <c r="FR21" s="102">
        <v>3</v>
      </c>
      <c r="FS21" s="102">
        <v>5</v>
      </c>
      <c r="FT21" s="102">
        <v>4</v>
      </c>
      <c r="FU21" s="103">
        <v>24</v>
      </c>
      <c r="FV21" s="104">
        <v>28</v>
      </c>
      <c r="FW21" s="101">
        <v>0</v>
      </c>
      <c r="FX21" s="102">
        <v>0</v>
      </c>
      <c r="FY21" s="103">
        <v>0</v>
      </c>
      <c r="FZ21" s="413">
        <v>0</v>
      </c>
      <c r="GA21" s="102">
        <v>0</v>
      </c>
      <c r="GB21" s="102">
        <v>0</v>
      </c>
      <c r="GC21" s="102">
        <v>0</v>
      </c>
      <c r="GD21" s="102">
        <v>0</v>
      </c>
      <c r="GE21" s="102">
        <v>0</v>
      </c>
      <c r="GF21" s="103">
        <v>0</v>
      </c>
      <c r="GG21" s="104">
        <v>0</v>
      </c>
      <c r="GH21" s="101">
        <v>10</v>
      </c>
      <c r="GI21" s="102">
        <v>20</v>
      </c>
      <c r="GJ21" s="103">
        <v>30</v>
      </c>
      <c r="GK21" s="413">
        <v>0</v>
      </c>
      <c r="GL21" s="102">
        <v>25</v>
      </c>
      <c r="GM21" s="102">
        <v>13</v>
      </c>
      <c r="GN21" s="102">
        <v>8</v>
      </c>
      <c r="GO21" s="102">
        <v>5</v>
      </c>
      <c r="GP21" s="102">
        <v>7</v>
      </c>
      <c r="GQ21" s="103">
        <v>58</v>
      </c>
      <c r="GR21" s="104">
        <v>88</v>
      </c>
      <c r="GS21" s="105">
        <v>80</v>
      </c>
      <c r="GT21" s="97">
        <v>101</v>
      </c>
      <c r="GU21" s="98">
        <v>181</v>
      </c>
      <c r="GV21" s="413">
        <v>0</v>
      </c>
      <c r="GW21" s="97">
        <v>178</v>
      </c>
      <c r="GX21" s="97">
        <v>129</v>
      </c>
      <c r="GY21" s="97">
        <v>96</v>
      </c>
      <c r="GZ21" s="97">
        <v>66</v>
      </c>
      <c r="HA21" s="97">
        <v>46</v>
      </c>
      <c r="HB21" s="99">
        <v>515</v>
      </c>
      <c r="HC21" s="100">
        <v>696</v>
      </c>
      <c r="HD21" s="101">
        <v>2</v>
      </c>
      <c r="HE21" s="102">
        <v>2</v>
      </c>
      <c r="HF21" s="103">
        <v>4</v>
      </c>
      <c r="HG21" s="413">
        <v>0</v>
      </c>
      <c r="HH21" s="102">
        <v>5</v>
      </c>
      <c r="HI21" s="102">
        <v>2</v>
      </c>
      <c r="HJ21" s="102">
        <v>0</v>
      </c>
      <c r="HK21" s="102">
        <v>2</v>
      </c>
      <c r="HL21" s="102">
        <v>3</v>
      </c>
      <c r="HM21" s="103">
        <v>12</v>
      </c>
      <c r="HN21" s="104">
        <v>16</v>
      </c>
      <c r="HO21" s="101">
        <v>3</v>
      </c>
      <c r="HP21" s="102">
        <v>6</v>
      </c>
      <c r="HQ21" s="103">
        <v>9</v>
      </c>
      <c r="HR21" s="413">
        <v>0</v>
      </c>
      <c r="HS21" s="102">
        <v>11</v>
      </c>
      <c r="HT21" s="102">
        <v>10</v>
      </c>
      <c r="HU21" s="102">
        <v>6</v>
      </c>
      <c r="HV21" s="102">
        <v>3</v>
      </c>
      <c r="HW21" s="102">
        <v>4</v>
      </c>
      <c r="HX21" s="103">
        <v>34</v>
      </c>
      <c r="HY21" s="104">
        <v>43</v>
      </c>
      <c r="HZ21" s="101">
        <v>11</v>
      </c>
      <c r="IA21" s="102">
        <v>14</v>
      </c>
      <c r="IB21" s="103">
        <v>25</v>
      </c>
      <c r="IC21" s="413">
        <v>0</v>
      </c>
      <c r="ID21" s="102">
        <v>16</v>
      </c>
      <c r="IE21" s="102">
        <v>6</v>
      </c>
      <c r="IF21" s="102">
        <v>4</v>
      </c>
      <c r="IG21" s="102">
        <v>7</v>
      </c>
      <c r="IH21" s="102">
        <v>4</v>
      </c>
      <c r="II21" s="103">
        <v>37</v>
      </c>
      <c r="IJ21" s="104">
        <v>62</v>
      </c>
      <c r="IK21" s="101">
        <v>22</v>
      </c>
      <c r="IL21" s="102">
        <v>18</v>
      </c>
      <c r="IM21" s="103">
        <v>40</v>
      </c>
      <c r="IN21" s="413">
        <v>0</v>
      </c>
      <c r="IO21" s="102">
        <v>33</v>
      </c>
      <c r="IP21" s="102">
        <v>28</v>
      </c>
      <c r="IQ21" s="102">
        <v>8</v>
      </c>
      <c r="IR21" s="102">
        <v>9</v>
      </c>
      <c r="IS21" s="102">
        <v>5</v>
      </c>
      <c r="IT21" s="103">
        <v>83</v>
      </c>
      <c r="IU21" s="104">
        <v>123</v>
      </c>
      <c r="IV21" s="101">
        <v>23</v>
      </c>
      <c r="IW21" s="102">
        <v>28</v>
      </c>
      <c r="IX21" s="103">
        <v>51</v>
      </c>
      <c r="IY21" s="413">
        <v>0</v>
      </c>
      <c r="IZ21" s="102">
        <v>57</v>
      </c>
      <c r="JA21" s="102">
        <v>38</v>
      </c>
      <c r="JB21" s="102">
        <v>41</v>
      </c>
      <c r="JC21" s="102">
        <v>19</v>
      </c>
      <c r="JD21" s="102">
        <v>11</v>
      </c>
      <c r="JE21" s="103">
        <v>166</v>
      </c>
      <c r="JF21" s="104">
        <v>217</v>
      </c>
      <c r="JG21" s="101">
        <v>19</v>
      </c>
      <c r="JH21" s="102">
        <v>33</v>
      </c>
      <c r="JI21" s="103">
        <v>52</v>
      </c>
      <c r="JJ21" s="413">
        <v>0</v>
      </c>
      <c r="JK21" s="102">
        <v>56</v>
      </c>
      <c r="JL21" s="102">
        <v>45</v>
      </c>
      <c r="JM21" s="102">
        <v>37</v>
      </c>
      <c r="JN21" s="102">
        <v>26</v>
      </c>
      <c r="JO21" s="102">
        <v>19</v>
      </c>
      <c r="JP21" s="103">
        <v>183</v>
      </c>
      <c r="JQ21" s="104">
        <v>235</v>
      </c>
      <c r="JR21" s="101">
        <v>0</v>
      </c>
      <c r="JS21" s="102">
        <v>0</v>
      </c>
      <c r="JT21" s="103">
        <v>0</v>
      </c>
      <c r="JU21" s="413">
        <v>0</v>
      </c>
      <c r="JV21" s="102">
        <v>0</v>
      </c>
      <c r="JW21" s="102">
        <v>0</v>
      </c>
      <c r="JX21" s="102">
        <v>0</v>
      </c>
      <c r="JY21" s="102">
        <v>0</v>
      </c>
      <c r="JZ21" s="102">
        <v>0</v>
      </c>
      <c r="KA21" s="103">
        <v>0</v>
      </c>
      <c r="KB21" s="104">
        <v>0</v>
      </c>
      <c r="KC21" s="101">
        <v>80</v>
      </c>
      <c r="KD21" s="102">
        <v>101</v>
      </c>
      <c r="KE21" s="103">
        <v>181</v>
      </c>
      <c r="KF21" s="413">
        <v>0</v>
      </c>
      <c r="KG21" s="102">
        <v>178</v>
      </c>
      <c r="KH21" s="102">
        <v>129</v>
      </c>
      <c r="KI21" s="102">
        <v>96</v>
      </c>
      <c r="KJ21" s="102">
        <v>66</v>
      </c>
      <c r="KK21" s="102">
        <v>46</v>
      </c>
      <c r="KL21" s="103">
        <v>515</v>
      </c>
      <c r="KM21" s="104">
        <v>696</v>
      </c>
    </row>
    <row r="22" spans="2:299" s="70" customFormat="1" ht="21" customHeight="1" x14ac:dyDescent="0.2">
      <c r="B22" s="106" t="s">
        <v>19</v>
      </c>
      <c r="C22" s="96">
        <v>39</v>
      </c>
      <c r="D22" s="97">
        <v>34</v>
      </c>
      <c r="E22" s="98">
        <v>73</v>
      </c>
      <c r="F22" s="413">
        <v>0</v>
      </c>
      <c r="G22" s="97">
        <v>69</v>
      </c>
      <c r="H22" s="97">
        <v>47</v>
      </c>
      <c r="I22" s="97">
        <v>28</v>
      </c>
      <c r="J22" s="97">
        <v>19</v>
      </c>
      <c r="K22" s="97">
        <v>22</v>
      </c>
      <c r="L22" s="99">
        <v>185</v>
      </c>
      <c r="M22" s="100">
        <v>258</v>
      </c>
      <c r="N22" s="107">
        <v>0</v>
      </c>
      <c r="O22" s="102">
        <v>2</v>
      </c>
      <c r="P22" s="103">
        <v>2</v>
      </c>
      <c r="Q22" s="413">
        <v>0</v>
      </c>
      <c r="R22" s="102">
        <v>1</v>
      </c>
      <c r="S22" s="102">
        <v>2</v>
      </c>
      <c r="T22" s="102">
        <v>1</v>
      </c>
      <c r="U22" s="102">
        <v>0</v>
      </c>
      <c r="V22" s="102">
        <v>2</v>
      </c>
      <c r="W22" s="103">
        <v>6</v>
      </c>
      <c r="X22" s="104">
        <v>8</v>
      </c>
      <c r="Y22" s="101">
        <v>1</v>
      </c>
      <c r="Z22" s="102">
        <v>1</v>
      </c>
      <c r="AA22" s="103">
        <v>2</v>
      </c>
      <c r="AB22" s="413">
        <v>0</v>
      </c>
      <c r="AC22" s="102">
        <v>3</v>
      </c>
      <c r="AD22" s="102">
        <v>3</v>
      </c>
      <c r="AE22" s="102">
        <v>0</v>
      </c>
      <c r="AF22" s="102">
        <v>1</v>
      </c>
      <c r="AG22" s="102">
        <v>0</v>
      </c>
      <c r="AH22" s="103">
        <v>7</v>
      </c>
      <c r="AI22" s="104">
        <v>9</v>
      </c>
      <c r="AJ22" s="107">
        <v>2</v>
      </c>
      <c r="AK22" s="102">
        <v>1</v>
      </c>
      <c r="AL22" s="103">
        <v>3</v>
      </c>
      <c r="AM22" s="413">
        <v>0</v>
      </c>
      <c r="AN22" s="102">
        <v>8</v>
      </c>
      <c r="AO22" s="102">
        <v>2</v>
      </c>
      <c r="AP22" s="102">
        <v>1</v>
      </c>
      <c r="AQ22" s="102">
        <v>1</v>
      </c>
      <c r="AR22" s="102">
        <v>1</v>
      </c>
      <c r="AS22" s="103">
        <v>13</v>
      </c>
      <c r="AT22" s="104">
        <v>16</v>
      </c>
      <c r="AU22" s="101">
        <v>8</v>
      </c>
      <c r="AV22" s="102">
        <v>7</v>
      </c>
      <c r="AW22" s="103">
        <v>15</v>
      </c>
      <c r="AX22" s="413">
        <v>0</v>
      </c>
      <c r="AY22" s="102">
        <v>9</v>
      </c>
      <c r="AZ22" s="102">
        <v>7</v>
      </c>
      <c r="BA22" s="102">
        <v>5</v>
      </c>
      <c r="BB22" s="102">
        <v>5</v>
      </c>
      <c r="BC22" s="102">
        <v>4</v>
      </c>
      <c r="BD22" s="103">
        <v>30</v>
      </c>
      <c r="BE22" s="104">
        <v>45</v>
      </c>
      <c r="BF22" s="107">
        <v>12</v>
      </c>
      <c r="BG22" s="102">
        <v>11</v>
      </c>
      <c r="BH22" s="103">
        <v>23</v>
      </c>
      <c r="BI22" s="413">
        <v>0</v>
      </c>
      <c r="BJ22" s="102">
        <v>27</v>
      </c>
      <c r="BK22" s="102">
        <v>11</v>
      </c>
      <c r="BL22" s="102">
        <v>10</v>
      </c>
      <c r="BM22" s="102">
        <v>9</v>
      </c>
      <c r="BN22" s="102">
        <v>10</v>
      </c>
      <c r="BO22" s="103">
        <v>67</v>
      </c>
      <c r="BP22" s="104">
        <v>90</v>
      </c>
      <c r="BQ22" s="101">
        <v>16</v>
      </c>
      <c r="BR22" s="102">
        <v>12</v>
      </c>
      <c r="BS22" s="103">
        <v>28</v>
      </c>
      <c r="BT22" s="413">
        <v>0</v>
      </c>
      <c r="BU22" s="102">
        <v>21</v>
      </c>
      <c r="BV22" s="102">
        <v>22</v>
      </c>
      <c r="BW22" s="102">
        <v>11</v>
      </c>
      <c r="BX22" s="102">
        <v>3</v>
      </c>
      <c r="BY22" s="102">
        <v>5</v>
      </c>
      <c r="BZ22" s="103">
        <v>62</v>
      </c>
      <c r="CA22" s="104">
        <v>90</v>
      </c>
      <c r="CB22" s="101">
        <v>0</v>
      </c>
      <c r="CC22" s="102">
        <v>0</v>
      </c>
      <c r="CD22" s="103">
        <v>0</v>
      </c>
      <c r="CE22" s="413">
        <v>0</v>
      </c>
      <c r="CF22" s="102">
        <v>0</v>
      </c>
      <c r="CG22" s="102">
        <v>0</v>
      </c>
      <c r="CH22" s="102">
        <v>0</v>
      </c>
      <c r="CI22" s="102">
        <v>0</v>
      </c>
      <c r="CJ22" s="102">
        <v>0</v>
      </c>
      <c r="CK22" s="103">
        <v>0</v>
      </c>
      <c r="CL22" s="104">
        <v>0</v>
      </c>
      <c r="CM22" s="101">
        <v>39</v>
      </c>
      <c r="CN22" s="102">
        <v>34</v>
      </c>
      <c r="CO22" s="103">
        <v>73</v>
      </c>
      <c r="CP22" s="413">
        <v>0</v>
      </c>
      <c r="CQ22" s="102">
        <v>69</v>
      </c>
      <c r="CR22" s="102">
        <v>47</v>
      </c>
      <c r="CS22" s="102">
        <v>28</v>
      </c>
      <c r="CT22" s="102">
        <v>19</v>
      </c>
      <c r="CU22" s="102">
        <v>22</v>
      </c>
      <c r="CV22" s="103">
        <v>185</v>
      </c>
      <c r="CW22" s="104">
        <v>258</v>
      </c>
      <c r="CX22" s="105">
        <v>5</v>
      </c>
      <c r="CY22" s="97">
        <v>4</v>
      </c>
      <c r="CZ22" s="98">
        <v>9</v>
      </c>
      <c r="DA22" s="413">
        <v>0</v>
      </c>
      <c r="DB22" s="97">
        <v>12</v>
      </c>
      <c r="DC22" s="97">
        <v>7</v>
      </c>
      <c r="DD22" s="97">
        <v>8</v>
      </c>
      <c r="DE22" s="97">
        <v>4</v>
      </c>
      <c r="DF22" s="97">
        <v>2</v>
      </c>
      <c r="DG22" s="99">
        <v>33</v>
      </c>
      <c r="DH22" s="100">
        <v>42</v>
      </c>
      <c r="DI22" s="107">
        <v>1</v>
      </c>
      <c r="DJ22" s="102">
        <v>0</v>
      </c>
      <c r="DK22" s="103">
        <v>1</v>
      </c>
      <c r="DL22" s="413">
        <v>0</v>
      </c>
      <c r="DM22" s="102">
        <v>0</v>
      </c>
      <c r="DN22" s="102">
        <v>1</v>
      </c>
      <c r="DO22" s="102">
        <v>0</v>
      </c>
      <c r="DP22" s="102">
        <v>0</v>
      </c>
      <c r="DQ22" s="102">
        <v>0</v>
      </c>
      <c r="DR22" s="103">
        <v>1</v>
      </c>
      <c r="DS22" s="104">
        <v>2</v>
      </c>
      <c r="DT22" s="101">
        <v>0</v>
      </c>
      <c r="DU22" s="102">
        <v>0</v>
      </c>
      <c r="DV22" s="103">
        <v>0</v>
      </c>
      <c r="DW22" s="413">
        <v>0</v>
      </c>
      <c r="DX22" s="102">
        <v>0</v>
      </c>
      <c r="DY22" s="102">
        <v>0</v>
      </c>
      <c r="DZ22" s="102">
        <v>0</v>
      </c>
      <c r="EA22" s="102">
        <v>0</v>
      </c>
      <c r="EB22" s="102">
        <v>0</v>
      </c>
      <c r="EC22" s="103">
        <v>0</v>
      </c>
      <c r="ED22" s="104">
        <v>0</v>
      </c>
      <c r="EE22" s="107">
        <v>0</v>
      </c>
      <c r="EF22" s="102">
        <v>1</v>
      </c>
      <c r="EG22" s="103">
        <v>1</v>
      </c>
      <c r="EH22" s="413">
        <v>0</v>
      </c>
      <c r="EI22" s="102">
        <v>0</v>
      </c>
      <c r="EJ22" s="102">
        <v>0</v>
      </c>
      <c r="EK22" s="102">
        <v>0</v>
      </c>
      <c r="EL22" s="102">
        <v>1</v>
      </c>
      <c r="EM22" s="102">
        <v>0</v>
      </c>
      <c r="EN22" s="103">
        <v>1</v>
      </c>
      <c r="EO22" s="104">
        <v>2</v>
      </c>
      <c r="EP22" s="101">
        <v>4</v>
      </c>
      <c r="EQ22" s="102">
        <v>1</v>
      </c>
      <c r="ER22" s="103">
        <v>5</v>
      </c>
      <c r="ES22" s="413">
        <v>0</v>
      </c>
      <c r="ET22" s="102">
        <v>5</v>
      </c>
      <c r="EU22" s="102">
        <v>2</v>
      </c>
      <c r="EV22" s="102">
        <v>1</v>
      </c>
      <c r="EW22" s="102">
        <v>0</v>
      </c>
      <c r="EX22" s="102">
        <v>0</v>
      </c>
      <c r="EY22" s="103">
        <v>8</v>
      </c>
      <c r="EZ22" s="104">
        <v>13</v>
      </c>
      <c r="FA22" s="107">
        <v>0</v>
      </c>
      <c r="FB22" s="102">
        <v>1</v>
      </c>
      <c r="FC22" s="103">
        <v>1</v>
      </c>
      <c r="FD22" s="413">
        <v>0</v>
      </c>
      <c r="FE22" s="102">
        <v>4</v>
      </c>
      <c r="FF22" s="102">
        <v>2</v>
      </c>
      <c r="FG22" s="102">
        <v>3</v>
      </c>
      <c r="FH22" s="102">
        <v>2</v>
      </c>
      <c r="FI22" s="102">
        <v>1</v>
      </c>
      <c r="FJ22" s="103">
        <v>12</v>
      </c>
      <c r="FK22" s="104">
        <v>13</v>
      </c>
      <c r="FL22" s="101">
        <v>0</v>
      </c>
      <c r="FM22" s="102">
        <v>1</v>
      </c>
      <c r="FN22" s="103">
        <v>1</v>
      </c>
      <c r="FO22" s="413">
        <v>0</v>
      </c>
      <c r="FP22" s="102">
        <v>3</v>
      </c>
      <c r="FQ22" s="102">
        <v>2</v>
      </c>
      <c r="FR22" s="102">
        <v>4</v>
      </c>
      <c r="FS22" s="102">
        <v>1</v>
      </c>
      <c r="FT22" s="102">
        <v>1</v>
      </c>
      <c r="FU22" s="103">
        <v>11</v>
      </c>
      <c r="FV22" s="104">
        <v>12</v>
      </c>
      <c r="FW22" s="101">
        <v>0</v>
      </c>
      <c r="FX22" s="102">
        <v>0</v>
      </c>
      <c r="FY22" s="103">
        <v>0</v>
      </c>
      <c r="FZ22" s="413">
        <v>0</v>
      </c>
      <c r="GA22" s="102">
        <v>0</v>
      </c>
      <c r="GB22" s="102">
        <v>0</v>
      </c>
      <c r="GC22" s="102">
        <v>0</v>
      </c>
      <c r="GD22" s="102">
        <v>0</v>
      </c>
      <c r="GE22" s="102">
        <v>0</v>
      </c>
      <c r="GF22" s="103">
        <v>0</v>
      </c>
      <c r="GG22" s="104">
        <v>0</v>
      </c>
      <c r="GH22" s="101">
        <v>5</v>
      </c>
      <c r="GI22" s="102">
        <v>4</v>
      </c>
      <c r="GJ22" s="103">
        <v>9</v>
      </c>
      <c r="GK22" s="413">
        <v>0</v>
      </c>
      <c r="GL22" s="102">
        <v>12</v>
      </c>
      <c r="GM22" s="102">
        <v>7</v>
      </c>
      <c r="GN22" s="102">
        <v>8</v>
      </c>
      <c r="GO22" s="102">
        <v>4</v>
      </c>
      <c r="GP22" s="102">
        <v>2</v>
      </c>
      <c r="GQ22" s="103">
        <v>33</v>
      </c>
      <c r="GR22" s="104">
        <v>42</v>
      </c>
      <c r="GS22" s="105">
        <v>44</v>
      </c>
      <c r="GT22" s="97">
        <v>38</v>
      </c>
      <c r="GU22" s="98">
        <v>82</v>
      </c>
      <c r="GV22" s="413">
        <v>0</v>
      </c>
      <c r="GW22" s="97">
        <v>81</v>
      </c>
      <c r="GX22" s="97">
        <v>54</v>
      </c>
      <c r="GY22" s="97">
        <v>36</v>
      </c>
      <c r="GZ22" s="97">
        <v>23</v>
      </c>
      <c r="HA22" s="97">
        <v>24</v>
      </c>
      <c r="HB22" s="99">
        <v>218</v>
      </c>
      <c r="HC22" s="100">
        <v>300</v>
      </c>
      <c r="HD22" s="107">
        <v>1</v>
      </c>
      <c r="HE22" s="102">
        <v>2</v>
      </c>
      <c r="HF22" s="103">
        <v>3</v>
      </c>
      <c r="HG22" s="413">
        <v>0</v>
      </c>
      <c r="HH22" s="102">
        <v>1</v>
      </c>
      <c r="HI22" s="102">
        <v>3</v>
      </c>
      <c r="HJ22" s="102">
        <v>1</v>
      </c>
      <c r="HK22" s="102">
        <v>0</v>
      </c>
      <c r="HL22" s="102">
        <v>2</v>
      </c>
      <c r="HM22" s="103">
        <v>7</v>
      </c>
      <c r="HN22" s="104">
        <v>10</v>
      </c>
      <c r="HO22" s="101">
        <v>1</v>
      </c>
      <c r="HP22" s="102">
        <v>1</v>
      </c>
      <c r="HQ22" s="103">
        <v>2</v>
      </c>
      <c r="HR22" s="413">
        <v>0</v>
      </c>
      <c r="HS22" s="102">
        <v>3</v>
      </c>
      <c r="HT22" s="102">
        <v>3</v>
      </c>
      <c r="HU22" s="102">
        <v>0</v>
      </c>
      <c r="HV22" s="102">
        <v>1</v>
      </c>
      <c r="HW22" s="102">
        <v>0</v>
      </c>
      <c r="HX22" s="103">
        <v>7</v>
      </c>
      <c r="HY22" s="104">
        <v>9</v>
      </c>
      <c r="HZ22" s="107">
        <v>2</v>
      </c>
      <c r="IA22" s="102">
        <v>2</v>
      </c>
      <c r="IB22" s="103">
        <v>4</v>
      </c>
      <c r="IC22" s="413">
        <v>0</v>
      </c>
      <c r="ID22" s="102">
        <v>8</v>
      </c>
      <c r="IE22" s="102">
        <v>2</v>
      </c>
      <c r="IF22" s="102">
        <v>1</v>
      </c>
      <c r="IG22" s="102">
        <v>2</v>
      </c>
      <c r="IH22" s="102">
        <v>1</v>
      </c>
      <c r="II22" s="103">
        <v>14</v>
      </c>
      <c r="IJ22" s="104">
        <v>18</v>
      </c>
      <c r="IK22" s="101">
        <v>12</v>
      </c>
      <c r="IL22" s="102">
        <v>8</v>
      </c>
      <c r="IM22" s="103">
        <v>20</v>
      </c>
      <c r="IN22" s="413">
        <v>0</v>
      </c>
      <c r="IO22" s="102">
        <v>14</v>
      </c>
      <c r="IP22" s="102">
        <v>9</v>
      </c>
      <c r="IQ22" s="102">
        <v>6</v>
      </c>
      <c r="IR22" s="102">
        <v>5</v>
      </c>
      <c r="IS22" s="102">
        <v>4</v>
      </c>
      <c r="IT22" s="103">
        <v>38</v>
      </c>
      <c r="IU22" s="104">
        <v>58</v>
      </c>
      <c r="IV22" s="107">
        <v>12</v>
      </c>
      <c r="IW22" s="102">
        <v>12</v>
      </c>
      <c r="IX22" s="103">
        <v>24</v>
      </c>
      <c r="IY22" s="413">
        <v>0</v>
      </c>
      <c r="IZ22" s="102">
        <v>31</v>
      </c>
      <c r="JA22" s="102">
        <v>13</v>
      </c>
      <c r="JB22" s="102">
        <v>13</v>
      </c>
      <c r="JC22" s="102">
        <v>11</v>
      </c>
      <c r="JD22" s="102">
        <v>11</v>
      </c>
      <c r="JE22" s="103">
        <v>79</v>
      </c>
      <c r="JF22" s="104">
        <v>103</v>
      </c>
      <c r="JG22" s="101">
        <v>16</v>
      </c>
      <c r="JH22" s="102">
        <v>13</v>
      </c>
      <c r="JI22" s="103">
        <v>29</v>
      </c>
      <c r="JJ22" s="413">
        <v>0</v>
      </c>
      <c r="JK22" s="102">
        <v>24</v>
      </c>
      <c r="JL22" s="102">
        <v>24</v>
      </c>
      <c r="JM22" s="102">
        <v>15</v>
      </c>
      <c r="JN22" s="102">
        <v>4</v>
      </c>
      <c r="JO22" s="102">
        <v>6</v>
      </c>
      <c r="JP22" s="103">
        <v>73</v>
      </c>
      <c r="JQ22" s="104">
        <v>102</v>
      </c>
      <c r="JR22" s="101">
        <v>0</v>
      </c>
      <c r="JS22" s="102">
        <v>0</v>
      </c>
      <c r="JT22" s="103">
        <v>0</v>
      </c>
      <c r="JU22" s="413">
        <v>0</v>
      </c>
      <c r="JV22" s="102">
        <v>0</v>
      </c>
      <c r="JW22" s="102">
        <v>0</v>
      </c>
      <c r="JX22" s="102">
        <v>0</v>
      </c>
      <c r="JY22" s="102">
        <v>0</v>
      </c>
      <c r="JZ22" s="102">
        <v>0</v>
      </c>
      <c r="KA22" s="103">
        <v>0</v>
      </c>
      <c r="KB22" s="104">
        <v>0</v>
      </c>
      <c r="KC22" s="101">
        <v>44</v>
      </c>
      <c r="KD22" s="102">
        <v>38</v>
      </c>
      <c r="KE22" s="103">
        <v>82</v>
      </c>
      <c r="KF22" s="413">
        <v>0</v>
      </c>
      <c r="KG22" s="102">
        <v>81</v>
      </c>
      <c r="KH22" s="102">
        <v>54</v>
      </c>
      <c r="KI22" s="102">
        <v>36</v>
      </c>
      <c r="KJ22" s="102">
        <v>23</v>
      </c>
      <c r="KK22" s="102">
        <v>24</v>
      </c>
      <c r="KL22" s="103">
        <v>218</v>
      </c>
      <c r="KM22" s="104">
        <v>300</v>
      </c>
    </row>
    <row r="23" spans="2:299" s="70" customFormat="1" ht="21" customHeight="1" x14ac:dyDescent="0.2">
      <c r="B23" s="106" t="s">
        <v>20</v>
      </c>
      <c r="C23" s="96">
        <v>61</v>
      </c>
      <c r="D23" s="97">
        <v>61</v>
      </c>
      <c r="E23" s="98">
        <v>122</v>
      </c>
      <c r="F23" s="413">
        <v>0</v>
      </c>
      <c r="G23" s="97">
        <v>129</v>
      </c>
      <c r="H23" s="97">
        <v>78</v>
      </c>
      <c r="I23" s="97">
        <v>52</v>
      </c>
      <c r="J23" s="97">
        <v>42</v>
      </c>
      <c r="K23" s="97">
        <v>19</v>
      </c>
      <c r="L23" s="99">
        <v>320</v>
      </c>
      <c r="M23" s="100">
        <v>442</v>
      </c>
      <c r="N23" s="101">
        <v>0</v>
      </c>
      <c r="O23" s="102">
        <v>1</v>
      </c>
      <c r="P23" s="103">
        <v>1</v>
      </c>
      <c r="Q23" s="413">
        <v>0</v>
      </c>
      <c r="R23" s="102">
        <v>1</v>
      </c>
      <c r="S23" s="102">
        <v>1</v>
      </c>
      <c r="T23" s="102">
        <v>2</v>
      </c>
      <c r="U23" s="102">
        <v>1</v>
      </c>
      <c r="V23" s="102">
        <v>0</v>
      </c>
      <c r="W23" s="103">
        <v>5</v>
      </c>
      <c r="X23" s="104">
        <v>6</v>
      </c>
      <c r="Y23" s="101">
        <v>2</v>
      </c>
      <c r="Z23" s="102">
        <v>2</v>
      </c>
      <c r="AA23" s="103">
        <v>4</v>
      </c>
      <c r="AB23" s="413">
        <v>0</v>
      </c>
      <c r="AC23" s="102">
        <v>6</v>
      </c>
      <c r="AD23" s="102">
        <v>4</v>
      </c>
      <c r="AE23" s="102">
        <v>4</v>
      </c>
      <c r="AF23" s="102">
        <v>3</v>
      </c>
      <c r="AG23" s="102">
        <v>0</v>
      </c>
      <c r="AH23" s="103">
        <v>17</v>
      </c>
      <c r="AI23" s="104">
        <v>21</v>
      </c>
      <c r="AJ23" s="101">
        <v>6</v>
      </c>
      <c r="AK23" s="102">
        <v>7</v>
      </c>
      <c r="AL23" s="103">
        <v>13</v>
      </c>
      <c r="AM23" s="413">
        <v>0</v>
      </c>
      <c r="AN23" s="102">
        <v>14</v>
      </c>
      <c r="AO23" s="102">
        <v>4</v>
      </c>
      <c r="AP23" s="102">
        <v>9</v>
      </c>
      <c r="AQ23" s="102">
        <v>6</v>
      </c>
      <c r="AR23" s="102">
        <v>2</v>
      </c>
      <c r="AS23" s="103">
        <v>35</v>
      </c>
      <c r="AT23" s="104">
        <v>48</v>
      </c>
      <c r="AU23" s="101">
        <v>15</v>
      </c>
      <c r="AV23" s="102">
        <v>13</v>
      </c>
      <c r="AW23" s="103">
        <v>28</v>
      </c>
      <c r="AX23" s="413">
        <v>0</v>
      </c>
      <c r="AY23" s="102">
        <v>36</v>
      </c>
      <c r="AZ23" s="102">
        <v>19</v>
      </c>
      <c r="BA23" s="102">
        <v>9</v>
      </c>
      <c r="BB23" s="102">
        <v>10</v>
      </c>
      <c r="BC23" s="102">
        <v>7</v>
      </c>
      <c r="BD23" s="103">
        <v>81</v>
      </c>
      <c r="BE23" s="104">
        <v>109</v>
      </c>
      <c r="BF23" s="101">
        <v>24</v>
      </c>
      <c r="BG23" s="102">
        <v>18</v>
      </c>
      <c r="BH23" s="103">
        <v>42</v>
      </c>
      <c r="BI23" s="413">
        <v>0</v>
      </c>
      <c r="BJ23" s="102">
        <v>44</v>
      </c>
      <c r="BK23" s="102">
        <v>24</v>
      </c>
      <c r="BL23" s="102">
        <v>15</v>
      </c>
      <c r="BM23" s="102">
        <v>13</v>
      </c>
      <c r="BN23" s="102">
        <v>7</v>
      </c>
      <c r="BO23" s="103">
        <v>103</v>
      </c>
      <c r="BP23" s="104">
        <v>145</v>
      </c>
      <c r="BQ23" s="101">
        <v>14</v>
      </c>
      <c r="BR23" s="102">
        <v>20</v>
      </c>
      <c r="BS23" s="103">
        <v>34</v>
      </c>
      <c r="BT23" s="413">
        <v>0</v>
      </c>
      <c r="BU23" s="102">
        <v>28</v>
      </c>
      <c r="BV23" s="102">
        <v>26</v>
      </c>
      <c r="BW23" s="102">
        <v>13</v>
      </c>
      <c r="BX23" s="102">
        <v>9</v>
      </c>
      <c r="BY23" s="102">
        <v>3</v>
      </c>
      <c r="BZ23" s="103">
        <v>79</v>
      </c>
      <c r="CA23" s="104">
        <v>113</v>
      </c>
      <c r="CB23" s="101">
        <v>0</v>
      </c>
      <c r="CC23" s="102">
        <v>0</v>
      </c>
      <c r="CD23" s="103">
        <v>0</v>
      </c>
      <c r="CE23" s="413">
        <v>0</v>
      </c>
      <c r="CF23" s="102">
        <v>0</v>
      </c>
      <c r="CG23" s="102">
        <v>0</v>
      </c>
      <c r="CH23" s="102">
        <v>0</v>
      </c>
      <c r="CI23" s="102">
        <v>0</v>
      </c>
      <c r="CJ23" s="102">
        <v>0</v>
      </c>
      <c r="CK23" s="103">
        <v>0</v>
      </c>
      <c r="CL23" s="104">
        <v>0</v>
      </c>
      <c r="CM23" s="101">
        <v>61</v>
      </c>
      <c r="CN23" s="102">
        <v>61</v>
      </c>
      <c r="CO23" s="103">
        <v>122</v>
      </c>
      <c r="CP23" s="413">
        <v>0</v>
      </c>
      <c r="CQ23" s="102">
        <v>129</v>
      </c>
      <c r="CR23" s="102">
        <v>78</v>
      </c>
      <c r="CS23" s="102">
        <v>52</v>
      </c>
      <c r="CT23" s="102">
        <v>42</v>
      </c>
      <c r="CU23" s="102">
        <v>19</v>
      </c>
      <c r="CV23" s="103">
        <v>320</v>
      </c>
      <c r="CW23" s="104">
        <v>442</v>
      </c>
      <c r="CX23" s="105">
        <v>8</v>
      </c>
      <c r="CY23" s="97">
        <v>12</v>
      </c>
      <c r="CZ23" s="98">
        <v>20</v>
      </c>
      <c r="DA23" s="413">
        <v>0</v>
      </c>
      <c r="DB23" s="97">
        <v>17</v>
      </c>
      <c r="DC23" s="97">
        <v>5</v>
      </c>
      <c r="DD23" s="97">
        <v>2</v>
      </c>
      <c r="DE23" s="97">
        <v>6</v>
      </c>
      <c r="DF23" s="97">
        <v>3</v>
      </c>
      <c r="DG23" s="99">
        <v>33</v>
      </c>
      <c r="DH23" s="100">
        <v>53</v>
      </c>
      <c r="DI23" s="101">
        <v>0</v>
      </c>
      <c r="DJ23" s="102">
        <v>0</v>
      </c>
      <c r="DK23" s="103">
        <v>0</v>
      </c>
      <c r="DL23" s="413">
        <v>0</v>
      </c>
      <c r="DM23" s="102">
        <v>0</v>
      </c>
      <c r="DN23" s="102">
        <v>0</v>
      </c>
      <c r="DO23" s="102">
        <v>0</v>
      </c>
      <c r="DP23" s="102">
        <v>0</v>
      </c>
      <c r="DQ23" s="102">
        <v>0</v>
      </c>
      <c r="DR23" s="103">
        <v>0</v>
      </c>
      <c r="DS23" s="104">
        <v>0</v>
      </c>
      <c r="DT23" s="101">
        <v>0</v>
      </c>
      <c r="DU23" s="102">
        <v>1</v>
      </c>
      <c r="DV23" s="103">
        <v>1</v>
      </c>
      <c r="DW23" s="413">
        <v>0</v>
      </c>
      <c r="DX23" s="102">
        <v>0</v>
      </c>
      <c r="DY23" s="102">
        <v>1</v>
      </c>
      <c r="DZ23" s="102">
        <v>0</v>
      </c>
      <c r="EA23" s="102">
        <v>0</v>
      </c>
      <c r="EB23" s="102">
        <v>0</v>
      </c>
      <c r="EC23" s="103">
        <v>1</v>
      </c>
      <c r="ED23" s="104">
        <v>2</v>
      </c>
      <c r="EE23" s="101">
        <v>3</v>
      </c>
      <c r="EF23" s="102">
        <v>1</v>
      </c>
      <c r="EG23" s="103">
        <v>4</v>
      </c>
      <c r="EH23" s="413">
        <v>0</v>
      </c>
      <c r="EI23" s="102">
        <v>2</v>
      </c>
      <c r="EJ23" s="102">
        <v>1</v>
      </c>
      <c r="EK23" s="102">
        <v>0</v>
      </c>
      <c r="EL23" s="102">
        <v>0</v>
      </c>
      <c r="EM23" s="102">
        <v>1</v>
      </c>
      <c r="EN23" s="103">
        <v>4</v>
      </c>
      <c r="EO23" s="104">
        <v>8</v>
      </c>
      <c r="EP23" s="101">
        <v>4</v>
      </c>
      <c r="EQ23" s="102">
        <v>3</v>
      </c>
      <c r="ER23" s="103">
        <v>7</v>
      </c>
      <c r="ES23" s="413">
        <v>0</v>
      </c>
      <c r="ET23" s="102">
        <v>5</v>
      </c>
      <c r="EU23" s="102">
        <v>0</v>
      </c>
      <c r="EV23" s="102">
        <v>1</v>
      </c>
      <c r="EW23" s="102">
        <v>1</v>
      </c>
      <c r="EX23" s="102">
        <v>0</v>
      </c>
      <c r="EY23" s="103">
        <v>7</v>
      </c>
      <c r="EZ23" s="104">
        <v>14</v>
      </c>
      <c r="FA23" s="101">
        <v>0</v>
      </c>
      <c r="FB23" s="102">
        <v>4</v>
      </c>
      <c r="FC23" s="103">
        <v>4</v>
      </c>
      <c r="FD23" s="413">
        <v>0</v>
      </c>
      <c r="FE23" s="102">
        <v>2</v>
      </c>
      <c r="FF23" s="102">
        <v>1</v>
      </c>
      <c r="FG23" s="102">
        <v>0</v>
      </c>
      <c r="FH23" s="102">
        <v>2</v>
      </c>
      <c r="FI23" s="102">
        <v>0</v>
      </c>
      <c r="FJ23" s="103">
        <v>5</v>
      </c>
      <c r="FK23" s="104">
        <v>9</v>
      </c>
      <c r="FL23" s="101">
        <v>1</v>
      </c>
      <c r="FM23" s="102">
        <v>3</v>
      </c>
      <c r="FN23" s="103">
        <v>4</v>
      </c>
      <c r="FO23" s="413">
        <v>0</v>
      </c>
      <c r="FP23" s="102">
        <v>8</v>
      </c>
      <c r="FQ23" s="102">
        <v>2</v>
      </c>
      <c r="FR23" s="102">
        <v>1</v>
      </c>
      <c r="FS23" s="102">
        <v>3</v>
      </c>
      <c r="FT23" s="102">
        <v>2</v>
      </c>
      <c r="FU23" s="103">
        <v>16</v>
      </c>
      <c r="FV23" s="104">
        <v>20</v>
      </c>
      <c r="FW23" s="101">
        <v>0</v>
      </c>
      <c r="FX23" s="102">
        <v>0</v>
      </c>
      <c r="FY23" s="103">
        <v>0</v>
      </c>
      <c r="FZ23" s="413">
        <v>0</v>
      </c>
      <c r="GA23" s="102">
        <v>0</v>
      </c>
      <c r="GB23" s="102">
        <v>0</v>
      </c>
      <c r="GC23" s="102">
        <v>0</v>
      </c>
      <c r="GD23" s="102">
        <v>0</v>
      </c>
      <c r="GE23" s="102">
        <v>0</v>
      </c>
      <c r="GF23" s="103">
        <v>0</v>
      </c>
      <c r="GG23" s="104">
        <v>0</v>
      </c>
      <c r="GH23" s="101">
        <v>8</v>
      </c>
      <c r="GI23" s="102">
        <v>12</v>
      </c>
      <c r="GJ23" s="103">
        <v>20</v>
      </c>
      <c r="GK23" s="413">
        <v>0</v>
      </c>
      <c r="GL23" s="102">
        <v>17</v>
      </c>
      <c r="GM23" s="102">
        <v>5</v>
      </c>
      <c r="GN23" s="102">
        <v>2</v>
      </c>
      <c r="GO23" s="102">
        <v>6</v>
      </c>
      <c r="GP23" s="102">
        <v>3</v>
      </c>
      <c r="GQ23" s="103">
        <v>33</v>
      </c>
      <c r="GR23" s="104">
        <v>53</v>
      </c>
      <c r="GS23" s="105">
        <v>69</v>
      </c>
      <c r="GT23" s="97">
        <v>73</v>
      </c>
      <c r="GU23" s="98">
        <v>142</v>
      </c>
      <c r="GV23" s="413">
        <v>0</v>
      </c>
      <c r="GW23" s="97">
        <v>146</v>
      </c>
      <c r="GX23" s="97">
        <v>83</v>
      </c>
      <c r="GY23" s="97">
        <v>54</v>
      </c>
      <c r="GZ23" s="97">
        <v>48</v>
      </c>
      <c r="HA23" s="97">
        <v>22</v>
      </c>
      <c r="HB23" s="99">
        <v>353</v>
      </c>
      <c r="HC23" s="100">
        <v>495</v>
      </c>
      <c r="HD23" s="101">
        <v>0</v>
      </c>
      <c r="HE23" s="102">
        <v>1</v>
      </c>
      <c r="HF23" s="103">
        <v>1</v>
      </c>
      <c r="HG23" s="413">
        <v>0</v>
      </c>
      <c r="HH23" s="102">
        <v>1</v>
      </c>
      <c r="HI23" s="102">
        <v>1</v>
      </c>
      <c r="HJ23" s="102">
        <v>2</v>
      </c>
      <c r="HK23" s="102">
        <v>1</v>
      </c>
      <c r="HL23" s="102">
        <v>0</v>
      </c>
      <c r="HM23" s="103">
        <v>5</v>
      </c>
      <c r="HN23" s="104">
        <v>6</v>
      </c>
      <c r="HO23" s="101">
        <v>2</v>
      </c>
      <c r="HP23" s="102">
        <v>3</v>
      </c>
      <c r="HQ23" s="103">
        <v>5</v>
      </c>
      <c r="HR23" s="413">
        <v>0</v>
      </c>
      <c r="HS23" s="102">
        <v>6</v>
      </c>
      <c r="HT23" s="102">
        <v>5</v>
      </c>
      <c r="HU23" s="102">
        <v>4</v>
      </c>
      <c r="HV23" s="102">
        <v>3</v>
      </c>
      <c r="HW23" s="102">
        <v>0</v>
      </c>
      <c r="HX23" s="103">
        <v>18</v>
      </c>
      <c r="HY23" s="104">
        <v>23</v>
      </c>
      <c r="HZ23" s="101">
        <v>9</v>
      </c>
      <c r="IA23" s="102">
        <v>8</v>
      </c>
      <c r="IB23" s="103">
        <v>17</v>
      </c>
      <c r="IC23" s="413">
        <v>0</v>
      </c>
      <c r="ID23" s="102">
        <v>16</v>
      </c>
      <c r="IE23" s="102">
        <v>5</v>
      </c>
      <c r="IF23" s="102">
        <v>9</v>
      </c>
      <c r="IG23" s="102">
        <v>6</v>
      </c>
      <c r="IH23" s="102">
        <v>3</v>
      </c>
      <c r="II23" s="103">
        <v>39</v>
      </c>
      <c r="IJ23" s="104">
        <v>56</v>
      </c>
      <c r="IK23" s="101">
        <v>19</v>
      </c>
      <c r="IL23" s="102">
        <v>16</v>
      </c>
      <c r="IM23" s="103">
        <v>35</v>
      </c>
      <c r="IN23" s="413">
        <v>0</v>
      </c>
      <c r="IO23" s="102">
        <v>41</v>
      </c>
      <c r="IP23" s="102">
        <v>19</v>
      </c>
      <c r="IQ23" s="102">
        <v>10</v>
      </c>
      <c r="IR23" s="102">
        <v>11</v>
      </c>
      <c r="IS23" s="102">
        <v>7</v>
      </c>
      <c r="IT23" s="103">
        <v>88</v>
      </c>
      <c r="IU23" s="104">
        <v>123</v>
      </c>
      <c r="IV23" s="101">
        <v>24</v>
      </c>
      <c r="IW23" s="102">
        <v>22</v>
      </c>
      <c r="IX23" s="103">
        <v>46</v>
      </c>
      <c r="IY23" s="413">
        <v>0</v>
      </c>
      <c r="IZ23" s="102">
        <v>46</v>
      </c>
      <c r="JA23" s="102">
        <v>25</v>
      </c>
      <c r="JB23" s="102">
        <v>15</v>
      </c>
      <c r="JC23" s="102">
        <v>15</v>
      </c>
      <c r="JD23" s="102">
        <v>7</v>
      </c>
      <c r="JE23" s="103">
        <v>108</v>
      </c>
      <c r="JF23" s="104">
        <v>154</v>
      </c>
      <c r="JG23" s="101">
        <v>15</v>
      </c>
      <c r="JH23" s="102">
        <v>23</v>
      </c>
      <c r="JI23" s="103">
        <v>38</v>
      </c>
      <c r="JJ23" s="413">
        <v>0</v>
      </c>
      <c r="JK23" s="102">
        <v>36</v>
      </c>
      <c r="JL23" s="102">
        <v>28</v>
      </c>
      <c r="JM23" s="102">
        <v>14</v>
      </c>
      <c r="JN23" s="102">
        <v>12</v>
      </c>
      <c r="JO23" s="102">
        <v>5</v>
      </c>
      <c r="JP23" s="103">
        <v>95</v>
      </c>
      <c r="JQ23" s="104">
        <v>133</v>
      </c>
      <c r="JR23" s="101">
        <v>0</v>
      </c>
      <c r="JS23" s="102">
        <v>0</v>
      </c>
      <c r="JT23" s="103">
        <v>0</v>
      </c>
      <c r="JU23" s="413">
        <v>0</v>
      </c>
      <c r="JV23" s="102">
        <v>0</v>
      </c>
      <c r="JW23" s="102">
        <v>0</v>
      </c>
      <c r="JX23" s="102">
        <v>0</v>
      </c>
      <c r="JY23" s="102">
        <v>0</v>
      </c>
      <c r="JZ23" s="102">
        <v>0</v>
      </c>
      <c r="KA23" s="103">
        <v>0</v>
      </c>
      <c r="KB23" s="104">
        <v>0</v>
      </c>
      <c r="KC23" s="101">
        <v>69</v>
      </c>
      <c r="KD23" s="102">
        <v>73</v>
      </c>
      <c r="KE23" s="103">
        <v>142</v>
      </c>
      <c r="KF23" s="413">
        <v>0</v>
      </c>
      <c r="KG23" s="102">
        <v>146</v>
      </c>
      <c r="KH23" s="102">
        <v>83</v>
      </c>
      <c r="KI23" s="102">
        <v>54</v>
      </c>
      <c r="KJ23" s="102">
        <v>48</v>
      </c>
      <c r="KK23" s="102">
        <v>22</v>
      </c>
      <c r="KL23" s="103">
        <v>353</v>
      </c>
      <c r="KM23" s="104">
        <v>495</v>
      </c>
    </row>
    <row r="24" spans="2:299" s="70" customFormat="1" ht="21" customHeight="1" x14ac:dyDescent="0.2">
      <c r="B24" s="106" t="s">
        <v>21</v>
      </c>
      <c r="C24" s="96">
        <v>52</v>
      </c>
      <c r="D24" s="97">
        <v>46</v>
      </c>
      <c r="E24" s="98">
        <v>98</v>
      </c>
      <c r="F24" s="413">
        <v>0</v>
      </c>
      <c r="G24" s="97">
        <v>75</v>
      </c>
      <c r="H24" s="97">
        <v>61</v>
      </c>
      <c r="I24" s="97">
        <v>33</v>
      </c>
      <c r="J24" s="97">
        <v>22</v>
      </c>
      <c r="K24" s="97">
        <v>18</v>
      </c>
      <c r="L24" s="99">
        <v>209</v>
      </c>
      <c r="M24" s="100">
        <v>307</v>
      </c>
      <c r="N24" s="101">
        <v>1</v>
      </c>
      <c r="O24" s="102">
        <v>0</v>
      </c>
      <c r="P24" s="103">
        <v>1</v>
      </c>
      <c r="Q24" s="413">
        <v>0</v>
      </c>
      <c r="R24" s="102">
        <v>0</v>
      </c>
      <c r="S24" s="102">
        <v>3</v>
      </c>
      <c r="T24" s="102">
        <v>1</v>
      </c>
      <c r="U24" s="102">
        <v>0</v>
      </c>
      <c r="V24" s="102">
        <v>2</v>
      </c>
      <c r="W24" s="103">
        <v>6</v>
      </c>
      <c r="X24" s="104">
        <v>7</v>
      </c>
      <c r="Y24" s="101">
        <v>3</v>
      </c>
      <c r="Z24" s="102">
        <v>1</v>
      </c>
      <c r="AA24" s="103">
        <v>4</v>
      </c>
      <c r="AB24" s="413">
        <v>0</v>
      </c>
      <c r="AC24" s="102">
        <v>2</v>
      </c>
      <c r="AD24" s="102">
        <v>4</v>
      </c>
      <c r="AE24" s="102">
        <v>2</v>
      </c>
      <c r="AF24" s="102">
        <v>2</v>
      </c>
      <c r="AG24" s="102">
        <v>0</v>
      </c>
      <c r="AH24" s="103">
        <v>10</v>
      </c>
      <c r="AI24" s="104">
        <v>14</v>
      </c>
      <c r="AJ24" s="101">
        <v>7</v>
      </c>
      <c r="AK24" s="102">
        <v>6</v>
      </c>
      <c r="AL24" s="103">
        <v>13</v>
      </c>
      <c r="AM24" s="413">
        <v>0</v>
      </c>
      <c r="AN24" s="102">
        <v>10</v>
      </c>
      <c r="AO24" s="102">
        <v>7</v>
      </c>
      <c r="AP24" s="102">
        <v>3</v>
      </c>
      <c r="AQ24" s="102">
        <v>4</v>
      </c>
      <c r="AR24" s="102">
        <v>0</v>
      </c>
      <c r="AS24" s="103">
        <v>24</v>
      </c>
      <c r="AT24" s="104">
        <v>37</v>
      </c>
      <c r="AU24" s="101">
        <v>9</v>
      </c>
      <c r="AV24" s="102">
        <v>9</v>
      </c>
      <c r="AW24" s="103">
        <v>18</v>
      </c>
      <c r="AX24" s="413">
        <v>0</v>
      </c>
      <c r="AY24" s="102">
        <v>12</v>
      </c>
      <c r="AZ24" s="102">
        <v>14</v>
      </c>
      <c r="BA24" s="102">
        <v>8</v>
      </c>
      <c r="BB24" s="102">
        <v>6</v>
      </c>
      <c r="BC24" s="102">
        <v>4</v>
      </c>
      <c r="BD24" s="103">
        <v>44</v>
      </c>
      <c r="BE24" s="104">
        <v>62</v>
      </c>
      <c r="BF24" s="101">
        <v>18</v>
      </c>
      <c r="BG24" s="102">
        <v>18</v>
      </c>
      <c r="BH24" s="103">
        <v>36</v>
      </c>
      <c r="BI24" s="413">
        <v>0</v>
      </c>
      <c r="BJ24" s="102">
        <v>28</v>
      </c>
      <c r="BK24" s="102">
        <v>11</v>
      </c>
      <c r="BL24" s="102">
        <v>9</v>
      </c>
      <c r="BM24" s="102">
        <v>5</v>
      </c>
      <c r="BN24" s="102">
        <v>5</v>
      </c>
      <c r="BO24" s="103">
        <v>58</v>
      </c>
      <c r="BP24" s="104">
        <v>94</v>
      </c>
      <c r="BQ24" s="101">
        <v>14</v>
      </c>
      <c r="BR24" s="102">
        <v>12</v>
      </c>
      <c r="BS24" s="103">
        <v>26</v>
      </c>
      <c r="BT24" s="413">
        <v>0</v>
      </c>
      <c r="BU24" s="102">
        <v>23</v>
      </c>
      <c r="BV24" s="102">
        <v>22</v>
      </c>
      <c r="BW24" s="102">
        <v>10</v>
      </c>
      <c r="BX24" s="102">
        <v>5</v>
      </c>
      <c r="BY24" s="102">
        <v>7</v>
      </c>
      <c r="BZ24" s="103">
        <v>67</v>
      </c>
      <c r="CA24" s="104">
        <v>93</v>
      </c>
      <c r="CB24" s="101">
        <v>0</v>
      </c>
      <c r="CC24" s="102">
        <v>0</v>
      </c>
      <c r="CD24" s="103">
        <v>0</v>
      </c>
      <c r="CE24" s="413">
        <v>0</v>
      </c>
      <c r="CF24" s="102">
        <v>0</v>
      </c>
      <c r="CG24" s="102">
        <v>0</v>
      </c>
      <c r="CH24" s="102">
        <v>0</v>
      </c>
      <c r="CI24" s="102">
        <v>0</v>
      </c>
      <c r="CJ24" s="102">
        <v>0</v>
      </c>
      <c r="CK24" s="103">
        <v>0</v>
      </c>
      <c r="CL24" s="104">
        <v>0</v>
      </c>
      <c r="CM24" s="101">
        <v>52</v>
      </c>
      <c r="CN24" s="102">
        <v>46</v>
      </c>
      <c r="CO24" s="103">
        <v>98</v>
      </c>
      <c r="CP24" s="413">
        <v>0</v>
      </c>
      <c r="CQ24" s="102">
        <v>75</v>
      </c>
      <c r="CR24" s="102">
        <v>61</v>
      </c>
      <c r="CS24" s="102">
        <v>33</v>
      </c>
      <c r="CT24" s="102">
        <v>22</v>
      </c>
      <c r="CU24" s="102">
        <v>18</v>
      </c>
      <c r="CV24" s="103">
        <v>209</v>
      </c>
      <c r="CW24" s="104">
        <v>307</v>
      </c>
      <c r="CX24" s="105">
        <v>9</v>
      </c>
      <c r="CY24" s="97">
        <v>4</v>
      </c>
      <c r="CZ24" s="98">
        <v>13</v>
      </c>
      <c r="DA24" s="413">
        <v>0</v>
      </c>
      <c r="DB24" s="97">
        <v>12</v>
      </c>
      <c r="DC24" s="97">
        <v>8</v>
      </c>
      <c r="DD24" s="97">
        <v>8</v>
      </c>
      <c r="DE24" s="97">
        <v>7</v>
      </c>
      <c r="DF24" s="97">
        <v>4</v>
      </c>
      <c r="DG24" s="99">
        <v>39</v>
      </c>
      <c r="DH24" s="100">
        <v>52</v>
      </c>
      <c r="DI24" s="101">
        <v>0</v>
      </c>
      <c r="DJ24" s="102">
        <v>0</v>
      </c>
      <c r="DK24" s="103">
        <v>0</v>
      </c>
      <c r="DL24" s="413">
        <v>0</v>
      </c>
      <c r="DM24" s="102">
        <v>1</v>
      </c>
      <c r="DN24" s="102">
        <v>0</v>
      </c>
      <c r="DO24" s="102">
        <v>1</v>
      </c>
      <c r="DP24" s="102">
        <v>0</v>
      </c>
      <c r="DQ24" s="102">
        <v>0</v>
      </c>
      <c r="DR24" s="103">
        <v>2</v>
      </c>
      <c r="DS24" s="104">
        <v>2</v>
      </c>
      <c r="DT24" s="101">
        <v>1</v>
      </c>
      <c r="DU24" s="102">
        <v>0</v>
      </c>
      <c r="DV24" s="103">
        <v>1</v>
      </c>
      <c r="DW24" s="413">
        <v>0</v>
      </c>
      <c r="DX24" s="102">
        <v>1</v>
      </c>
      <c r="DY24" s="102">
        <v>1</v>
      </c>
      <c r="DZ24" s="102">
        <v>0</v>
      </c>
      <c r="EA24" s="102">
        <v>0</v>
      </c>
      <c r="EB24" s="102">
        <v>1</v>
      </c>
      <c r="EC24" s="103">
        <v>3</v>
      </c>
      <c r="ED24" s="104">
        <v>4</v>
      </c>
      <c r="EE24" s="101">
        <v>1</v>
      </c>
      <c r="EF24" s="102">
        <v>2</v>
      </c>
      <c r="EG24" s="103">
        <v>3</v>
      </c>
      <c r="EH24" s="413">
        <v>0</v>
      </c>
      <c r="EI24" s="102">
        <v>1</v>
      </c>
      <c r="EJ24" s="102">
        <v>0</v>
      </c>
      <c r="EK24" s="102">
        <v>0</v>
      </c>
      <c r="EL24" s="102">
        <v>0</v>
      </c>
      <c r="EM24" s="102">
        <v>0</v>
      </c>
      <c r="EN24" s="103">
        <v>1</v>
      </c>
      <c r="EO24" s="104">
        <v>4</v>
      </c>
      <c r="EP24" s="101">
        <v>3</v>
      </c>
      <c r="EQ24" s="102">
        <v>0</v>
      </c>
      <c r="ER24" s="103">
        <v>3</v>
      </c>
      <c r="ES24" s="413">
        <v>0</v>
      </c>
      <c r="ET24" s="102">
        <v>1</v>
      </c>
      <c r="EU24" s="102">
        <v>1</v>
      </c>
      <c r="EV24" s="102">
        <v>2</v>
      </c>
      <c r="EW24" s="102">
        <v>0</v>
      </c>
      <c r="EX24" s="102">
        <v>1</v>
      </c>
      <c r="EY24" s="103">
        <v>5</v>
      </c>
      <c r="EZ24" s="104">
        <v>8</v>
      </c>
      <c r="FA24" s="101">
        <v>3</v>
      </c>
      <c r="FB24" s="102">
        <v>1</v>
      </c>
      <c r="FC24" s="103">
        <v>4</v>
      </c>
      <c r="FD24" s="413">
        <v>0</v>
      </c>
      <c r="FE24" s="102">
        <v>5</v>
      </c>
      <c r="FF24" s="102">
        <v>3</v>
      </c>
      <c r="FG24" s="102">
        <v>1</v>
      </c>
      <c r="FH24" s="102">
        <v>2</v>
      </c>
      <c r="FI24" s="102">
        <v>1</v>
      </c>
      <c r="FJ24" s="103">
        <v>12</v>
      </c>
      <c r="FK24" s="104">
        <v>16</v>
      </c>
      <c r="FL24" s="101">
        <v>1</v>
      </c>
      <c r="FM24" s="102">
        <v>1</v>
      </c>
      <c r="FN24" s="103">
        <v>2</v>
      </c>
      <c r="FO24" s="413">
        <v>0</v>
      </c>
      <c r="FP24" s="102">
        <v>3</v>
      </c>
      <c r="FQ24" s="102">
        <v>3</v>
      </c>
      <c r="FR24" s="102">
        <v>4</v>
      </c>
      <c r="FS24" s="102">
        <v>5</v>
      </c>
      <c r="FT24" s="102">
        <v>1</v>
      </c>
      <c r="FU24" s="103">
        <v>16</v>
      </c>
      <c r="FV24" s="104">
        <v>18</v>
      </c>
      <c r="FW24" s="101">
        <v>0</v>
      </c>
      <c r="FX24" s="102">
        <v>0</v>
      </c>
      <c r="FY24" s="103">
        <v>0</v>
      </c>
      <c r="FZ24" s="413">
        <v>0</v>
      </c>
      <c r="GA24" s="102">
        <v>0</v>
      </c>
      <c r="GB24" s="102">
        <v>0</v>
      </c>
      <c r="GC24" s="102">
        <v>0</v>
      </c>
      <c r="GD24" s="102">
        <v>0</v>
      </c>
      <c r="GE24" s="102">
        <v>0</v>
      </c>
      <c r="GF24" s="103">
        <v>0</v>
      </c>
      <c r="GG24" s="104">
        <v>0</v>
      </c>
      <c r="GH24" s="101">
        <v>9</v>
      </c>
      <c r="GI24" s="102">
        <v>4</v>
      </c>
      <c r="GJ24" s="103">
        <v>13</v>
      </c>
      <c r="GK24" s="413">
        <v>0</v>
      </c>
      <c r="GL24" s="102">
        <v>12</v>
      </c>
      <c r="GM24" s="102">
        <v>8</v>
      </c>
      <c r="GN24" s="102">
        <v>8</v>
      </c>
      <c r="GO24" s="102">
        <v>7</v>
      </c>
      <c r="GP24" s="102">
        <v>4</v>
      </c>
      <c r="GQ24" s="103">
        <v>39</v>
      </c>
      <c r="GR24" s="104">
        <v>52</v>
      </c>
      <c r="GS24" s="105">
        <v>61</v>
      </c>
      <c r="GT24" s="97">
        <v>50</v>
      </c>
      <c r="GU24" s="98">
        <v>111</v>
      </c>
      <c r="GV24" s="413">
        <v>0</v>
      </c>
      <c r="GW24" s="97">
        <v>87</v>
      </c>
      <c r="GX24" s="97">
        <v>69</v>
      </c>
      <c r="GY24" s="97">
        <v>41</v>
      </c>
      <c r="GZ24" s="97">
        <v>29</v>
      </c>
      <c r="HA24" s="97">
        <v>22</v>
      </c>
      <c r="HB24" s="99">
        <v>248</v>
      </c>
      <c r="HC24" s="100">
        <v>359</v>
      </c>
      <c r="HD24" s="101">
        <v>1</v>
      </c>
      <c r="HE24" s="102">
        <v>0</v>
      </c>
      <c r="HF24" s="103">
        <v>1</v>
      </c>
      <c r="HG24" s="413">
        <v>0</v>
      </c>
      <c r="HH24" s="102">
        <v>1</v>
      </c>
      <c r="HI24" s="102">
        <v>3</v>
      </c>
      <c r="HJ24" s="102">
        <v>2</v>
      </c>
      <c r="HK24" s="102">
        <v>0</v>
      </c>
      <c r="HL24" s="102">
        <v>2</v>
      </c>
      <c r="HM24" s="103">
        <v>8</v>
      </c>
      <c r="HN24" s="104">
        <v>9</v>
      </c>
      <c r="HO24" s="101">
        <v>4</v>
      </c>
      <c r="HP24" s="102">
        <v>1</v>
      </c>
      <c r="HQ24" s="103">
        <v>5</v>
      </c>
      <c r="HR24" s="413">
        <v>0</v>
      </c>
      <c r="HS24" s="102">
        <v>3</v>
      </c>
      <c r="HT24" s="102">
        <v>5</v>
      </c>
      <c r="HU24" s="102">
        <v>2</v>
      </c>
      <c r="HV24" s="102">
        <v>2</v>
      </c>
      <c r="HW24" s="102">
        <v>1</v>
      </c>
      <c r="HX24" s="103">
        <v>13</v>
      </c>
      <c r="HY24" s="104">
        <v>18</v>
      </c>
      <c r="HZ24" s="101">
        <v>8</v>
      </c>
      <c r="IA24" s="102">
        <v>8</v>
      </c>
      <c r="IB24" s="103">
        <v>16</v>
      </c>
      <c r="IC24" s="413">
        <v>0</v>
      </c>
      <c r="ID24" s="102">
        <v>11</v>
      </c>
      <c r="IE24" s="102">
        <v>7</v>
      </c>
      <c r="IF24" s="102">
        <v>3</v>
      </c>
      <c r="IG24" s="102">
        <v>4</v>
      </c>
      <c r="IH24" s="102">
        <v>0</v>
      </c>
      <c r="II24" s="103">
        <v>25</v>
      </c>
      <c r="IJ24" s="104">
        <v>41</v>
      </c>
      <c r="IK24" s="101">
        <v>12</v>
      </c>
      <c r="IL24" s="102">
        <v>9</v>
      </c>
      <c r="IM24" s="103">
        <v>21</v>
      </c>
      <c r="IN24" s="413">
        <v>0</v>
      </c>
      <c r="IO24" s="102">
        <v>13</v>
      </c>
      <c r="IP24" s="102">
        <v>15</v>
      </c>
      <c r="IQ24" s="102">
        <v>10</v>
      </c>
      <c r="IR24" s="102">
        <v>6</v>
      </c>
      <c r="IS24" s="102">
        <v>5</v>
      </c>
      <c r="IT24" s="103">
        <v>49</v>
      </c>
      <c r="IU24" s="104">
        <v>70</v>
      </c>
      <c r="IV24" s="101">
        <v>21</v>
      </c>
      <c r="IW24" s="102">
        <v>19</v>
      </c>
      <c r="IX24" s="103">
        <v>40</v>
      </c>
      <c r="IY24" s="413">
        <v>0</v>
      </c>
      <c r="IZ24" s="102">
        <v>33</v>
      </c>
      <c r="JA24" s="102">
        <v>14</v>
      </c>
      <c r="JB24" s="102">
        <v>10</v>
      </c>
      <c r="JC24" s="102">
        <v>7</v>
      </c>
      <c r="JD24" s="102">
        <v>6</v>
      </c>
      <c r="JE24" s="103">
        <v>70</v>
      </c>
      <c r="JF24" s="104">
        <v>110</v>
      </c>
      <c r="JG24" s="101">
        <v>15</v>
      </c>
      <c r="JH24" s="102">
        <v>13</v>
      </c>
      <c r="JI24" s="103">
        <v>28</v>
      </c>
      <c r="JJ24" s="413">
        <v>0</v>
      </c>
      <c r="JK24" s="102">
        <v>26</v>
      </c>
      <c r="JL24" s="102">
        <v>25</v>
      </c>
      <c r="JM24" s="102">
        <v>14</v>
      </c>
      <c r="JN24" s="102">
        <v>10</v>
      </c>
      <c r="JO24" s="102">
        <v>8</v>
      </c>
      <c r="JP24" s="103">
        <v>83</v>
      </c>
      <c r="JQ24" s="104">
        <v>111</v>
      </c>
      <c r="JR24" s="101">
        <v>0</v>
      </c>
      <c r="JS24" s="102">
        <v>0</v>
      </c>
      <c r="JT24" s="103">
        <v>0</v>
      </c>
      <c r="JU24" s="413">
        <v>0</v>
      </c>
      <c r="JV24" s="102">
        <v>0</v>
      </c>
      <c r="JW24" s="102">
        <v>0</v>
      </c>
      <c r="JX24" s="102">
        <v>0</v>
      </c>
      <c r="JY24" s="102">
        <v>0</v>
      </c>
      <c r="JZ24" s="102">
        <v>0</v>
      </c>
      <c r="KA24" s="103">
        <v>0</v>
      </c>
      <c r="KB24" s="104">
        <v>0</v>
      </c>
      <c r="KC24" s="101">
        <v>61</v>
      </c>
      <c r="KD24" s="102">
        <v>50</v>
      </c>
      <c r="KE24" s="103">
        <v>111</v>
      </c>
      <c r="KF24" s="413">
        <v>0</v>
      </c>
      <c r="KG24" s="102">
        <v>87</v>
      </c>
      <c r="KH24" s="102">
        <v>69</v>
      </c>
      <c r="KI24" s="102">
        <v>41</v>
      </c>
      <c r="KJ24" s="102">
        <v>29</v>
      </c>
      <c r="KK24" s="102">
        <v>22</v>
      </c>
      <c r="KL24" s="103">
        <v>248</v>
      </c>
      <c r="KM24" s="104">
        <v>359</v>
      </c>
    </row>
    <row r="25" spans="2:299" s="70" customFormat="1" ht="21" customHeight="1" x14ac:dyDescent="0.2">
      <c r="B25" s="106" t="s">
        <v>22</v>
      </c>
      <c r="C25" s="96">
        <v>12</v>
      </c>
      <c r="D25" s="97">
        <v>15</v>
      </c>
      <c r="E25" s="98">
        <v>27</v>
      </c>
      <c r="F25" s="413">
        <v>0</v>
      </c>
      <c r="G25" s="97">
        <v>50</v>
      </c>
      <c r="H25" s="97">
        <v>26</v>
      </c>
      <c r="I25" s="97">
        <v>18</v>
      </c>
      <c r="J25" s="97">
        <v>19</v>
      </c>
      <c r="K25" s="97">
        <v>8</v>
      </c>
      <c r="L25" s="99">
        <v>121</v>
      </c>
      <c r="M25" s="100">
        <v>148</v>
      </c>
      <c r="N25" s="101">
        <v>0</v>
      </c>
      <c r="O25" s="102">
        <v>0</v>
      </c>
      <c r="P25" s="103">
        <v>0</v>
      </c>
      <c r="Q25" s="413">
        <v>0</v>
      </c>
      <c r="R25" s="102">
        <v>0</v>
      </c>
      <c r="S25" s="102">
        <v>0</v>
      </c>
      <c r="T25" s="102">
        <v>0</v>
      </c>
      <c r="U25" s="102">
        <v>0</v>
      </c>
      <c r="V25" s="102">
        <v>0</v>
      </c>
      <c r="W25" s="103">
        <v>0</v>
      </c>
      <c r="X25" s="104">
        <v>0</v>
      </c>
      <c r="Y25" s="101">
        <v>0</v>
      </c>
      <c r="Z25" s="102">
        <v>0</v>
      </c>
      <c r="AA25" s="103">
        <v>0</v>
      </c>
      <c r="AB25" s="413">
        <v>0</v>
      </c>
      <c r="AC25" s="102">
        <v>0</v>
      </c>
      <c r="AD25" s="102">
        <v>0</v>
      </c>
      <c r="AE25" s="102">
        <v>0</v>
      </c>
      <c r="AF25" s="102">
        <v>0</v>
      </c>
      <c r="AG25" s="102">
        <v>1</v>
      </c>
      <c r="AH25" s="103">
        <v>1</v>
      </c>
      <c r="AI25" s="104">
        <v>1</v>
      </c>
      <c r="AJ25" s="101">
        <v>0</v>
      </c>
      <c r="AK25" s="102">
        <v>1</v>
      </c>
      <c r="AL25" s="103">
        <v>1</v>
      </c>
      <c r="AM25" s="413">
        <v>0</v>
      </c>
      <c r="AN25" s="102">
        <v>5</v>
      </c>
      <c r="AO25" s="102">
        <v>3</v>
      </c>
      <c r="AP25" s="102">
        <v>2</v>
      </c>
      <c r="AQ25" s="102">
        <v>2</v>
      </c>
      <c r="AR25" s="102">
        <v>1</v>
      </c>
      <c r="AS25" s="103">
        <v>13</v>
      </c>
      <c r="AT25" s="104">
        <v>14</v>
      </c>
      <c r="AU25" s="101">
        <v>2</v>
      </c>
      <c r="AV25" s="102">
        <v>3</v>
      </c>
      <c r="AW25" s="103">
        <v>5</v>
      </c>
      <c r="AX25" s="413">
        <v>0</v>
      </c>
      <c r="AY25" s="102">
        <v>7</v>
      </c>
      <c r="AZ25" s="102">
        <v>5</v>
      </c>
      <c r="BA25" s="102">
        <v>4</v>
      </c>
      <c r="BB25" s="102">
        <v>1</v>
      </c>
      <c r="BC25" s="102">
        <v>2</v>
      </c>
      <c r="BD25" s="103">
        <v>19</v>
      </c>
      <c r="BE25" s="104">
        <v>24</v>
      </c>
      <c r="BF25" s="101">
        <v>6</v>
      </c>
      <c r="BG25" s="102">
        <v>6</v>
      </c>
      <c r="BH25" s="103">
        <v>12</v>
      </c>
      <c r="BI25" s="413">
        <v>0</v>
      </c>
      <c r="BJ25" s="102">
        <v>18</v>
      </c>
      <c r="BK25" s="102">
        <v>8</v>
      </c>
      <c r="BL25" s="102">
        <v>4</v>
      </c>
      <c r="BM25" s="102">
        <v>9</v>
      </c>
      <c r="BN25" s="102">
        <v>1</v>
      </c>
      <c r="BO25" s="103">
        <v>40</v>
      </c>
      <c r="BP25" s="104">
        <v>52</v>
      </c>
      <c r="BQ25" s="101">
        <v>4</v>
      </c>
      <c r="BR25" s="102">
        <v>5</v>
      </c>
      <c r="BS25" s="103">
        <v>9</v>
      </c>
      <c r="BT25" s="413">
        <v>0</v>
      </c>
      <c r="BU25" s="102">
        <v>20</v>
      </c>
      <c r="BV25" s="102">
        <v>10</v>
      </c>
      <c r="BW25" s="102">
        <v>8</v>
      </c>
      <c r="BX25" s="102">
        <v>7</v>
      </c>
      <c r="BY25" s="102">
        <v>3</v>
      </c>
      <c r="BZ25" s="103">
        <v>48</v>
      </c>
      <c r="CA25" s="104">
        <v>57</v>
      </c>
      <c r="CB25" s="101">
        <v>0</v>
      </c>
      <c r="CC25" s="102">
        <v>0</v>
      </c>
      <c r="CD25" s="103">
        <v>0</v>
      </c>
      <c r="CE25" s="413">
        <v>0</v>
      </c>
      <c r="CF25" s="102">
        <v>0</v>
      </c>
      <c r="CG25" s="102">
        <v>0</v>
      </c>
      <c r="CH25" s="102">
        <v>0</v>
      </c>
      <c r="CI25" s="102">
        <v>0</v>
      </c>
      <c r="CJ25" s="102">
        <v>0</v>
      </c>
      <c r="CK25" s="103">
        <v>0</v>
      </c>
      <c r="CL25" s="104">
        <v>0</v>
      </c>
      <c r="CM25" s="101">
        <v>12</v>
      </c>
      <c r="CN25" s="102">
        <v>15</v>
      </c>
      <c r="CO25" s="103">
        <v>27</v>
      </c>
      <c r="CP25" s="413">
        <v>0</v>
      </c>
      <c r="CQ25" s="102">
        <v>50</v>
      </c>
      <c r="CR25" s="102">
        <v>26</v>
      </c>
      <c r="CS25" s="102">
        <v>18</v>
      </c>
      <c r="CT25" s="102">
        <v>19</v>
      </c>
      <c r="CU25" s="102">
        <v>8</v>
      </c>
      <c r="CV25" s="103">
        <v>121</v>
      </c>
      <c r="CW25" s="104">
        <v>148</v>
      </c>
      <c r="CX25" s="105">
        <v>1</v>
      </c>
      <c r="CY25" s="97">
        <v>4</v>
      </c>
      <c r="CZ25" s="98">
        <v>5</v>
      </c>
      <c r="DA25" s="413">
        <v>0</v>
      </c>
      <c r="DB25" s="97">
        <v>7</v>
      </c>
      <c r="DC25" s="97">
        <v>4</v>
      </c>
      <c r="DD25" s="97">
        <v>6</v>
      </c>
      <c r="DE25" s="97">
        <v>4</v>
      </c>
      <c r="DF25" s="97">
        <v>1</v>
      </c>
      <c r="DG25" s="99">
        <v>22</v>
      </c>
      <c r="DH25" s="100">
        <v>27</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0</v>
      </c>
      <c r="EA25" s="102">
        <v>0</v>
      </c>
      <c r="EB25" s="102">
        <v>0</v>
      </c>
      <c r="EC25" s="103">
        <v>0</v>
      </c>
      <c r="ED25" s="104">
        <v>1</v>
      </c>
      <c r="EE25" s="101">
        <v>0</v>
      </c>
      <c r="EF25" s="102">
        <v>0</v>
      </c>
      <c r="EG25" s="103">
        <v>0</v>
      </c>
      <c r="EH25" s="413">
        <v>0</v>
      </c>
      <c r="EI25" s="102">
        <v>0</v>
      </c>
      <c r="EJ25" s="102">
        <v>0</v>
      </c>
      <c r="EK25" s="102">
        <v>1</v>
      </c>
      <c r="EL25" s="102">
        <v>0</v>
      </c>
      <c r="EM25" s="102">
        <v>1</v>
      </c>
      <c r="EN25" s="103">
        <v>2</v>
      </c>
      <c r="EO25" s="104">
        <v>2</v>
      </c>
      <c r="EP25" s="101">
        <v>1</v>
      </c>
      <c r="EQ25" s="102">
        <v>3</v>
      </c>
      <c r="ER25" s="103">
        <v>4</v>
      </c>
      <c r="ES25" s="413">
        <v>0</v>
      </c>
      <c r="ET25" s="102">
        <v>0</v>
      </c>
      <c r="EU25" s="102">
        <v>2</v>
      </c>
      <c r="EV25" s="102">
        <v>1</v>
      </c>
      <c r="EW25" s="102">
        <v>0</v>
      </c>
      <c r="EX25" s="102">
        <v>0</v>
      </c>
      <c r="EY25" s="103">
        <v>3</v>
      </c>
      <c r="EZ25" s="104">
        <v>7</v>
      </c>
      <c r="FA25" s="101">
        <v>0</v>
      </c>
      <c r="FB25" s="102">
        <v>0</v>
      </c>
      <c r="FC25" s="103">
        <v>0</v>
      </c>
      <c r="FD25" s="413">
        <v>0</v>
      </c>
      <c r="FE25" s="102">
        <v>3</v>
      </c>
      <c r="FF25" s="102">
        <v>2</v>
      </c>
      <c r="FG25" s="102">
        <v>0</v>
      </c>
      <c r="FH25" s="102">
        <v>0</v>
      </c>
      <c r="FI25" s="102">
        <v>0</v>
      </c>
      <c r="FJ25" s="103">
        <v>5</v>
      </c>
      <c r="FK25" s="104">
        <v>5</v>
      </c>
      <c r="FL25" s="101">
        <v>0</v>
      </c>
      <c r="FM25" s="102">
        <v>0</v>
      </c>
      <c r="FN25" s="103">
        <v>0</v>
      </c>
      <c r="FO25" s="413">
        <v>0</v>
      </c>
      <c r="FP25" s="102">
        <v>4</v>
      </c>
      <c r="FQ25" s="102">
        <v>0</v>
      </c>
      <c r="FR25" s="102">
        <v>4</v>
      </c>
      <c r="FS25" s="102">
        <v>4</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4</v>
      </c>
      <c r="GJ25" s="103">
        <v>5</v>
      </c>
      <c r="GK25" s="413">
        <v>0</v>
      </c>
      <c r="GL25" s="102">
        <v>7</v>
      </c>
      <c r="GM25" s="102">
        <v>4</v>
      </c>
      <c r="GN25" s="102">
        <v>6</v>
      </c>
      <c r="GO25" s="102">
        <v>4</v>
      </c>
      <c r="GP25" s="102">
        <v>1</v>
      </c>
      <c r="GQ25" s="103">
        <v>22</v>
      </c>
      <c r="GR25" s="104">
        <v>27</v>
      </c>
      <c r="GS25" s="105">
        <v>13</v>
      </c>
      <c r="GT25" s="97">
        <v>19</v>
      </c>
      <c r="GU25" s="98">
        <v>32</v>
      </c>
      <c r="GV25" s="413">
        <v>0</v>
      </c>
      <c r="GW25" s="97">
        <v>57</v>
      </c>
      <c r="GX25" s="97">
        <v>30</v>
      </c>
      <c r="GY25" s="97">
        <v>24</v>
      </c>
      <c r="GZ25" s="97">
        <v>23</v>
      </c>
      <c r="HA25" s="97">
        <v>9</v>
      </c>
      <c r="HB25" s="99">
        <v>143</v>
      </c>
      <c r="HC25" s="100">
        <v>175</v>
      </c>
      <c r="HD25" s="101">
        <v>0</v>
      </c>
      <c r="HE25" s="102">
        <v>0</v>
      </c>
      <c r="HF25" s="103">
        <v>0</v>
      </c>
      <c r="HG25" s="413">
        <v>0</v>
      </c>
      <c r="HH25" s="102">
        <v>0</v>
      </c>
      <c r="HI25" s="102">
        <v>0</v>
      </c>
      <c r="HJ25" s="102">
        <v>0</v>
      </c>
      <c r="HK25" s="102">
        <v>0</v>
      </c>
      <c r="HL25" s="102">
        <v>0</v>
      </c>
      <c r="HM25" s="103">
        <v>0</v>
      </c>
      <c r="HN25" s="104">
        <v>0</v>
      </c>
      <c r="HO25" s="101">
        <v>0</v>
      </c>
      <c r="HP25" s="102">
        <v>1</v>
      </c>
      <c r="HQ25" s="103">
        <v>1</v>
      </c>
      <c r="HR25" s="413">
        <v>0</v>
      </c>
      <c r="HS25" s="102">
        <v>0</v>
      </c>
      <c r="HT25" s="102">
        <v>0</v>
      </c>
      <c r="HU25" s="102">
        <v>0</v>
      </c>
      <c r="HV25" s="102">
        <v>0</v>
      </c>
      <c r="HW25" s="102">
        <v>1</v>
      </c>
      <c r="HX25" s="103">
        <v>1</v>
      </c>
      <c r="HY25" s="104">
        <v>2</v>
      </c>
      <c r="HZ25" s="101">
        <v>0</v>
      </c>
      <c r="IA25" s="102">
        <v>1</v>
      </c>
      <c r="IB25" s="103">
        <v>1</v>
      </c>
      <c r="IC25" s="413">
        <v>0</v>
      </c>
      <c r="ID25" s="102">
        <v>5</v>
      </c>
      <c r="IE25" s="102">
        <v>3</v>
      </c>
      <c r="IF25" s="102">
        <v>3</v>
      </c>
      <c r="IG25" s="102">
        <v>2</v>
      </c>
      <c r="IH25" s="102">
        <v>2</v>
      </c>
      <c r="II25" s="103">
        <v>15</v>
      </c>
      <c r="IJ25" s="104">
        <v>16</v>
      </c>
      <c r="IK25" s="101">
        <v>3</v>
      </c>
      <c r="IL25" s="102">
        <v>6</v>
      </c>
      <c r="IM25" s="103">
        <v>9</v>
      </c>
      <c r="IN25" s="413">
        <v>0</v>
      </c>
      <c r="IO25" s="102">
        <v>7</v>
      </c>
      <c r="IP25" s="102">
        <v>7</v>
      </c>
      <c r="IQ25" s="102">
        <v>5</v>
      </c>
      <c r="IR25" s="102">
        <v>1</v>
      </c>
      <c r="IS25" s="102">
        <v>2</v>
      </c>
      <c r="IT25" s="103">
        <v>22</v>
      </c>
      <c r="IU25" s="104">
        <v>31</v>
      </c>
      <c r="IV25" s="101">
        <v>6</v>
      </c>
      <c r="IW25" s="102">
        <v>6</v>
      </c>
      <c r="IX25" s="103">
        <v>12</v>
      </c>
      <c r="IY25" s="413">
        <v>0</v>
      </c>
      <c r="IZ25" s="102">
        <v>21</v>
      </c>
      <c r="JA25" s="102">
        <v>10</v>
      </c>
      <c r="JB25" s="102">
        <v>4</v>
      </c>
      <c r="JC25" s="102">
        <v>9</v>
      </c>
      <c r="JD25" s="102">
        <v>1</v>
      </c>
      <c r="JE25" s="103">
        <v>45</v>
      </c>
      <c r="JF25" s="104">
        <v>57</v>
      </c>
      <c r="JG25" s="101">
        <v>4</v>
      </c>
      <c r="JH25" s="102">
        <v>5</v>
      </c>
      <c r="JI25" s="103">
        <v>9</v>
      </c>
      <c r="JJ25" s="413">
        <v>0</v>
      </c>
      <c r="JK25" s="102">
        <v>24</v>
      </c>
      <c r="JL25" s="102">
        <v>10</v>
      </c>
      <c r="JM25" s="102">
        <v>12</v>
      </c>
      <c r="JN25" s="102">
        <v>11</v>
      </c>
      <c r="JO25" s="102">
        <v>3</v>
      </c>
      <c r="JP25" s="103">
        <v>60</v>
      </c>
      <c r="JQ25" s="104">
        <v>69</v>
      </c>
      <c r="JR25" s="101">
        <v>0</v>
      </c>
      <c r="JS25" s="102">
        <v>0</v>
      </c>
      <c r="JT25" s="103">
        <v>0</v>
      </c>
      <c r="JU25" s="413">
        <v>0</v>
      </c>
      <c r="JV25" s="102">
        <v>0</v>
      </c>
      <c r="JW25" s="102">
        <v>0</v>
      </c>
      <c r="JX25" s="102">
        <v>0</v>
      </c>
      <c r="JY25" s="102">
        <v>0</v>
      </c>
      <c r="JZ25" s="102">
        <v>0</v>
      </c>
      <c r="KA25" s="103">
        <v>0</v>
      </c>
      <c r="KB25" s="104">
        <v>0</v>
      </c>
      <c r="KC25" s="101">
        <v>13</v>
      </c>
      <c r="KD25" s="102">
        <v>19</v>
      </c>
      <c r="KE25" s="103">
        <v>32</v>
      </c>
      <c r="KF25" s="413">
        <v>0</v>
      </c>
      <c r="KG25" s="102">
        <v>57</v>
      </c>
      <c r="KH25" s="102">
        <v>30</v>
      </c>
      <c r="KI25" s="102">
        <v>24</v>
      </c>
      <c r="KJ25" s="102">
        <v>23</v>
      </c>
      <c r="KK25" s="102">
        <v>9</v>
      </c>
      <c r="KL25" s="103">
        <v>143</v>
      </c>
      <c r="KM25" s="104">
        <v>175</v>
      </c>
    </row>
    <row r="26" spans="2:299" s="70" customFormat="1" ht="21" customHeight="1" x14ac:dyDescent="0.2">
      <c r="B26" s="106" t="s">
        <v>23</v>
      </c>
      <c r="C26" s="96">
        <v>41</v>
      </c>
      <c r="D26" s="97">
        <v>31</v>
      </c>
      <c r="E26" s="98">
        <v>72</v>
      </c>
      <c r="F26" s="413">
        <v>0</v>
      </c>
      <c r="G26" s="97">
        <v>51</v>
      </c>
      <c r="H26" s="97">
        <v>30</v>
      </c>
      <c r="I26" s="97">
        <v>26</v>
      </c>
      <c r="J26" s="97">
        <v>17</v>
      </c>
      <c r="K26" s="97">
        <v>12</v>
      </c>
      <c r="L26" s="99">
        <v>136</v>
      </c>
      <c r="M26" s="100">
        <v>208</v>
      </c>
      <c r="N26" s="101">
        <v>0</v>
      </c>
      <c r="O26" s="102">
        <v>2</v>
      </c>
      <c r="P26" s="103">
        <v>2</v>
      </c>
      <c r="Q26" s="413">
        <v>0</v>
      </c>
      <c r="R26" s="102">
        <v>1</v>
      </c>
      <c r="S26" s="102">
        <v>1</v>
      </c>
      <c r="T26" s="102">
        <v>0</v>
      </c>
      <c r="U26" s="102">
        <v>2</v>
      </c>
      <c r="V26" s="102">
        <v>0</v>
      </c>
      <c r="W26" s="103">
        <v>4</v>
      </c>
      <c r="X26" s="104">
        <v>6</v>
      </c>
      <c r="Y26" s="101">
        <v>1</v>
      </c>
      <c r="Z26" s="102">
        <v>1</v>
      </c>
      <c r="AA26" s="103">
        <v>2</v>
      </c>
      <c r="AB26" s="413">
        <v>0</v>
      </c>
      <c r="AC26" s="102">
        <v>1</v>
      </c>
      <c r="AD26" s="102">
        <v>4</v>
      </c>
      <c r="AE26" s="102">
        <v>2</v>
      </c>
      <c r="AF26" s="102">
        <v>0</v>
      </c>
      <c r="AG26" s="102">
        <v>1</v>
      </c>
      <c r="AH26" s="103">
        <v>8</v>
      </c>
      <c r="AI26" s="104">
        <v>10</v>
      </c>
      <c r="AJ26" s="101">
        <v>5</v>
      </c>
      <c r="AK26" s="102">
        <v>4</v>
      </c>
      <c r="AL26" s="103">
        <v>9</v>
      </c>
      <c r="AM26" s="413">
        <v>0</v>
      </c>
      <c r="AN26" s="102">
        <v>6</v>
      </c>
      <c r="AO26" s="102">
        <v>0</v>
      </c>
      <c r="AP26" s="102">
        <v>1</v>
      </c>
      <c r="AQ26" s="102">
        <v>2</v>
      </c>
      <c r="AR26" s="102">
        <v>3</v>
      </c>
      <c r="AS26" s="103">
        <v>12</v>
      </c>
      <c r="AT26" s="104">
        <v>21</v>
      </c>
      <c r="AU26" s="101">
        <v>11</v>
      </c>
      <c r="AV26" s="102">
        <v>11</v>
      </c>
      <c r="AW26" s="103">
        <v>22</v>
      </c>
      <c r="AX26" s="413">
        <v>0</v>
      </c>
      <c r="AY26" s="102">
        <v>14</v>
      </c>
      <c r="AZ26" s="102">
        <v>9</v>
      </c>
      <c r="BA26" s="102">
        <v>8</v>
      </c>
      <c r="BB26" s="102">
        <v>5</v>
      </c>
      <c r="BC26" s="102">
        <v>3</v>
      </c>
      <c r="BD26" s="103">
        <v>39</v>
      </c>
      <c r="BE26" s="104">
        <v>61</v>
      </c>
      <c r="BF26" s="101">
        <v>14</v>
      </c>
      <c r="BG26" s="102">
        <v>9</v>
      </c>
      <c r="BH26" s="103">
        <v>23</v>
      </c>
      <c r="BI26" s="413">
        <v>0</v>
      </c>
      <c r="BJ26" s="102">
        <v>20</v>
      </c>
      <c r="BK26" s="102">
        <v>8</v>
      </c>
      <c r="BL26" s="102">
        <v>8</v>
      </c>
      <c r="BM26" s="102">
        <v>2</v>
      </c>
      <c r="BN26" s="102">
        <v>4</v>
      </c>
      <c r="BO26" s="103">
        <v>42</v>
      </c>
      <c r="BP26" s="104">
        <v>65</v>
      </c>
      <c r="BQ26" s="101">
        <v>10</v>
      </c>
      <c r="BR26" s="102">
        <v>4</v>
      </c>
      <c r="BS26" s="103">
        <v>14</v>
      </c>
      <c r="BT26" s="413">
        <v>0</v>
      </c>
      <c r="BU26" s="102">
        <v>9</v>
      </c>
      <c r="BV26" s="102">
        <v>8</v>
      </c>
      <c r="BW26" s="102">
        <v>7</v>
      </c>
      <c r="BX26" s="102">
        <v>6</v>
      </c>
      <c r="BY26" s="102">
        <v>1</v>
      </c>
      <c r="BZ26" s="103">
        <v>31</v>
      </c>
      <c r="CA26" s="104">
        <v>45</v>
      </c>
      <c r="CB26" s="101">
        <v>0</v>
      </c>
      <c r="CC26" s="102">
        <v>0</v>
      </c>
      <c r="CD26" s="103">
        <v>0</v>
      </c>
      <c r="CE26" s="413">
        <v>0</v>
      </c>
      <c r="CF26" s="102">
        <v>0</v>
      </c>
      <c r="CG26" s="102">
        <v>0</v>
      </c>
      <c r="CH26" s="102">
        <v>0</v>
      </c>
      <c r="CI26" s="102">
        <v>0</v>
      </c>
      <c r="CJ26" s="102">
        <v>0</v>
      </c>
      <c r="CK26" s="103">
        <v>0</v>
      </c>
      <c r="CL26" s="104">
        <v>0</v>
      </c>
      <c r="CM26" s="101">
        <v>41</v>
      </c>
      <c r="CN26" s="102">
        <v>31</v>
      </c>
      <c r="CO26" s="103">
        <v>72</v>
      </c>
      <c r="CP26" s="413">
        <v>0</v>
      </c>
      <c r="CQ26" s="102">
        <v>51</v>
      </c>
      <c r="CR26" s="102">
        <v>30</v>
      </c>
      <c r="CS26" s="102">
        <v>26</v>
      </c>
      <c r="CT26" s="102">
        <v>17</v>
      </c>
      <c r="CU26" s="102">
        <v>12</v>
      </c>
      <c r="CV26" s="103">
        <v>136</v>
      </c>
      <c r="CW26" s="104">
        <v>208</v>
      </c>
      <c r="CX26" s="105">
        <v>2</v>
      </c>
      <c r="CY26" s="97">
        <v>3</v>
      </c>
      <c r="CZ26" s="98">
        <v>5</v>
      </c>
      <c r="DA26" s="413">
        <v>0</v>
      </c>
      <c r="DB26" s="97">
        <v>3</v>
      </c>
      <c r="DC26" s="97">
        <v>6</v>
      </c>
      <c r="DD26" s="97">
        <v>2</v>
      </c>
      <c r="DE26" s="97">
        <v>4</v>
      </c>
      <c r="DF26" s="97">
        <v>0</v>
      </c>
      <c r="DG26" s="99">
        <v>15</v>
      </c>
      <c r="DH26" s="100">
        <v>20</v>
      </c>
      <c r="DI26" s="101">
        <v>0</v>
      </c>
      <c r="DJ26" s="102">
        <v>0</v>
      </c>
      <c r="DK26" s="103">
        <v>0</v>
      </c>
      <c r="DL26" s="413">
        <v>0</v>
      </c>
      <c r="DM26" s="102">
        <v>0</v>
      </c>
      <c r="DN26" s="102">
        <v>0</v>
      </c>
      <c r="DO26" s="102">
        <v>0</v>
      </c>
      <c r="DP26" s="102">
        <v>0</v>
      </c>
      <c r="DQ26" s="102">
        <v>0</v>
      </c>
      <c r="DR26" s="103">
        <v>0</v>
      </c>
      <c r="DS26" s="104">
        <v>0</v>
      </c>
      <c r="DT26" s="101">
        <v>0</v>
      </c>
      <c r="DU26" s="102">
        <v>2</v>
      </c>
      <c r="DV26" s="103">
        <v>2</v>
      </c>
      <c r="DW26" s="413">
        <v>0</v>
      </c>
      <c r="DX26" s="102">
        <v>0</v>
      </c>
      <c r="DY26" s="102">
        <v>0</v>
      </c>
      <c r="DZ26" s="102">
        <v>0</v>
      </c>
      <c r="EA26" s="102">
        <v>1</v>
      </c>
      <c r="EB26" s="102">
        <v>0</v>
      </c>
      <c r="EC26" s="103">
        <v>1</v>
      </c>
      <c r="ED26" s="104">
        <v>3</v>
      </c>
      <c r="EE26" s="101">
        <v>1</v>
      </c>
      <c r="EF26" s="102">
        <v>0</v>
      </c>
      <c r="EG26" s="103">
        <v>1</v>
      </c>
      <c r="EH26" s="413">
        <v>0</v>
      </c>
      <c r="EI26" s="102">
        <v>1</v>
      </c>
      <c r="EJ26" s="102">
        <v>2</v>
      </c>
      <c r="EK26" s="102">
        <v>0</v>
      </c>
      <c r="EL26" s="102">
        <v>1</v>
      </c>
      <c r="EM26" s="102">
        <v>0</v>
      </c>
      <c r="EN26" s="103">
        <v>4</v>
      </c>
      <c r="EO26" s="104">
        <v>5</v>
      </c>
      <c r="EP26" s="101">
        <v>1</v>
      </c>
      <c r="EQ26" s="102">
        <v>0</v>
      </c>
      <c r="ER26" s="103">
        <v>1</v>
      </c>
      <c r="ES26" s="413">
        <v>0</v>
      </c>
      <c r="ET26" s="102">
        <v>1</v>
      </c>
      <c r="EU26" s="102">
        <v>1</v>
      </c>
      <c r="EV26" s="102">
        <v>0</v>
      </c>
      <c r="EW26" s="102">
        <v>0</v>
      </c>
      <c r="EX26" s="102">
        <v>0</v>
      </c>
      <c r="EY26" s="103">
        <v>2</v>
      </c>
      <c r="EZ26" s="104">
        <v>3</v>
      </c>
      <c r="FA26" s="101">
        <v>0</v>
      </c>
      <c r="FB26" s="102">
        <v>1</v>
      </c>
      <c r="FC26" s="103">
        <v>1</v>
      </c>
      <c r="FD26" s="413">
        <v>0</v>
      </c>
      <c r="FE26" s="102">
        <v>1</v>
      </c>
      <c r="FF26" s="102">
        <v>3</v>
      </c>
      <c r="FG26" s="102">
        <v>1</v>
      </c>
      <c r="FH26" s="102">
        <v>1</v>
      </c>
      <c r="FI26" s="102">
        <v>0</v>
      </c>
      <c r="FJ26" s="103">
        <v>6</v>
      </c>
      <c r="FK26" s="104">
        <v>7</v>
      </c>
      <c r="FL26" s="101">
        <v>0</v>
      </c>
      <c r="FM26" s="102">
        <v>0</v>
      </c>
      <c r="FN26" s="103">
        <v>0</v>
      </c>
      <c r="FO26" s="413">
        <v>0</v>
      </c>
      <c r="FP26" s="102">
        <v>0</v>
      </c>
      <c r="FQ26" s="102">
        <v>0</v>
      </c>
      <c r="FR26" s="102">
        <v>1</v>
      </c>
      <c r="FS26" s="102">
        <v>1</v>
      </c>
      <c r="FT26" s="102">
        <v>0</v>
      </c>
      <c r="FU26" s="103">
        <v>2</v>
      </c>
      <c r="FV26" s="104">
        <v>2</v>
      </c>
      <c r="FW26" s="101">
        <v>0</v>
      </c>
      <c r="FX26" s="102">
        <v>0</v>
      </c>
      <c r="FY26" s="103">
        <v>0</v>
      </c>
      <c r="FZ26" s="413">
        <v>0</v>
      </c>
      <c r="GA26" s="102">
        <v>0</v>
      </c>
      <c r="GB26" s="102">
        <v>0</v>
      </c>
      <c r="GC26" s="102">
        <v>0</v>
      </c>
      <c r="GD26" s="102">
        <v>0</v>
      </c>
      <c r="GE26" s="102">
        <v>0</v>
      </c>
      <c r="GF26" s="103">
        <v>0</v>
      </c>
      <c r="GG26" s="104">
        <v>0</v>
      </c>
      <c r="GH26" s="101">
        <v>2</v>
      </c>
      <c r="GI26" s="102">
        <v>3</v>
      </c>
      <c r="GJ26" s="103">
        <v>5</v>
      </c>
      <c r="GK26" s="413">
        <v>0</v>
      </c>
      <c r="GL26" s="102">
        <v>3</v>
      </c>
      <c r="GM26" s="102">
        <v>6</v>
      </c>
      <c r="GN26" s="102">
        <v>2</v>
      </c>
      <c r="GO26" s="102">
        <v>4</v>
      </c>
      <c r="GP26" s="102">
        <v>0</v>
      </c>
      <c r="GQ26" s="103">
        <v>15</v>
      </c>
      <c r="GR26" s="104">
        <v>20</v>
      </c>
      <c r="GS26" s="105">
        <v>43</v>
      </c>
      <c r="GT26" s="97">
        <v>34</v>
      </c>
      <c r="GU26" s="98">
        <v>77</v>
      </c>
      <c r="GV26" s="413">
        <v>0</v>
      </c>
      <c r="GW26" s="97">
        <v>54</v>
      </c>
      <c r="GX26" s="97">
        <v>36</v>
      </c>
      <c r="GY26" s="97">
        <v>28</v>
      </c>
      <c r="GZ26" s="97">
        <v>21</v>
      </c>
      <c r="HA26" s="97">
        <v>12</v>
      </c>
      <c r="HB26" s="99">
        <v>151</v>
      </c>
      <c r="HC26" s="100">
        <v>228</v>
      </c>
      <c r="HD26" s="101">
        <v>0</v>
      </c>
      <c r="HE26" s="102">
        <v>2</v>
      </c>
      <c r="HF26" s="103">
        <v>2</v>
      </c>
      <c r="HG26" s="413">
        <v>0</v>
      </c>
      <c r="HH26" s="102">
        <v>1</v>
      </c>
      <c r="HI26" s="102">
        <v>1</v>
      </c>
      <c r="HJ26" s="102">
        <v>0</v>
      </c>
      <c r="HK26" s="102">
        <v>2</v>
      </c>
      <c r="HL26" s="102">
        <v>0</v>
      </c>
      <c r="HM26" s="103">
        <v>4</v>
      </c>
      <c r="HN26" s="104">
        <v>6</v>
      </c>
      <c r="HO26" s="101">
        <v>1</v>
      </c>
      <c r="HP26" s="102">
        <v>3</v>
      </c>
      <c r="HQ26" s="103">
        <v>4</v>
      </c>
      <c r="HR26" s="413">
        <v>0</v>
      </c>
      <c r="HS26" s="102">
        <v>1</v>
      </c>
      <c r="HT26" s="102">
        <v>4</v>
      </c>
      <c r="HU26" s="102">
        <v>2</v>
      </c>
      <c r="HV26" s="102">
        <v>1</v>
      </c>
      <c r="HW26" s="102">
        <v>1</v>
      </c>
      <c r="HX26" s="103">
        <v>9</v>
      </c>
      <c r="HY26" s="104">
        <v>13</v>
      </c>
      <c r="HZ26" s="101">
        <v>6</v>
      </c>
      <c r="IA26" s="102">
        <v>4</v>
      </c>
      <c r="IB26" s="103">
        <v>10</v>
      </c>
      <c r="IC26" s="413">
        <v>0</v>
      </c>
      <c r="ID26" s="102">
        <v>7</v>
      </c>
      <c r="IE26" s="102">
        <v>2</v>
      </c>
      <c r="IF26" s="102">
        <v>1</v>
      </c>
      <c r="IG26" s="102">
        <v>3</v>
      </c>
      <c r="IH26" s="102">
        <v>3</v>
      </c>
      <c r="II26" s="103">
        <v>16</v>
      </c>
      <c r="IJ26" s="104">
        <v>26</v>
      </c>
      <c r="IK26" s="101">
        <v>12</v>
      </c>
      <c r="IL26" s="102">
        <v>11</v>
      </c>
      <c r="IM26" s="103">
        <v>23</v>
      </c>
      <c r="IN26" s="413">
        <v>0</v>
      </c>
      <c r="IO26" s="102">
        <v>15</v>
      </c>
      <c r="IP26" s="102">
        <v>10</v>
      </c>
      <c r="IQ26" s="102">
        <v>8</v>
      </c>
      <c r="IR26" s="102">
        <v>5</v>
      </c>
      <c r="IS26" s="102">
        <v>3</v>
      </c>
      <c r="IT26" s="103">
        <v>41</v>
      </c>
      <c r="IU26" s="104">
        <v>64</v>
      </c>
      <c r="IV26" s="101">
        <v>14</v>
      </c>
      <c r="IW26" s="102">
        <v>10</v>
      </c>
      <c r="IX26" s="103">
        <v>24</v>
      </c>
      <c r="IY26" s="413">
        <v>0</v>
      </c>
      <c r="IZ26" s="102">
        <v>21</v>
      </c>
      <c r="JA26" s="102">
        <v>11</v>
      </c>
      <c r="JB26" s="102">
        <v>9</v>
      </c>
      <c r="JC26" s="102">
        <v>3</v>
      </c>
      <c r="JD26" s="102">
        <v>4</v>
      </c>
      <c r="JE26" s="103">
        <v>48</v>
      </c>
      <c r="JF26" s="104">
        <v>72</v>
      </c>
      <c r="JG26" s="101">
        <v>10</v>
      </c>
      <c r="JH26" s="102">
        <v>4</v>
      </c>
      <c r="JI26" s="103">
        <v>14</v>
      </c>
      <c r="JJ26" s="413">
        <v>0</v>
      </c>
      <c r="JK26" s="102">
        <v>9</v>
      </c>
      <c r="JL26" s="102">
        <v>8</v>
      </c>
      <c r="JM26" s="102">
        <v>8</v>
      </c>
      <c r="JN26" s="102">
        <v>7</v>
      </c>
      <c r="JO26" s="102">
        <v>1</v>
      </c>
      <c r="JP26" s="103">
        <v>33</v>
      </c>
      <c r="JQ26" s="104">
        <v>47</v>
      </c>
      <c r="JR26" s="101">
        <v>0</v>
      </c>
      <c r="JS26" s="102">
        <v>0</v>
      </c>
      <c r="JT26" s="103">
        <v>0</v>
      </c>
      <c r="JU26" s="413">
        <v>0</v>
      </c>
      <c r="JV26" s="102">
        <v>0</v>
      </c>
      <c r="JW26" s="102">
        <v>0</v>
      </c>
      <c r="JX26" s="102">
        <v>0</v>
      </c>
      <c r="JY26" s="102">
        <v>0</v>
      </c>
      <c r="JZ26" s="102">
        <v>0</v>
      </c>
      <c r="KA26" s="103">
        <v>0</v>
      </c>
      <c r="KB26" s="104">
        <v>0</v>
      </c>
      <c r="KC26" s="101">
        <v>43</v>
      </c>
      <c r="KD26" s="102">
        <v>34</v>
      </c>
      <c r="KE26" s="103">
        <v>77</v>
      </c>
      <c r="KF26" s="413">
        <v>0</v>
      </c>
      <c r="KG26" s="102">
        <v>54</v>
      </c>
      <c r="KH26" s="102">
        <v>36</v>
      </c>
      <c r="KI26" s="102">
        <v>28</v>
      </c>
      <c r="KJ26" s="102">
        <v>21</v>
      </c>
      <c r="KK26" s="102">
        <v>12</v>
      </c>
      <c r="KL26" s="103">
        <v>151</v>
      </c>
      <c r="KM26" s="104">
        <v>228</v>
      </c>
    </row>
    <row r="27" spans="2:299" s="70" customFormat="1" ht="21" customHeight="1" x14ac:dyDescent="0.2">
      <c r="B27" s="106" t="s">
        <v>24</v>
      </c>
      <c r="C27" s="96">
        <v>38</v>
      </c>
      <c r="D27" s="97">
        <v>21</v>
      </c>
      <c r="E27" s="98">
        <v>59</v>
      </c>
      <c r="F27" s="413">
        <v>0</v>
      </c>
      <c r="G27" s="97">
        <v>38</v>
      </c>
      <c r="H27" s="97">
        <v>28</v>
      </c>
      <c r="I27" s="97">
        <v>18</v>
      </c>
      <c r="J27" s="97">
        <v>15</v>
      </c>
      <c r="K27" s="97">
        <v>11</v>
      </c>
      <c r="L27" s="99">
        <v>110</v>
      </c>
      <c r="M27" s="100">
        <v>169</v>
      </c>
      <c r="N27" s="101">
        <v>1</v>
      </c>
      <c r="O27" s="102">
        <v>0</v>
      </c>
      <c r="P27" s="103">
        <v>1</v>
      </c>
      <c r="Q27" s="413">
        <v>0</v>
      </c>
      <c r="R27" s="102">
        <v>1</v>
      </c>
      <c r="S27" s="102">
        <v>0</v>
      </c>
      <c r="T27" s="102">
        <v>0</v>
      </c>
      <c r="U27" s="102">
        <v>0</v>
      </c>
      <c r="V27" s="102">
        <v>0</v>
      </c>
      <c r="W27" s="103">
        <v>1</v>
      </c>
      <c r="X27" s="104">
        <v>2</v>
      </c>
      <c r="Y27" s="101">
        <v>0</v>
      </c>
      <c r="Z27" s="102">
        <v>2</v>
      </c>
      <c r="AA27" s="103">
        <v>2</v>
      </c>
      <c r="AB27" s="413">
        <v>0</v>
      </c>
      <c r="AC27" s="102">
        <v>2</v>
      </c>
      <c r="AD27" s="102">
        <v>0</v>
      </c>
      <c r="AE27" s="102">
        <v>1</v>
      </c>
      <c r="AF27" s="102">
        <v>0</v>
      </c>
      <c r="AG27" s="102">
        <v>2</v>
      </c>
      <c r="AH27" s="103">
        <v>5</v>
      </c>
      <c r="AI27" s="104">
        <v>7</v>
      </c>
      <c r="AJ27" s="101">
        <v>4</v>
      </c>
      <c r="AK27" s="102">
        <v>2</v>
      </c>
      <c r="AL27" s="103">
        <v>6</v>
      </c>
      <c r="AM27" s="413">
        <v>0</v>
      </c>
      <c r="AN27" s="102">
        <v>2</v>
      </c>
      <c r="AO27" s="102">
        <v>3</v>
      </c>
      <c r="AP27" s="102">
        <v>1</v>
      </c>
      <c r="AQ27" s="102">
        <v>3</v>
      </c>
      <c r="AR27" s="102">
        <v>1</v>
      </c>
      <c r="AS27" s="103">
        <v>10</v>
      </c>
      <c r="AT27" s="104">
        <v>16</v>
      </c>
      <c r="AU27" s="101">
        <v>6</v>
      </c>
      <c r="AV27" s="102">
        <v>1</v>
      </c>
      <c r="AW27" s="103">
        <v>7</v>
      </c>
      <c r="AX27" s="413">
        <v>0</v>
      </c>
      <c r="AY27" s="102">
        <v>9</v>
      </c>
      <c r="AZ27" s="102">
        <v>2</v>
      </c>
      <c r="BA27" s="102">
        <v>2</v>
      </c>
      <c r="BB27" s="102">
        <v>4</v>
      </c>
      <c r="BC27" s="102">
        <v>1</v>
      </c>
      <c r="BD27" s="103">
        <v>18</v>
      </c>
      <c r="BE27" s="104">
        <v>25</v>
      </c>
      <c r="BF27" s="101">
        <v>14</v>
      </c>
      <c r="BG27" s="102">
        <v>7</v>
      </c>
      <c r="BH27" s="103">
        <v>21</v>
      </c>
      <c r="BI27" s="413">
        <v>0</v>
      </c>
      <c r="BJ27" s="102">
        <v>10</v>
      </c>
      <c r="BK27" s="102">
        <v>9</v>
      </c>
      <c r="BL27" s="102">
        <v>7</v>
      </c>
      <c r="BM27" s="102">
        <v>4</v>
      </c>
      <c r="BN27" s="102">
        <v>3</v>
      </c>
      <c r="BO27" s="103">
        <v>33</v>
      </c>
      <c r="BP27" s="104">
        <v>54</v>
      </c>
      <c r="BQ27" s="101">
        <v>13</v>
      </c>
      <c r="BR27" s="102">
        <v>9</v>
      </c>
      <c r="BS27" s="103">
        <v>22</v>
      </c>
      <c r="BT27" s="413">
        <v>0</v>
      </c>
      <c r="BU27" s="102">
        <v>14</v>
      </c>
      <c r="BV27" s="102">
        <v>14</v>
      </c>
      <c r="BW27" s="102">
        <v>7</v>
      </c>
      <c r="BX27" s="102">
        <v>4</v>
      </c>
      <c r="BY27" s="102">
        <v>4</v>
      </c>
      <c r="BZ27" s="103">
        <v>43</v>
      </c>
      <c r="CA27" s="104">
        <v>65</v>
      </c>
      <c r="CB27" s="101">
        <v>0</v>
      </c>
      <c r="CC27" s="102">
        <v>0</v>
      </c>
      <c r="CD27" s="103">
        <v>0</v>
      </c>
      <c r="CE27" s="413">
        <v>0</v>
      </c>
      <c r="CF27" s="102">
        <v>0</v>
      </c>
      <c r="CG27" s="102">
        <v>0</v>
      </c>
      <c r="CH27" s="102">
        <v>0</v>
      </c>
      <c r="CI27" s="102">
        <v>0</v>
      </c>
      <c r="CJ27" s="102">
        <v>0</v>
      </c>
      <c r="CK27" s="103">
        <v>0</v>
      </c>
      <c r="CL27" s="104">
        <v>0</v>
      </c>
      <c r="CM27" s="101">
        <v>38</v>
      </c>
      <c r="CN27" s="102">
        <v>21</v>
      </c>
      <c r="CO27" s="103">
        <v>59</v>
      </c>
      <c r="CP27" s="413">
        <v>0</v>
      </c>
      <c r="CQ27" s="102">
        <v>38</v>
      </c>
      <c r="CR27" s="102">
        <v>28</v>
      </c>
      <c r="CS27" s="102">
        <v>18</v>
      </c>
      <c r="CT27" s="102">
        <v>15</v>
      </c>
      <c r="CU27" s="102">
        <v>11</v>
      </c>
      <c r="CV27" s="103">
        <v>110</v>
      </c>
      <c r="CW27" s="104">
        <v>169</v>
      </c>
      <c r="CX27" s="105">
        <v>3</v>
      </c>
      <c r="CY27" s="97">
        <v>2</v>
      </c>
      <c r="CZ27" s="98">
        <v>5</v>
      </c>
      <c r="DA27" s="413">
        <v>0</v>
      </c>
      <c r="DB27" s="97">
        <v>7</v>
      </c>
      <c r="DC27" s="97">
        <v>3</v>
      </c>
      <c r="DD27" s="97">
        <v>4</v>
      </c>
      <c r="DE27" s="97">
        <v>3</v>
      </c>
      <c r="DF27" s="97">
        <v>3</v>
      </c>
      <c r="DG27" s="99">
        <v>20</v>
      </c>
      <c r="DH27" s="100">
        <v>25</v>
      </c>
      <c r="DI27" s="101">
        <v>0</v>
      </c>
      <c r="DJ27" s="102">
        <v>0</v>
      </c>
      <c r="DK27" s="103">
        <v>0</v>
      </c>
      <c r="DL27" s="413">
        <v>0</v>
      </c>
      <c r="DM27" s="102">
        <v>0</v>
      </c>
      <c r="DN27" s="102">
        <v>0</v>
      </c>
      <c r="DO27" s="102">
        <v>0</v>
      </c>
      <c r="DP27" s="102">
        <v>0</v>
      </c>
      <c r="DQ27" s="102">
        <v>0</v>
      </c>
      <c r="DR27" s="103">
        <v>0</v>
      </c>
      <c r="DS27" s="104">
        <v>0</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0</v>
      </c>
      <c r="EK27" s="102">
        <v>0</v>
      </c>
      <c r="EL27" s="102">
        <v>0</v>
      </c>
      <c r="EM27" s="102">
        <v>0</v>
      </c>
      <c r="EN27" s="103">
        <v>1</v>
      </c>
      <c r="EO27" s="104">
        <v>1</v>
      </c>
      <c r="EP27" s="101">
        <v>0</v>
      </c>
      <c r="EQ27" s="102">
        <v>0</v>
      </c>
      <c r="ER27" s="103">
        <v>0</v>
      </c>
      <c r="ES27" s="413">
        <v>0</v>
      </c>
      <c r="ET27" s="102">
        <v>2</v>
      </c>
      <c r="EU27" s="102">
        <v>0</v>
      </c>
      <c r="EV27" s="102">
        <v>1</v>
      </c>
      <c r="EW27" s="102">
        <v>1</v>
      </c>
      <c r="EX27" s="102">
        <v>2</v>
      </c>
      <c r="EY27" s="103">
        <v>6</v>
      </c>
      <c r="EZ27" s="104">
        <v>6</v>
      </c>
      <c r="FA27" s="101">
        <v>1</v>
      </c>
      <c r="FB27" s="102">
        <v>2</v>
      </c>
      <c r="FC27" s="103">
        <v>3</v>
      </c>
      <c r="FD27" s="413">
        <v>0</v>
      </c>
      <c r="FE27" s="102">
        <v>2</v>
      </c>
      <c r="FF27" s="102">
        <v>2</v>
      </c>
      <c r="FG27" s="102">
        <v>0</v>
      </c>
      <c r="FH27" s="102">
        <v>0</v>
      </c>
      <c r="FI27" s="102">
        <v>1</v>
      </c>
      <c r="FJ27" s="103">
        <v>5</v>
      </c>
      <c r="FK27" s="104">
        <v>8</v>
      </c>
      <c r="FL27" s="101">
        <v>1</v>
      </c>
      <c r="FM27" s="102">
        <v>0</v>
      </c>
      <c r="FN27" s="103">
        <v>1</v>
      </c>
      <c r="FO27" s="413">
        <v>0</v>
      </c>
      <c r="FP27" s="102">
        <v>2</v>
      </c>
      <c r="FQ27" s="102">
        <v>1</v>
      </c>
      <c r="FR27" s="102">
        <v>3</v>
      </c>
      <c r="FS27" s="102">
        <v>2</v>
      </c>
      <c r="FT27" s="102">
        <v>0</v>
      </c>
      <c r="FU27" s="103">
        <v>8</v>
      </c>
      <c r="FV27" s="104">
        <v>9</v>
      </c>
      <c r="FW27" s="101">
        <v>0</v>
      </c>
      <c r="FX27" s="102">
        <v>0</v>
      </c>
      <c r="FY27" s="103">
        <v>0</v>
      </c>
      <c r="FZ27" s="413">
        <v>0</v>
      </c>
      <c r="GA27" s="102">
        <v>0</v>
      </c>
      <c r="GB27" s="102">
        <v>0</v>
      </c>
      <c r="GC27" s="102">
        <v>0</v>
      </c>
      <c r="GD27" s="102">
        <v>0</v>
      </c>
      <c r="GE27" s="102">
        <v>0</v>
      </c>
      <c r="GF27" s="103">
        <v>0</v>
      </c>
      <c r="GG27" s="104">
        <v>0</v>
      </c>
      <c r="GH27" s="101">
        <v>3</v>
      </c>
      <c r="GI27" s="102">
        <v>2</v>
      </c>
      <c r="GJ27" s="103">
        <v>5</v>
      </c>
      <c r="GK27" s="413">
        <v>0</v>
      </c>
      <c r="GL27" s="102">
        <v>7</v>
      </c>
      <c r="GM27" s="102">
        <v>3</v>
      </c>
      <c r="GN27" s="102">
        <v>4</v>
      </c>
      <c r="GO27" s="102">
        <v>3</v>
      </c>
      <c r="GP27" s="102">
        <v>3</v>
      </c>
      <c r="GQ27" s="103">
        <v>20</v>
      </c>
      <c r="GR27" s="104">
        <v>25</v>
      </c>
      <c r="GS27" s="105">
        <v>41</v>
      </c>
      <c r="GT27" s="97">
        <v>23</v>
      </c>
      <c r="GU27" s="98">
        <v>64</v>
      </c>
      <c r="GV27" s="413">
        <v>0</v>
      </c>
      <c r="GW27" s="97">
        <v>45</v>
      </c>
      <c r="GX27" s="97">
        <v>31</v>
      </c>
      <c r="GY27" s="97">
        <v>22</v>
      </c>
      <c r="GZ27" s="97">
        <v>18</v>
      </c>
      <c r="HA27" s="97">
        <v>14</v>
      </c>
      <c r="HB27" s="99">
        <v>130</v>
      </c>
      <c r="HC27" s="100">
        <v>194</v>
      </c>
      <c r="HD27" s="101">
        <v>1</v>
      </c>
      <c r="HE27" s="102">
        <v>0</v>
      </c>
      <c r="HF27" s="103">
        <v>1</v>
      </c>
      <c r="HG27" s="413">
        <v>0</v>
      </c>
      <c r="HH27" s="102">
        <v>1</v>
      </c>
      <c r="HI27" s="102">
        <v>0</v>
      </c>
      <c r="HJ27" s="102">
        <v>0</v>
      </c>
      <c r="HK27" s="102">
        <v>0</v>
      </c>
      <c r="HL27" s="102">
        <v>0</v>
      </c>
      <c r="HM27" s="103">
        <v>1</v>
      </c>
      <c r="HN27" s="104">
        <v>2</v>
      </c>
      <c r="HO27" s="101">
        <v>1</v>
      </c>
      <c r="HP27" s="102">
        <v>2</v>
      </c>
      <c r="HQ27" s="103">
        <v>3</v>
      </c>
      <c r="HR27" s="413">
        <v>0</v>
      </c>
      <c r="HS27" s="102">
        <v>2</v>
      </c>
      <c r="HT27" s="102">
        <v>0</v>
      </c>
      <c r="HU27" s="102">
        <v>1</v>
      </c>
      <c r="HV27" s="102">
        <v>0</v>
      </c>
      <c r="HW27" s="102">
        <v>2</v>
      </c>
      <c r="HX27" s="103">
        <v>5</v>
      </c>
      <c r="HY27" s="104">
        <v>8</v>
      </c>
      <c r="HZ27" s="101">
        <v>4</v>
      </c>
      <c r="IA27" s="102">
        <v>2</v>
      </c>
      <c r="IB27" s="103">
        <v>6</v>
      </c>
      <c r="IC27" s="413">
        <v>0</v>
      </c>
      <c r="ID27" s="102">
        <v>3</v>
      </c>
      <c r="IE27" s="102">
        <v>3</v>
      </c>
      <c r="IF27" s="102">
        <v>1</v>
      </c>
      <c r="IG27" s="102">
        <v>3</v>
      </c>
      <c r="IH27" s="102">
        <v>1</v>
      </c>
      <c r="II27" s="103">
        <v>11</v>
      </c>
      <c r="IJ27" s="104">
        <v>17</v>
      </c>
      <c r="IK27" s="101">
        <v>6</v>
      </c>
      <c r="IL27" s="102">
        <v>1</v>
      </c>
      <c r="IM27" s="103">
        <v>7</v>
      </c>
      <c r="IN27" s="413">
        <v>0</v>
      </c>
      <c r="IO27" s="102">
        <v>11</v>
      </c>
      <c r="IP27" s="102">
        <v>2</v>
      </c>
      <c r="IQ27" s="102">
        <v>3</v>
      </c>
      <c r="IR27" s="102">
        <v>5</v>
      </c>
      <c r="IS27" s="102">
        <v>3</v>
      </c>
      <c r="IT27" s="103">
        <v>24</v>
      </c>
      <c r="IU27" s="104">
        <v>31</v>
      </c>
      <c r="IV27" s="101">
        <v>15</v>
      </c>
      <c r="IW27" s="102">
        <v>9</v>
      </c>
      <c r="IX27" s="103">
        <v>24</v>
      </c>
      <c r="IY27" s="413">
        <v>0</v>
      </c>
      <c r="IZ27" s="102">
        <v>12</v>
      </c>
      <c r="JA27" s="102">
        <v>11</v>
      </c>
      <c r="JB27" s="102">
        <v>7</v>
      </c>
      <c r="JC27" s="102">
        <v>4</v>
      </c>
      <c r="JD27" s="102">
        <v>4</v>
      </c>
      <c r="JE27" s="103">
        <v>38</v>
      </c>
      <c r="JF27" s="104">
        <v>62</v>
      </c>
      <c r="JG27" s="101">
        <v>14</v>
      </c>
      <c r="JH27" s="102">
        <v>9</v>
      </c>
      <c r="JI27" s="103">
        <v>23</v>
      </c>
      <c r="JJ27" s="413">
        <v>0</v>
      </c>
      <c r="JK27" s="102">
        <v>16</v>
      </c>
      <c r="JL27" s="102">
        <v>15</v>
      </c>
      <c r="JM27" s="102">
        <v>10</v>
      </c>
      <c r="JN27" s="102">
        <v>6</v>
      </c>
      <c r="JO27" s="102">
        <v>4</v>
      </c>
      <c r="JP27" s="103">
        <v>51</v>
      </c>
      <c r="JQ27" s="104">
        <v>74</v>
      </c>
      <c r="JR27" s="101">
        <v>0</v>
      </c>
      <c r="JS27" s="102">
        <v>0</v>
      </c>
      <c r="JT27" s="103">
        <v>0</v>
      </c>
      <c r="JU27" s="413">
        <v>0</v>
      </c>
      <c r="JV27" s="102">
        <v>0</v>
      </c>
      <c r="JW27" s="102">
        <v>0</v>
      </c>
      <c r="JX27" s="102">
        <v>0</v>
      </c>
      <c r="JY27" s="102">
        <v>0</v>
      </c>
      <c r="JZ27" s="102">
        <v>0</v>
      </c>
      <c r="KA27" s="103">
        <v>0</v>
      </c>
      <c r="KB27" s="104">
        <v>0</v>
      </c>
      <c r="KC27" s="101">
        <v>41</v>
      </c>
      <c r="KD27" s="102">
        <v>23</v>
      </c>
      <c r="KE27" s="103">
        <v>64</v>
      </c>
      <c r="KF27" s="413">
        <v>0</v>
      </c>
      <c r="KG27" s="102">
        <v>45</v>
      </c>
      <c r="KH27" s="102">
        <v>31</v>
      </c>
      <c r="KI27" s="102">
        <v>22</v>
      </c>
      <c r="KJ27" s="102">
        <v>18</v>
      </c>
      <c r="KK27" s="102">
        <v>14</v>
      </c>
      <c r="KL27" s="103">
        <v>130</v>
      </c>
      <c r="KM27" s="104">
        <v>194</v>
      </c>
    </row>
    <row r="28" spans="2:299" s="70" customFormat="1" ht="21" customHeight="1" x14ac:dyDescent="0.2">
      <c r="B28" s="106" t="s">
        <v>25</v>
      </c>
      <c r="C28" s="96">
        <v>12</v>
      </c>
      <c r="D28" s="97">
        <v>26</v>
      </c>
      <c r="E28" s="98">
        <v>38</v>
      </c>
      <c r="F28" s="413">
        <v>0</v>
      </c>
      <c r="G28" s="97">
        <v>29</v>
      </c>
      <c r="H28" s="97">
        <v>18</v>
      </c>
      <c r="I28" s="97">
        <v>10</v>
      </c>
      <c r="J28" s="97">
        <v>12</v>
      </c>
      <c r="K28" s="97">
        <v>5</v>
      </c>
      <c r="L28" s="99">
        <v>74</v>
      </c>
      <c r="M28" s="100">
        <v>112</v>
      </c>
      <c r="N28" s="101">
        <v>0</v>
      </c>
      <c r="O28" s="102">
        <v>0</v>
      </c>
      <c r="P28" s="103">
        <v>0</v>
      </c>
      <c r="Q28" s="413">
        <v>0</v>
      </c>
      <c r="R28" s="102">
        <v>1</v>
      </c>
      <c r="S28" s="102">
        <v>1</v>
      </c>
      <c r="T28" s="102">
        <v>0</v>
      </c>
      <c r="U28" s="102">
        <v>0</v>
      </c>
      <c r="V28" s="102">
        <v>0</v>
      </c>
      <c r="W28" s="103">
        <v>2</v>
      </c>
      <c r="X28" s="104">
        <v>2</v>
      </c>
      <c r="Y28" s="101">
        <v>1</v>
      </c>
      <c r="Z28" s="102">
        <v>0</v>
      </c>
      <c r="AA28" s="103">
        <v>1</v>
      </c>
      <c r="AB28" s="413">
        <v>0</v>
      </c>
      <c r="AC28" s="102">
        <v>1</v>
      </c>
      <c r="AD28" s="102">
        <v>1</v>
      </c>
      <c r="AE28" s="102">
        <v>0</v>
      </c>
      <c r="AF28" s="102">
        <v>5</v>
      </c>
      <c r="AG28" s="102">
        <v>0</v>
      </c>
      <c r="AH28" s="103">
        <v>7</v>
      </c>
      <c r="AI28" s="104">
        <v>8</v>
      </c>
      <c r="AJ28" s="101">
        <v>2</v>
      </c>
      <c r="AK28" s="102">
        <v>4</v>
      </c>
      <c r="AL28" s="103">
        <v>6</v>
      </c>
      <c r="AM28" s="413">
        <v>0</v>
      </c>
      <c r="AN28" s="102">
        <v>7</v>
      </c>
      <c r="AO28" s="102">
        <v>1</v>
      </c>
      <c r="AP28" s="102">
        <v>1</v>
      </c>
      <c r="AQ28" s="102">
        <v>2</v>
      </c>
      <c r="AR28" s="102">
        <v>1</v>
      </c>
      <c r="AS28" s="103">
        <v>12</v>
      </c>
      <c r="AT28" s="104">
        <v>18</v>
      </c>
      <c r="AU28" s="101">
        <v>1</v>
      </c>
      <c r="AV28" s="102">
        <v>12</v>
      </c>
      <c r="AW28" s="103">
        <v>13</v>
      </c>
      <c r="AX28" s="413">
        <v>0</v>
      </c>
      <c r="AY28" s="102">
        <v>5</v>
      </c>
      <c r="AZ28" s="102">
        <v>1</v>
      </c>
      <c r="BA28" s="102">
        <v>4</v>
      </c>
      <c r="BB28" s="102">
        <v>1</v>
      </c>
      <c r="BC28" s="102">
        <v>3</v>
      </c>
      <c r="BD28" s="103">
        <v>14</v>
      </c>
      <c r="BE28" s="104">
        <v>27</v>
      </c>
      <c r="BF28" s="101">
        <v>4</v>
      </c>
      <c r="BG28" s="102">
        <v>6</v>
      </c>
      <c r="BH28" s="103">
        <v>10</v>
      </c>
      <c r="BI28" s="413">
        <v>0</v>
      </c>
      <c r="BJ28" s="102">
        <v>10</v>
      </c>
      <c r="BK28" s="102">
        <v>5</v>
      </c>
      <c r="BL28" s="102">
        <v>4</v>
      </c>
      <c r="BM28" s="102">
        <v>1</v>
      </c>
      <c r="BN28" s="102">
        <v>0</v>
      </c>
      <c r="BO28" s="103">
        <v>20</v>
      </c>
      <c r="BP28" s="104">
        <v>30</v>
      </c>
      <c r="BQ28" s="101">
        <v>4</v>
      </c>
      <c r="BR28" s="102">
        <v>4</v>
      </c>
      <c r="BS28" s="103">
        <v>8</v>
      </c>
      <c r="BT28" s="413">
        <v>0</v>
      </c>
      <c r="BU28" s="102">
        <v>5</v>
      </c>
      <c r="BV28" s="102">
        <v>9</v>
      </c>
      <c r="BW28" s="102">
        <v>1</v>
      </c>
      <c r="BX28" s="102">
        <v>3</v>
      </c>
      <c r="BY28" s="102">
        <v>1</v>
      </c>
      <c r="BZ28" s="103">
        <v>19</v>
      </c>
      <c r="CA28" s="104">
        <v>27</v>
      </c>
      <c r="CB28" s="101">
        <v>0</v>
      </c>
      <c r="CC28" s="102">
        <v>0</v>
      </c>
      <c r="CD28" s="103">
        <v>0</v>
      </c>
      <c r="CE28" s="413">
        <v>0</v>
      </c>
      <c r="CF28" s="102">
        <v>0</v>
      </c>
      <c r="CG28" s="102">
        <v>0</v>
      </c>
      <c r="CH28" s="102">
        <v>0</v>
      </c>
      <c r="CI28" s="102">
        <v>0</v>
      </c>
      <c r="CJ28" s="102">
        <v>0</v>
      </c>
      <c r="CK28" s="103">
        <v>0</v>
      </c>
      <c r="CL28" s="104">
        <v>0</v>
      </c>
      <c r="CM28" s="101">
        <v>12</v>
      </c>
      <c r="CN28" s="102">
        <v>26</v>
      </c>
      <c r="CO28" s="103">
        <v>38</v>
      </c>
      <c r="CP28" s="413">
        <v>0</v>
      </c>
      <c r="CQ28" s="102">
        <v>29</v>
      </c>
      <c r="CR28" s="102">
        <v>18</v>
      </c>
      <c r="CS28" s="102">
        <v>10</v>
      </c>
      <c r="CT28" s="102">
        <v>12</v>
      </c>
      <c r="CU28" s="102">
        <v>5</v>
      </c>
      <c r="CV28" s="103">
        <v>74</v>
      </c>
      <c r="CW28" s="104">
        <v>112</v>
      </c>
      <c r="CX28" s="105">
        <v>2</v>
      </c>
      <c r="CY28" s="97">
        <v>3</v>
      </c>
      <c r="CZ28" s="98">
        <v>5</v>
      </c>
      <c r="DA28" s="413">
        <v>0</v>
      </c>
      <c r="DB28" s="97">
        <v>4</v>
      </c>
      <c r="DC28" s="97">
        <v>1</v>
      </c>
      <c r="DD28" s="97">
        <v>1</v>
      </c>
      <c r="DE28" s="97">
        <v>0</v>
      </c>
      <c r="DF28" s="97">
        <v>0</v>
      </c>
      <c r="DG28" s="99">
        <v>6</v>
      </c>
      <c r="DH28" s="100">
        <v>11</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0</v>
      </c>
      <c r="EK28" s="102">
        <v>0</v>
      </c>
      <c r="EL28" s="102">
        <v>0</v>
      </c>
      <c r="EM28" s="102">
        <v>0</v>
      </c>
      <c r="EN28" s="103">
        <v>0</v>
      </c>
      <c r="EO28" s="104">
        <v>0</v>
      </c>
      <c r="EP28" s="101">
        <v>0</v>
      </c>
      <c r="EQ28" s="102">
        <v>0</v>
      </c>
      <c r="ER28" s="103">
        <v>0</v>
      </c>
      <c r="ES28" s="413">
        <v>0</v>
      </c>
      <c r="ET28" s="102">
        <v>0</v>
      </c>
      <c r="EU28" s="102">
        <v>1</v>
      </c>
      <c r="EV28" s="102">
        <v>0</v>
      </c>
      <c r="EW28" s="102">
        <v>0</v>
      </c>
      <c r="EX28" s="102">
        <v>0</v>
      </c>
      <c r="EY28" s="103">
        <v>1</v>
      </c>
      <c r="EZ28" s="104">
        <v>1</v>
      </c>
      <c r="FA28" s="101">
        <v>0</v>
      </c>
      <c r="FB28" s="102">
        <v>1</v>
      </c>
      <c r="FC28" s="103">
        <v>1</v>
      </c>
      <c r="FD28" s="413">
        <v>0</v>
      </c>
      <c r="FE28" s="102">
        <v>0</v>
      </c>
      <c r="FF28" s="102">
        <v>0</v>
      </c>
      <c r="FG28" s="102">
        <v>1</v>
      </c>
      <c r="FH28" s="102">
        <v>0</v>
      </c>
      <c r="FI28" s="102">
        <v>0</v>
      </c>
      <c r="FJ28" s="103">
        <v>1</v>
      </c>
      <c r="FK28" s="104">
        <v>2</v>
      </c>
      <c r="FL28" s="101">
        <v>2</v>
      </c>
      <c r="FM28" s="102">
        <v>1</v>
      </c>
      <c r="FN28" s="103">
        <v>3</v>
      </c>
      <c r="FO28" s="413">
        <v>0</v>
      </c>
      <c r="FP28" s="102">
        <v>4</v>
      </c>
      <c r="FQ28" s="102">
        <v>0</v>
      </c>
      <c r="FR28" s="102">
        <v>0</v>
      </c>
      <c r="FS28" s="102">
        <v>0</v>
      </c>
      <c r="FT28" s="102">
        <v>0</v>
      </c>
      <c r="FU28" s="103">
        <v>4</v>
      </c>
      <c r="FV28" s="104">
        <v>7</v>
      </c>
      <c r="FW28" s="101">
        <v>0</v>
      </c>
      <c r="FX28" s="102">
        <v>0</v>
      </c>
      <c r="FY28" s="103">
        <v>0</v>
      </c>
      <c r="FZ28" s="413">
        <v>0</v>
      </c>
      <c r="GA28" s="102">
        <v>0</v>
      </c>
      <c r="GB28" s="102">
        <v>0</v>
      </c>
      <c r="GC28" s="102">
        <v>0</v>
      </c>
      <c r="GD28" s="102">
        <v>0</v>
      </c>
      <c r="GE28" s="102">
        <v>0</v>
      </c>
      <c r="GF28" s="103">
        <v>0</v>
      </c>
      <c r="GG28" s="104">
        <v>0</v>
      </c>
      <c r="GH28" s="101">
        <v>2</v>
      </c>
      <c r="GI28" s="102">
        <v>3</v>
      </c>
      <c r="GJ28" s="103">
        <v>5</v>
      </c>
      <c r="GK28" s="413">
        <v>0</v>
      </c>
      <c r="GL28" s="102">
        <v>4</v>
      </c>
      <c r="GM28" s="102">
        <v>1</v>
      </c>
      <c r="GN28" s="102">
        <v>1</v>
      </c>
      <c r="GO28" s="102">
        <v>0</v>
      </c>
      <c r="GP28" s="102">
        <v>0</v>
      </c>
      <c r="GQ28" s="103">
        <v>6</v>
      </c>
      <c r="GR28" s="104">
        <v>11</v>
      </c>
      <c r="GS28" s="105">
        <v>14</v>
      </c>
      <c r="GT28" s="97">
        <v>29</v>
      </c>
      <c r="GU28" s="98">
        <v>43</v>
      </c>
      <c r="GV28" s="413">
        <v>0</v>
      </c>
      <c r="GW28" s="97">
        <v>33</v>
      </c>
      <c r="GX28" s="97">
        <v>19</v>
      </c>
      <c r="GY28" s="97">
        <v>11</v>
      </c>
      <c r="GZ28" s="97">
        <v>12</v>
      </c>
      <c r="HA28" s="97">
        <v>5</v>
      </c>
      <c r="HB28" s="99">
        <v>80</v>
      </c>
      <c r="HC28" s="100">
        <v>123</v>
      </c>
      <c r="HD28" s="101">
        <v>0</v>
      </c>
      <c r="HE28" s="102">
        <v>1</v>
      </c>
      <c r="HF28" s="103">
        <v>1</v>
      </c>
      <c r="HG28" s="413">
        <v>0</v>
      </c>
      <c r="HH28" s="102">
        <v>1</v>
      </c>
      <c r="HI28" s="102">
        <v>1</v>
      </c>
      <c r="HJ28" s="102">
        <v>0</v>
      </c>
      <c r="HK28" s="102">
        <v>0</v>
      </c>
      <c r="HL28" s="102">
        <v>0</v>
      </c>
      <c r="HM28" s="103">
        <v>2</v>
      </c>
      <c r="HN28" s="104">
        <v>3</v>
      </c>
      <c r="HO28" s="101">
        <v>1</v>
      </c>
      <c r="HP28" s="102">
        <v>0</v>
      </c>
      <c r="HQ28" s="103">
        <v>1</v>
      </c>
      <c r="HR28" s="413">
        <v>0</v>
      </c>
      <c r="HS28" s="102">
        <v>1</v>
      </c>
      <c r="HT28" s="102">
        <v>1</v>
      </c>
      <c r="HU28" s="102">
        <v>0</v>
      </c>
      <c r="HV28" s="102">
        <v>5</v>
      </c>
      <c r="HW28" s="102">
        <v>0</v>
      </c>
      <c r="HX28" s="103">
        <v>7</v>
      </c>
      <c r="HY28" s="104">
        <v>8</v>
      </c>
      <c r="HZ28" s="101">
        <v>2</v>
      </c>
      <c r="IA28" s="102">
        <v>4</v>
      </c>
      <c r="IB28" s="103">
        <v>6</v>
      </c>
      <c r="IC28" s="413">
        <v>0</v>
      </c>
      <c r="ID28" s="102">
        <v>7</v>
      </c>
      <c r="IE28" s="102">
        <v>1</v>
      </c>
      <c r="IF28" s="102">
        <v>1</v>
      </c>
      <c r="IG28" s="102">
        <v>2</v>
      </c>
      <c r="IH28" s="102">
        <v>1</v>
      </c>
      <c r="II28" s="103">
        <v>12</v>
      </c>
      <c r="IJ28" s="104">
        <v>18</v>
      </c>
      <c r="IK28" s="101">
        <v>1</v>
      </c>
      <c r="IL28" s="102">
        <v>12</v>
      </c>
      <c r="IM28" s="103">
        <v>13</v>
      </c>
      <c r="IN28" s="413">
        <v>0</v>
      </c>
      <c r="IO28" s="102">
        <v>5</v>
      </c>
      <c r="IP28" s="102">
        <v>2</v>
      </c>
      <c r="IQ28" s="102">
        <v>4</v>
      </c>
      <c r="IR28" s="102">
        <v>1</v>
      </c>
      <c r="IS28" s="102">
        <v>3</v>
      </c>
      <c r="IT28" s="103">
        <v>15</v>
      </c>
      <c r="IU28" s="104">
        <v>28</v>
      </c>
      <c r="IV28" s="101">
        <v>4</v>
      </c>
      <c r="IW28" s="102">
        <v>7</v>
      </c>
      <c r="IX28" s="103">
        <v>11</v>
      </c>
      <c r="IY28" s="413">
        <v>0</v>
      </c>
      <c r="IZ28" s="102">
        <v>10</v>
      </c>
      <c r="JA28" s="102">
        <v>5</v>
      </c>
      <c r="JB28" s="102">
        <v>5</v>
      </c>
      <c r="JC28" s="102">
        <v>1</v>
      </c>
      <c r="JD28" s="102">
        <v>0</v>
      </c>
      <c r="JE28" s="103">
        <v>21</v>
      </c>
      <c r="JF28" s="104">
        <v>32</v>
      </c>
      <c r="JG28" s="101">
        <v>6</v>
      </c>
      <c r="JH28" s="102">
        <v>5</v>
      </c>
      <c r="JI28" s="103">
        <v>11</v>
      </c>
      <c r="JJ28" s="413">
        <v>0</v>
      </c>
      <c r="JK28" s="102">
        <v>9</v>
      </c>
      <c r="JL28" s="102">
        <v>9</v>
      </c>
      <c r="JM28" s="102">
        <v>1</v>
      </c>
      <c r="JN28" s="102">
        <v>3</v>
      </c>
      <c r="JO28" s="102">
        <v>1</v>
      </c>
      <c r="JP28" s="103">
        <v>23</v>
      </c>
      <c r="JQ28" s="104">
        <v>34</v>
      </c>
      <c r="JR28" s="101">
        <v>0</v>
      </c>
      <c r="JS28" s="102">
        <v>0</v>
      </c>
      <c r="JT28" s="103">
        <v>0</v>
      </c>
      <c r="JU28" s="413">
        <v>0</v>
      </c>
      <c r="JV28" s="102">
        <v>0</v>
      </c>
      <c r="JW28" s="102">
        <v>0</v>
      </c>
      <c r="JX28" s="102">
        <v>0</v>
      </c>
      <c r="JY28" s="102">
        <v>0</v>
      </c>
      <c r="JZ28" s="102">
        <v>0</v>
      </c>
      <c r="KA28" s="103">
        <v>0</v>
      </c>
      <c r="KB28" s="104">
        <v>0</v>
      </c>
      <c r="KC28" s="101">
        <v>14</v>
      </c>
      <c r="KD28" s="102">
        <v>29</v>
      </c>
      <c r="KE28" s="103">
        <v>43</v>
      </c>
      <c r="KF28" s="413">
        <v>0</v>
      </c>
      <c r="KG28" s="102">
        <v>33</v>
      </c>
      <c r="KH28" s="102">
        <v>19</v>
      </c>
      <c r="KI28" s="102">
        <v>11</v>
      </c>
      <c r="KJ28" s="102">
        <v>12</v>
      </c>
      <c r="KK28" s="102">
        <v>5</v>
      </c>
      <c r="KL28" s="103">
        <v>80</v>
      </c>
      <c r="KM28" s="104">
        <v>123</v>
      </c>
    </row>
    <row r="29" spans="2:299" s="70" customFormat="1" ht="21" customHeight="1" x14ac:dyDescent="0.2">
      <c r="B29" s="106" t="s">
        <v>26</v>
      </c>
      <c r="C29" s="96">
        <v>26</v>
      </c>
      <c r="D29" s="97">
        <v>16</v>
      </c>
      <c r="E29" s="98">
        <v>42</v>
      </c>
      <c r="F29" s="413">
        <v>0</v>
      </c>
      <c r="G29" s="97">
        <v>29</v>
      </c>
      <c r="H29" s="97">
        <v>19</v>
      </c>
      <c r="I29" s="97">
        <v>19</v>
      </c>
      <c r="J29" s="97">
        <v>13</v>
      </c>
      <c r="K29" s="97">
        <v>5</v>
      </c>
      <c r="L29" s="99">
        <v>85</v>
      </c>
      <c r="M29" s="100">
        <v>127</v>
      </c>
      <c r="N29" s="101">
        <v>0</v>
      </c>
      <c r="O29" s="102">
        <v>0</v>
      </c>
      <c r="P29" s="103">
        <v>0</v>
      </c>
      <c r="Q29" s="413">
        <v>0</v>
      </c>
      <c r="R29" s="102">
        <v>0</v>
      </c>
      <c r="S29" s="102">
        <v>0</v>
      </c>
      <c r="T29" s="102">
        <v>0</v>
      </c>
      <c r="U29" s="102">
        <v>0</v>
      </c>
      <c r="V29" s="102">
        <v>0</v>
      </c>
      <c r="W29" s="103">
        <v>0</v>
      </c>
      <c r="X29" s="104">
        <v>0</v>
      </c>
      <c r="Y29" s="101">
        <v>1</v>
      </c>
      <c r="Z29" s="102">
        <v>0</v>
      </c>
      <c r="AA29" s="103">
        <v>1</v>
      </c>
      <c r="AB29" s="413">
        <v>0</v>
      </c>
      <c r="AC29" s="102">
        <v>2</v>
      </c>
      <c r="AD29" s="102">
        <v>0</v>
      </c>
      <c r="AE29" s="102">
        <v>0</v>
      </c>
      <c r="AF29" s="102">
        <v>0</v>
      </c>
      <c r="AG29" s="102">
        <v>0</v>
      </c>
      <c r="AH29" s="103">
        <v>2</v>
      </c>
      <c r="AI29" s="104">
        <v>3</v>
      </c>
      <c r="AJ29" s="101">
        <v>1</v>
      </c>
      <c r="AK29" s="102">
        <v>2</v>
      </c>
      <c r="AL29" s="103">
        <v>3</v>
      </c>
      <c r="AM29" s="413">
        <v>0</v>
      </c>
      <c r="AN29" s="102">
        <v>2</v>
      </c>
      <c r="AO29" s="102">
        <v>1</v>
      </c>
      <c r="AP29" s="102">
        <v>1</v>
      </c>
      <c r="AQ29" s="102">
        <v>0</v>
      </c>
      <c r="AR29" s="102">
        <v>0</v>
      </c>
      <c r="AS29" s="103">
        <v>4</v>
      </c>
      <c r="AT29" s="104">
        <v>7</v>
      </c>
      <c r="AU29" s="101">
        <v>8</v>
      </c>
      <c r="AV29" s="102">
        <v>7</v>
      </c>
      <c r="AW29" s="103">
        <v>15</v>
      </c>
      <c r="AX29" s="413">
        <v>0</v>
      </c>
      <c r="AY29" s="102">
        <v>7</v>
      </c>
      <c r="AZ29" s="102">
        <v>6</v>
      </c>
      <c r="BA29" s="102">
        <v>3</v>
      </c>
      <c r="BB29" s="102">
        <v>5</v>
      </c>
      <c r="BC29" s="102">
        <v>2</v>
      </c>
      <c r="BD29" s="103">
        <v>23</v>
      </c>
      <c r="BE29" s="104">
        <v>38</v>
      </c>
      <c r="BF29" s="101">
        <v>6</v>
      </c>
      <c r="BG29" s="102">
        <v>3</v>
      </c>
      <c r="BH29" s="103">
        <v>9</v>
      </c>
      <c r="BI29" s="413">
        <v>0</v>
      </c>
      <c r="BJ29" s="102">
        <v>7</v>
      </c>
      <c r="BK29" s="102">
        <v>9</v>
      </c>
      <c r="BL29" s="102">
        <v>9</v>
      </c>
      <c r="BM29" s="102">
        <v>5</v>
      </c>
      <c r="BN29" s="102">
        <v>1</v>
      </c>
      <c r="BO29" s="103">
        <v>31</v>
      </c>
      <c r="BP29" s="104">
        <v>40</v>
      </c>
      <c r="BQ29" s="101">
        <v>10</v>
      </c>
      <c r="BR29" s="102">
        <v>4</v>
      </c>
      <c r="BS29" s="103">
        <v>14</v>
      </c>
      <c r="BT29" s="413">
        <v>0</v>
      </c>
      <c r="BU29" s="102">
        <v>11</v>
      </c>
      <c r="BV29" s="102">
        <v>3</v>
      </c>
      <c r="BW29" s="102">
        <v>6</v>
      </c>
      <c r="BX29" s="102">
        <v>3</v>
      </c>
      <c r="BY29" s="102">
        <v>2</v>
      </c>
      <c r="BZ29" s="103">
        <v>25</v>
      </c>
      <c r="CA29" s="104">
        <v>39</v>
      </c>
      <c r="CB29" s="101">
        <v>0</v>
      </c>
      <c r="CC29" s="102">
        <v>0</v>
      </c>
      <c r="CD29" s="103">
        <v>0</v>
      </c>
      <c r="CE29" s="413">
        <v>0</v>
      </c>
      <c r="CF29" s="102">
        <v>0</v>
      </c>
      <c r="CG29" s="102">
        <v>0</v>
      </c>
      <c r="CH29" s="102">
        <v>0</v>
      </c>
      <c r="CI29" s="102">
        <v>0</v>
      </c>
      <c r="CJ29" s="102">
        <v>0</v>
      </c>
      <c r="CK29" s="103">
        <v>0</v>
      </c>
      <c r="CL29" s="104">
        <v>0</v>
      </c>
      <c r="CM29" s="101">
        <v>26</v>
      </c>
      <c r="CN29" s="102">
        <v>16</v>
      </c>
      <c r="CO29" s="103">
        <v>42</v>
      </c>
      <c r="CP29" s="413">
        <v>0</v>
      </c>
      <c r="CQ29" s="102">
        <v>29</v>
      </c>
      <c r="CR29" s="102">
        <v>19</v>
      </c>
      <c r="CS29" s="102">
        <v>19</v>
      </c>
      <c r="CT29" s="102">
        <v>13</v>
      </c>
      <c r="CU29" s="102">
        <v>5</v>
      </c>
      <c r="CV29" s="103">
        <v>85</v>
      </c>
      <c r="CW29" s="104">
        <v>127</v>
      </c>
      <c r="CX29" s="105">
        <v>2</v>
      </c>
      <c r="CY29" s="97">
        <v>4</v>
      </c>
      <c r="CZ29" s="98">
        <v>6</v>
      </c>
      <c r="DA29" s="413">
        <v>0</v>
      </c>
      <c r="DB29" s="97">
        <v>4</v>
      </c>
      <c r="DC29" s="97">
        <v>3</v>
      </c>
      <c r="DD29" s="97">
        <v>3</v>
      </c>
      <c r="DE29" s="97">
        <v>1</v>
      </c>
      <c r="DF29" s="97">
        <v>0</v>
      </c>
      <c r="DG29" s="99">
        <v>11</v>
      </c>
      <c r="DH29" s="100">
        <v>17</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0</v>
      </c>
      <c r="ER29" s="103">
        <v>1</v>
      </c>
      <c r="ES29" s="413">
        <v>0</v>
      </c>
      <c r="ET29" s="102">
        <v>2</v>
      </c>
      <c r="EU29" s="102">
        <v>1</v>
      </c>
      <c r="EV29" s="102">
        <v>1</v>
      </c>
      <c r="EW29" s="102">
        <v>0</v>
      </c>
      <c r="EX29" s="102">
        <v>0</v>
      </c>
      <c r="EY29" s="103">
        <v>4</v>
      </c>
      <c r="EZ29" s="104">
        <v>5</v>
      </c>
      <c r="FA29" s="101">
        <v>0</v>
      </c>
      <c r="FB29" s="102">
        <v>0</v>
      </c>
      <c r="FC29" s="103">
        <v>0</v>
      </c>
      <c r="FD29" s="413">
        <v>0</v>
      </c>
      <c r="FE29" s="102">
        <v>0</v>
      </c>
      <c r="FF29" s="102">
        <v>2</v>
      </c>
      <c r="FG29" s="102">
        <v>0</v>
      </c>
      <c r="FH29" s="102">
        <v>0</v>
      </c>
      <c r="FI29" s="102">
        <v>0</v>
      </c>
      <c r="FJ29" s="103">
        <v>2</v>
      </c>
      <c r="FK29" s="104">
        <v>2</v>
      </c>
      <c r="FL29" s="101">
        <v>0</v>
      </c>
      <c r="FM29" s="102">
        <v>3</v>
      </c>
      <c r="FN29" s="103">
        <v>3</v>
      </c>
      <c r="FO29" s="413">
        <v>0</v>
      </c>
      <c r="FP29" s="102">
        <v>2</v>
      </c>
      <c r="FQ29" s="102">
        <v>0</v>
      </c>
      <c r="FR29" s="102">
        <v>2</v>
      </c>
      <c r="FS29" s="102">
        <v>0</v>
      </c>
      <c r="FT29" s="102">
        <v>0</v>
      </c>
      <c r="FU29" s="103">
        <v>4</v>
      </c>
      <c r="FV29" s="104">
        <v>7</v>
      </c>
      <c r="FW29" s="101">
        <v>0</v>
      </c>
      <c r="FX29" s="102">
        <v>0</v>
      </c>
      <c r="FY29" s="103">
        <v>0</v>
      </c>
      <c r="FZ29" s="413">
        <v>0</v>
      </c>
      <c r="GA29" s="102">
        <v>0</v>
      </c>
      <c r="GB29" s="102">
        <v>0</v>
      </c>
      <c r="GC29" s="102">
        <v>0</v>
      </c>
      <c r="GD29" s="102">
        <v>0</v>
      </c>
      <c r="GE29" s="102">
        <v>0</v>
      </c>
      <c r="GF29" s="103">
        <v>0</v>
      </c>
      <c r="GG29" s="104">
        <v>0</v>
      </c>
      <c r="GH29" s="101">
        <v>2</v>
      </c>
      <c r="GI29" s="102">
        <v>4</v>
      </c>
      <c r="GJ29" s="103">
        <v>6</v>
      </c>
      <c r="GK29" s="413">
        <v>0</v>
      </c>
      <c r="GL29" s="102">
        <v>4</v>
      </c>
      <c r="GM29" s="102">
        <v>3</v>
      </c>
      <c r="GN29" s="102">
        <v>3</v>
      </c>
      <c r="GO29" s="102">
        <v>1</v>
      </c>
      <c r="GP29" s="102">
        <v>0</v>
      </c>
      <c r="GQ29" s="103">
        <v>11</v>
      </c>
      <c r="GR29" s="104">
        <v>17</v>
      </c>
      <c r="GS29" s="105">
        <v>28</v>
      </c>
      <c r="GT29" s="97">
        <v>20</v>
      </c>
      <c r="GU29" s="98">
        <v>48</v>
      </c>
      <c r="GV29" s="413">
        <v>0</v>
      </c>
      <c r="GW29" s="97">
        <v>33</v>
      </c>
      <c r="GX29" s="97">
        <v>22</v>
      </c>
      <c r="GY29" s="97">
        <v>22</v>
      </c>
      <c r="GZ29" s="97">
        <v>14</v>
      </c>
      <c r="HA29" s="97">
        <v>5</v>
      </c>
      <c r="HB29" s="99">
        <v>96</v>
      </c>
      <c r="HC29" s="100">
        <v>144</v>
      </c>
      <c r="HD29" s="101">
        <v>0</v>
      </c>
      <c r="HE29" s="102">
        <v>1</v>
      </c>
      <c r="HF29" s="103">
        <v>1</v>
      </c>
      <c r="HG29" s="413">
        <v>0</v>
      </c>
      <c r="HH29" s="102">
        <v>0</v>
      </c>
      <c r="HI29" s="102">
        <v>0</v>
      </c>
      <c r="HJ29" s="102">
        <v>0</v>
      </c>
      <c r="HK29" s="102">
        <v>0</v>
      </c>
      <c r="HL29" s="102">
        <v>0</v>
      </c>
      <c r="HM29" s="103">
        <v>0</v>
      </c>
      <c r="HN29" s="104">
        <v>1</v>
      </c>
      <c r="HO29" s="101">
        <v>1</v>
      </c>
      <c r="HP29" s="102">
        <v>0</v>
      </c>
      <c r="HQ29" s="103">
        <v>1</v>
      </c>
      <c r="HR29" s="413">
        <v>0</v>
      </c>
      <c r="HS29" s="102">
        <v>2</v>
      </c>
      <c r="HT29" s="102">
        <v>0</v>
      </c>
      <c r="HU29" s="102">
        <v>0</v>
      </c>
      <c r="HV29" s="102">
        <v>1</v>
      </c>
      <c r="HW29" s="102">
        <v>0</v>
      </c>
      <c r="HX29" s="103">
        <v>3</v>
      </c>
      <c r="HY29" s="104">
        <v>4</v>
      </c>
      <c r="HZ29" s="101">
        <v>2</v>
      </c>
      <c r="IA29" s="102">
        <v>2</v>
      </c>
      <c r="IB29" s="103">
        <v>4</v>
      </c>
      <c r="IC29" s="413">
        <v>0</v>
      </c>
      <c r="ID29" s="102">
        <v>2</v>
      </c>
      <c r="IE29" s="102">
        <v>1</v>
      </c>
      <c r="IF29" s="102">
        <v>1</v>
      </c>
      <c r="IG29" s="102">
        <v>0</v>
      </c>
      <c r="IH29" s="102">
        <v>0</v>
      </c>
      <c r="II29" s="103">
        <v>4</v>
      </c>
      <c r="IJ29" s="104">
        <v>8</v>
      </c>
      <c r="IK29" s="101">
        <v>9</v>
      </c>
      <c r="IL29" s="102">
        <v>7</v>
      </c>
      <c r="IM29" s="103">
        <v>16</v>
      </c>
      <c r="IN29" s="413">
        <v>0</v>
      </c>
      <c r="IO29" s="102">
        <v>9</v>
      </c>
      <c r="IP29" s="102">
        <v>7</v>
      </c>
      <c r="IQ29" s="102">
        <v>4</v>
      </c>
      <c r="IR29" s="102">
        <v>5</v>
      </c>
      <c r="IS29" s="102">
        <v>2</v>
      </c>
      <c r="IT29" s="103">
        <v>27</v>
      </c>
      <c r="IU29" s="104">
        <v>43</v>
      </c>
      <c r="IV29" s="101">
        <v>6</v>
      </c>
      <c r="IW29" s="102">
        <v>3</v>
      </c>
      <c r="IX29" s="103">
        <v>9</v>
      </c>
      <c r="IY29" s="413">
        <v>0</v>
      </c>
      <c r="IZ29" s="102">
        <v>7</v>
      </c>
      <c r="JA29" s="102">
        <v>11</v>
      </c>
      <c r="JB29" s="102">
        <v>9</v>
      </c>
      <c r="JC29" s="102">
        <v>5</v>
      </c>
      <c r="JD29" s="102">
        <v>1</v>
      </c>
      <c r="JE29" s="103">
        <v>33</v>
      </c>
      <c r="JF29" s="104">
        <v>42</v>
      </c>
      <c r="JG29" s="101">
        <v>10</v>
      </c>
      <c r="JH29" s="102">
        <v>7</v>
      </c>
      <c r="JI29" s="103">
        <v>17</v>
      </c>
      <c r="JJ29" s="413">
        <v>0</v>
      </c>
      <c r="JK29" s="102">
        <v>13</v>
      </c>
      <c r="JL29" s="102">
        <v>3</v>
      </c>
      <c r="JM29" s="102">
        <v>8</v>
      </c>
      <c r="JN29" s="102">
        <v>3</v>
      </c>
      <c r="JO29" s="102">
        <v>2</v>
      </c>
      <c r="JP29" s="103">
        <v>29</v>
      </c>
      <c r="JQ29" s="104">
        <v>46</v>
      </c>
      <c r="JR29" s="101">
        <v>0</v>
      </c>
      <c r="JS29" s="102">
        <v>0</v>
      </c>
      <c r="JT29" s="103">
        <v>0</v>
      </c>
      <c r="JU29" s="413">
        <v>0</v>
      </c>
      <c r="JV29" s="102">
        <v>0</v>
      </c>
      <c r="JW29" s="102">
        <v>0</v>
      </c>
      <c r="JX29" s="102">
        <v>0</v>
      </c>
      <c r="JY29" s="102">
        <v>0</v>
      </c>
      <c r="JZ29" s="102">
        <v>0</v>
      </c>
      <c r="KA29" s="103">
        <v>0</v>
      </c>
      <c r="KB29" s="104">
        <v>0</v>
      </c>
      <c r="KC29" s="101">
        <v>28</v>
      </c>
      <c r="KD29" s="102">
        <v>20</v>
      </c>
      <c r="KE29" s="103">
        <v>48</v>
      </c>
      <c r="KF29" s="413">
        <v>0</v>
      </c>
      <c r="KG29" s="102">
        <v>33</v>
      </c>
      <c r="KH29" s="102">
        <v>22</v>
      </c>
      <c r="KI29" s="102">
        <v>22</v>
      </c>
      <c r="KJ29" s="102">
        <v>14</v>
      </c>
      <c r="KK29" s="102">
        <v>5</v>
      </c>
      <c r="KL29" s="103">
        <v>96</v>
      </c>
      <c r="KM29" s="104">
        <v>144</v>
      </c>
    </row>
    <row r="30" spans="2:299" s="70" customFormat="1" ht="21" customHeight="1" x14ac:dyDescent="0.2">
      <c r="B30" s="106" t="s">
        <v>27</v>
      </c>
      <c r="C30" s="96">
        <v>27</v>
      </c>
      <c r="D30" s="97">
        <v>24</v>
      </c>
      <c r="E30" s="98">
        <v>51</v>
      </c>
      <c r="F30" s="413">
        <v>0</v>
      </c>
      <c r="G30" s="97">
        <v>24</v>
      </c>
      <c r="H30" s="97">
        <v>12</v>
      </c>
      <c r="I30" s="97">
        <v>11</v>
      </c>
      <c r="J30" s="97">
        <v>18</v>
      </c>
      <c r="K30" s="97">
        <v>11</v>
      </c>
      <c r="L30" s="99">
        <v>76</v>
      </c>
      <c r="M30" s="100">
        <v>127</v>
      </c>
      <c r="N30" s="101">
        <v>0</v>
      </c>
      <c r="O30" s="102">
        <v>0</v>
      </c>
      <c r="P30" s="103">
        <v>0</v>
      </c>
      <c r="Q30" s="413">
        <v>0</v>
      </c>
      <c r="R30" s="102">
        <v>0</v>
      </c>
      <c r="S30" s="102">
        <v>0</v>
      </c>
      <c r="T30" s="102">
        <v>0</v>
      </c>
      <c r="U30" s="102">
        <v>0</v>
      </c>
      <c r="V30" s="102">
        <v>1</v>
      </c>
      <c r="W30" s="103">
        <v>1</v>
      </c>
      <c r="X30" s="104">
        <v>1</v>
      </c>
      <c r="Y30" s="101">
        <v>1</v>
      </c>
      <c r="Z30" s="102">
        <v>2</v>
      </c>
      <c r="AA30" s="103">
        <v>3</v>
      </c>
      <c r="AB30" s="413">
        <v>0</v>
      </c>
      <c r="AC30" s="102">
        <v>2</v>
      </c>
      <c r="AD30" s="102">
        <v>0</v>
      </c>
      <c r="AE30" s="102">
        <v>0</v>
      </c>
      <c r="AF30" s="102">
        <v>0</v>
      </c>
      <c r="AG30" s="102">
        <v>1</v>
      </c>
      <c r="AH30" s="103">
        <v>3</v>
      </c>
      <c r="AI30" s="104">
        <v>6</v>
      </c>
      <c r="AJ30" s="101">
        <v>4</v>
      </c>
      <c r="AK30" s="102">
        <v>5</v>
      </c>
      <c r="AL30" s="103">
        <v>9</v>
      </c>
      <c r="AM30" s="413">
        <v>0</v>
      </c>
      <c r="AN30" s="102">
        <v>0</v>
      </c>
      <c r="AO30" s="102">
        <v>1</v>
      </c>
      <c r="AP30" s="102">
        <v>0</v>
      </c>
      <c r="AQ30" s="102">
        <v>0</v>
      </c>
      <c r="AR30" s="102">
        <v>1</v>
      </c>
      <c r="AS30" s="103">
        <v>2</v>
      </c>
      <c r="AT30" s="104">
        <v>11</v>
      </c>
      <c r="AU30" s="101">
        <v>7</v>
      </c>
      <c r="AV30" s="102">
        <v>4</v>
      </c>
      <c r="AW30" s="103">
        <v>11</v>
      </c>
      <c r="AX30" s="413">
        <v>0</v>
      </c>
      <c r="AY30" s="102">
        <v>4</v>
      </c>
      <c r="AZ30" s="102">
        <v>3</v>
      </c>
      <c r="BA30" s="102">
        <v>5</v>
      </c>
      <c r="BB30" s="102">
        <v>3</v>
      </c>
      <c r="BC30" s="102">
        <v>1</v>
      </c>
      <c r="BD30" s="103">
        <v>16</v>
      </c>
      <c r="BE30" s="104">
        <v>27</v>
      </c>
      <c r="BF30" s="101">
        <v>8</v>
      </c>
      <c r="BG30" s="102">
        <v>6</v>
      </c>
      <c r="BH30" s="103">
        <v>14</v>
      </c>
      <c r="BI30" s="413">
        <v>0</v>
      </c>
      <c r="BJ30" s="102">
        <v>8</v>
      </c>
      <c r="BK30" s="102">
        <v>3</v>
      </c>
      <c r="BL30" s="102">
        <v>3</v>
      </c>
      <c r="BM30" s="102">
        <v>5</v>
      </c>
      <c r="BN30" s="102">
        <v>4</v>
      </c>
      <c r="BO30" s="103">
        <v>23</v>
      </c>
      <c r="BP30" s="104">
        <v>37</v>
      </c>
      <c r="BQ30" s="101">
        <v>7</v>
      </c>
      <c r="BR30" s="102">
        <v>7</v>
      </c>
      <c r="BS30" s="103">
        <v>14</v>
      </c>
      <c r="BT30" s="413">
        <v>0</v>
      </c>
      <c r="BU30" s="102">
        <v>10</v>
      </c>
      <c r="BV30" s="102">
        <v>5</v>
      </c>
      <c r="BW30" s="102">
        <v>3</v>
      </c>
      <c r="BX30" s="102">
        <v>10</v>
      </c>
      <c r="BY30" s="102">
        <v>3</v>
      </c>
      <c r="BZ30" s="103">
        <v>31</v>
      </c>
      <c r="CA30" s="104">
        <v>45</v>
      </c>
      <c r="CB30" s="101">
        <v>0</v>
      </c>
      <c r="CC30" s="102">
        <v>0</v>
      </c>
      <c r="CD30" s="103">
        <v>0</v>
      </c>
      <c r="CE30" s="413">
        <v>0</v>
      </c>
      <c r="CF30" s="102">
        <v>0</v>
      </c>
      <c r="CG30" s="102">
        <v>0</v>
      </c>
      <c r="CH30" s="102">
        <v>0</v>
      </c>
      <c r="CI30" s="102">
        <v>0</v>
      </c>
      <c r="CJ30" s="102">
        <v>0</v>
      </c>
      <c r="CK30" s="103">
        <v>0</v>
      </c>
      <c r="CL30" s="104">
        <v>0</v>
      </c>
      <c r="CM30" s="101">
        <v>27</v>
      </c>
      <c r="CN30" s="102">
        <v>24</v>
      </c>
      <c r="CO30" s="103">
        <v>51</v>
      </c>
      <c r="CP30" s="413">
        <v>0</v>
      </c>
      <c r="CQ30" s="102">
        <v>24</v>
      </c>
      <c r="CR30" s="102">
        <v>12</v>
      </c>
      <c r="CS30" s="102">
        <v>11</v>
      </c>
      <c r="CT30" s="102">
        <v>18</v>
      </c>
      <c r="CU30" s="102">
        <v>11</v>
      </c>
      <c r="CV30" s="103">
        <v>76</v>
      </c>
      <c r="CW30" s="104">
        <v>127</v>
      </c>
      <c r="CX30" s="105">
        <v>3</v>
      </c>
      <c r="CY30" s="97">
        <v>4</v>
      </c>
      <c r="CZ30" s="98">
        <v>7</v>
      </c>
      <c r="DA30" s="413">
        <v>0</v>
      </c>
      <c r="DB30" s="97">
        <v>2</v>
      </c>
      <c r="DC30" s="97">
        <v>1</v>
      </c>
      <c r="DD30" s="97">
        <v>3</v>
      </c>
      <c r="DE30" s="97">
        <v>3</v>
      </c>
      <c r="DF30" s="97">
        <v>1</v>
      </c>
      <c r="DG30" s="99">
        <v>10</v>
      </c>
      <c r="DH30" s="100">
        <v>17</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0</v>
      </c>
      <c r="DY30" s="102">
        <v>0</v>
      </c>
      <c r="DZ30" s="102">
        <v>0</v>
      </c>
      <c r="EA30" s="102">
        <v>1</v>
      </c>
      <c r="EB30" s="102">
        <v>0</v>
      </c>
      <c r="EC30" s="103">
        <v>1</v>
      </c>
      <c r="ED30" s="104">
        <v>1</v>
      </c>
      <c r="EE30" s="101">
        <v>0</v>
      </c>
      <c r="EF30" s="102">
        <v>0</v>
      </c>
      <c r="EG30" s="103">
        <v>0</v>
      </c>
      <c r="EH30" s="413">
        <v>0</v>
      </c>
      <c r="EI30" s="102">
        <v>0</v>
      </c>
      <c r="EJ30" s="102">
        <v>0</v>
      </c>
      <c r="EK30" s="102">
        <v>0</v>
      </c>
      <c r="EL30" s="102">
        <v>0</v>
      </c>
      <c r="EM30" s="102">
        <v>0</v>
      </c>
      <c r="EN30" s="103">
        <v>0</v>
      </c>
      <c r="EO30" s="104">
        <v>0</v>
      </c>
      <c r="EP30" s="101">
        <v>1</v>
      </c>
      <c r="EQ30" s="102">
        <v>0</v>
      </c>
      <c r="ER30" s="103">
        <v>1</v>
      </c>
      <c r="ES30" s="413">
        <v>0</v>
      </c>
      <c r="ET30" s="102">
        <v>1</v>
      </c>
      <c r="EU30" s="102">
        <v>0</v>
      </c>
      <c r="EV30" s="102">
        <v>0</v>
      </c>
      <c r="EW30" s="102">
        <v>0</v>
      </c>
      <c r="EX30" s="102">
        <v>0</v>
      </c>
      <c r="EY30" s="103">
        <v>1</v>
      </c>
      <c r="EZ30" s="104">
        <v>2</v>
      </c>
      <c r="FA30" s="101">
        <v>0</v>
      </c>
      <c r="FB30" s="102">
        <v>1</v>
      </c>
      <c r="FC30" s="103">
        <v>1</v>
      </c>
      <c r="FD30" s="413">
        <v>0</v>
      </c>
      <c r="FE30" s="102">
        <v>1</v>
      </c>
      <c r="FF30" s="102">
        <v>1</v>
      </c>
      <c r="FG30" s="102">
        <v>1</v>
      </c>
      <c r="FH30" s="102">
        <v>0</v>
      </c>
      <c r="FI30" s="102">
        <v>0</v>
      </c>
      <c r="FJ30" s="103">
        <v>3</v>
      </c>
      <c r="FK30" s="104">
        <v>4</v>
      </c>
      <c r="FL30" s="101">
        <v>2</v>
      </c>
      <c r="FM30" s="102">
        <v>3</v>
      </c>
      <c r="FN30" s="103">
        <v>5</v>
      </c>
      <c r="FO30" s="413">
        <v>0</v>
      </c>
      <c r="FP30" s="102">
        <v>0</v>
      </c>
      <c r="FQ30" s="102">
        <v>0</v>
      </c>
      <c r="FR30" s="102">
        <v>2</v>
      </c>
      <c r="FS30" s="102">
        <v>2</v>
      </c>
      <c r="FT30" s="102">
        <v>1</v>
      </c>
      <c r="FU30" s="103">
        <v>5</v>
      </c>
      <c r="FV30" s="104">
        <v>10</v>
      </c>
      <c r="FW30" s="101">
        <v>0</v>
      </c>
      <c r="FX30" s="102">
        <v>0</v>
      </c>
      <c r="FY30" s="103">
        <v>0</v>
      </c>
      <c r="FZ30" s="413">
        <v>0</v>
      </c>
      <c r="GA30" s="102">
        <v>0</v>
      </c>
      <c r="GB30" s="102">
        <v>0</v>
      </c>
      <c r="GC30" s="102">
        <v>0</v>
      </c>
      <c r="GD30" s="102">
        <v>0</v>
      </c>
      <c r="GE30" s="102">
        <v>0</v>
      </c>
      <c r="GF30" s="103">
        <v>0</v>
      </c>
      <c r="GG30" s="104">
        <v>0</v>
      </c>
      <c r="GH30" s="101">
        <v>3</v>
      </c>
      <c r="GI30" s="102">
        <v>4</v>
      </c>
      <c r="GJ30" s="103">
        <v>7</v>
      </c>
      <c r="GK30" s="413">
        <v>0</v>
      </c>
      <c r="GL30" s="102">
        <v>2</v>
      </c>
      <c r="GM30" s="102">
        <v>1</v>
      </c>
      <c r="GN30" s="102">
        <v>3</v>
      </c>
      <c r="GO30" s="102">
        <v>3</v>
      </c>
      <c r="GP30" s="102">
        <v>1</v>
      </c>
      <c r="GQ30" s="103">
        <v>10</v>
      </c>
      <c r="GR30" s="104">
        <v>17</v>
      </c>
      <c r="GS30" s="105">
        <v>30</v>
      </c>
      <c r="GT30" s="97">
        <v>28</v>
      </c>
      <c r="GU30" s="98">
        <v>58</v>
      </c>
      <c r="GV30" s="413">
        <v>0</v>
      </c>
      <c r="GW30" s="97">
        <v>26</v>
      </c>
      <c r="GX30" s="97">
        <v>13</v>
      </c>
      <c r="GY30" s="97">
        <v>14</v>
      </c>
      <c r="GZ30" s="97">
        <v>21</v>
      </c>
      <c r="HA30" s="97">
        <v>12</v>
      </c>
      <c r="HB30" s="99">
        <v>86</v>
      </c>
      <c r="HC30" s="100">
        <v>144</v>
      </c>
      <c r="HD30" s="101">
        <v>0</v>
      </c>
      <c r="HE30" s="102">
        <v>0</v>
      </c>
      <c r="HF30" s="103">
        <v>0</v>
      </c>
      <c r="HG30" s="413">
        <v>0</v>
      </c>
      <c r="HH30" s="102">
        <v>0</v>
      </c>
      <c r="HI30" s="102">
        <v>0</v>
      </c>
      <c r="HJ30" s="102">
        <v>0</v>
      </c>
      <c r="HK30" s="102">
        <v>0</v>
      </c>
      <c r="HL30" s="102">
        <v>1</v>
      </c>
      <c r="HM30" s="103">
        <v>1</v>
      </c>
      <c r="HN30" s="104">
        <v>1</v>
      </c>
      <c r="HO30" s="101">
        <v>1</v>
      </c>
      <c r="HP30" s="102">
        <v>2</v>
      </c>
      <c r="HQ30" s="103">
        <v>3</v>
      </c>
      <c r="HR30" s="413">
        <v>0</v>
      </c>
      <c r="HS30" s="102">
        <v>2</v>
      </c>
      <c r="HT30" s="102">
        <v>0</v>
      </c>
      <c r="HU30" s="102">
        <v>0</v>
      </c>
      <c r="HV30" s="102">
        <v>1</v>
      </c>
      <c r="HW30" s="102">
        <v>1</v>
      </c>
      <c r="HX30" s="103">
        <v>4</v>
      </c>
      <c r="HY30" s="104">
        <v>7</v>
      </c>
      <c r="HZ30" s="101">
        <v>4</v>
      </c>
      <c r="IA30" s="102">
        <v>5</v>
      </c>
      <c r="IB30" s="103">
        <v>9</v>
      </c>
      <c r="IC30" s="413">
        <v>0</v>
      </c>
      <c r="ID30" s="102">
        <v>0</v>
      </c>
      <c r="IE30" s="102">
        <v>1</v>
      </c>
      <c r="IF30" s="102">
        <v>0</v>
      </c>
      <c r="IG30" s="102">
        <v>0</v>
      </c>
      <c r="IH30" s="102">
        <v>1</v>
      </c>
      <c r="II30" s="103">
        <v>2</v>
      </c>
      <c r="IJ30" s="104">
        <v>11</v>
      </c>
      <c r="IK30" s="101">
        <v>8</v>
      </c>
      <c r="IL30" s="102">
        <v>4</v>
      </c>
      <c r="IM30" s="103">
        <v>12</v>
      </c>
      <c r="IN30" s="413">
        <v>0</v>
      </c>
      <c r="IO30" s="102">
        <v>5</v>
      </c>
      <c r="IP30" s="102">
        <v>3</v>
      </c>
      <c r="IQ30" s="102">
        <v>5</v>
      </c>
      <c r="IR30" s="102">
        <v>3</v>
      </c>
      <c r="IS30" s="102">
        <v>1</v>
      </c>
      <c r="IT30" s="103">
        <v>17</v>
      </c>
      <c r="IU30" s="104">
        <v>29</v>
      </c>
      <c r="IV30" s="101">
        <v>8</v>
      </c>
      <c r="IW30" s="102">
        <v>7</v>
      </c>
      <c r="IX30" s="103">
        <v>15</v>
      </c>
      <c r="IY30" s="413">
        <v>0</v>
      </c>
      <c r="IZ30" s="102">
        <v>9</v>
      </c>
      <c r="JA30" s="102">
        <v>4</v>
      </c>
      <c r="JB30" s="102">
        <v>4</v>
      </c>
      <c r="JC30" s="102">
        <v>5</v>
      </c>
      <c r="JD30" s="102">
        <v>4</v>
      </c>
      <c r="JE30" s="103">
        <v>26</v>
      </c>
      <c r="JF30" s="104">
        <v>41</v>
      </c>
      <c r="JG30" s="101">
        <v>9</v>
      </c>
      <c r="JH30" s="102">
        <v>10</v>
      </c>
      <c r="JI30" s="103">
        <v>19</v>
      </c>
      <c r="JJ30" s="413">
        <v>0</v>
      </c>
      <c r="JK30" s="102">
        <v>10</v>
      </c>
      <c r="JL30" s="102">
        <v>5</v>
      </c>
      <c r="JM30" s="102">
        <v>5</v>
      </c>
      <c r="JN30" s="102">
        <v>12</v>
      </c>
      <c r="JO30" s="102">
        <v>4</v>
      </c>
      <c r="JP30" s="103">
        <v>36</v>
      </c>
      <c r="JQ30" s="104">
        <v>55</v>
      </c>
      <c r="JR30" s="101">
        <v>0</v>
      </c>
      <c r="JS30" s="102">
        <v>0</v>
      </c>
      <c r="JT30" s="103">
        <v>0</v>
      </c>
      <c r="JU30" s="413">
        <v>0</v>
      </c>
      <c r="JV30" s="102">
        <v>0</v>
      </c>
      <c r="JW30" s="102">
        <v>0</v>
      </c>
      <c r="JX30" s="102">
        <v>0</v>
      </c>
      <c r="JY30" s="102">
        <v>0</v>
      </c>
      <c r="JZ30" s="102">
        <v>0</v>
      </c>
      <c r="KA30" s="103">
        <v>0</v>
      </c>
      <c r="KB30" s="104">
        <v>0</v>
      </c>
      <c r="KC30" s="101">
        <v>30</v>
      </c>
      <c r="KD30" s="102">
        <v>28</v>
      </c>
      <c r="KE30" s="103">
        <v>58</v>
      </c>
      <c r="KF30" s="413">
        <v>0</v>
      </c>
      <c r="KG30" s="102">
        <v>26</v>
      </c>
      <c r="KH30" s="102">
        <v>13</v>
      </c>
      <c r="KI30" s="102">
        <v>14</v>
      </c>
      <c r="KJ30" s="102">
        <v>21</v>
      </c>
      <c r="KK30" s="102">
        <v>12</v>
      </c>
      <c r="KL30" s="103">
        <v>86</v>
      </c>
      <c r="KM30" s="104">
        <v>144</v>
      </c>
    </row>
    <row r="31" spans="2:299" s="70" customFormat="1" ht="21" customHeight="1" x14ac:dyDescent="0.2">
      <c r="B31" s="106" t="s">
        <v>28</v>
      </c>
      <c r="C31" s="96">
        <v>1</v>
      </c>
      <c r="D31" s="97">
        <v>6</v>
      </c>
      <c r="E31" s="98">
        <v>7</v>
      </c>
      <c r="F31" s="413">
        <v>0</v>
      </c>
      <c r="G31" s="97">
        <v>13</v>
      </c>
      <c r="H31" s="97">
        <v>7</v>
      </c>
      <c r="I31" s="97">
        <v>3</v>
      </c>
      <c r="J31" s="97">
        <v>1</v>
      </c>
      <c r="K31" s="97">
        <v>1</v>
      </c>
      <c r="L31" s="99">
        <v>25</v>
      </c>
      <c r="M31" s="100">
        <v>32</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1</v>
      </c>
      <c r="AL31" s="103">
        <v>1</v>
      </c>
      <c r="AM31" s="413">
        <v>0</v>
      </c>
      <c r="AN31" s="102">
        <v>2</v>
      </c>
      <c r="AO31" s="102">
        <v>2</v>
      </c>
      <c r="AP31" s="102">
        <v>0</v>
      </c>
      <c r="AQ31" s="102">
        <v>0</v>
      </c>
      <c r="AR31" s="102">
        <v>0</v>
      </c>
      <c r="AS31" s="103">
        <v>4</v>
      </c>
      <c r="AT31" s="104">
        <v>5</v>
      </c>
      <c r="AU31" s="101">
        <v>1</v>
      </c>
      <c r="AV31" s="102">
        <v>3</v>
      </c>
      <c r="AW31" s="103">
        <v>4</v>
      </c>
      <c r="AX31" s="413">
        <v>0</v>
      </c>
      <c r="AY31" s="102">
        <v>4</v>
      </c>
      <c r="AZ31" s="102">
        <v>1</v>
      </c>
      <c r="BA31" s="102">
        <v>0</v>
      </c>
      <c r="BB31" s="102">
        <v>0</v>
      </c>
      <c r="BC31" s="102">
        <v>0</v>
      </c>
      <c r="BD31" s="103">
        <v>5</v>
      </c>
      <c r="BE31" s="104">
        <v>9</v>
      </c>
      <c r="BF31" s="101">
        <v>0</v>
      </c>
      <c r="BG31" s="102">
        <v>2</v>
      </c>
      <c r="BH31" s="103">
        <v>2</v>
      </c>
      <c r="BI31" s="413">
        <v>0</v>
      </c>
      <c r="BJ31" s="102">
        <v>4</v>
      </c>
      <c r="BK31" s="102">
        <v>3</v>
      </c>
      <c r="BL31" s="102">
        <v>1</v>
      </c>
      <c r="BM31" s="102">
        <v>0</v>
      </c>
      <c r="BN31" s="102">
        <v>0</v>
      </c>
      <c r="BO31" s="103">
        <v>8</v>
      </c>
      <c r="BP31" s="104">
        <v>10</v>
      </c>
      <c r="BQ31" s="101">
        <v>0</v>
      </c>
      <c r="BR31" s="102">
        <v>0</v>
      </c>
      <c r="BS31" s="103">
        <v>0</v>
      </c>
      <c r="BT31" s="413">
        <v>0</v>
      </c>
      <c r="BU31" s="102">
        <v>2</v>
      </c>
      <c r="BV31" s="102">
        <v>1</v>
      </c>
      <c r="BW31" s="102">
        <v>2</v>
      </c>
      <c r="BX31" s="102">
        <v>1</v>
      </c>
      <c r="BY31" s="102">
        <v>1</v>
      </c>
      <c r="BZ31" s="103">
        <v>7</v>
      </c>
      <c r="CA31" s="104">
        <v>7</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3</v>
      </c>
      <c r="CR31" s="102">
        <v>7</v>
      </c>
      <c r="CS31" s="102">
        <v>3</v>
      </c>
      <c r="CT31" s="102">
        <v>1</v>
      </c>
      <c r="CU31" s="102">
        <v>1</v>
      </c>
      <c r="CV31" s="103">
        <v>25</v>
      </c>
      <c r="CW31" s="104">
        <v>32</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4</v>
      </c>
      <c r="GX31" s="97">
        <v>8</v>
      </c>
      <c r="GY31" s="97">
        <v>3</v>
      </c>
      <c r="GZ31" s="97">
        <v>2</v>
      </c>
      <c r="HA31" s="97">
        <v>2</v>
      </c>
      <c r="HB31" s="99">
        <v>29</v>
      </c>
      <c r="HC31" s="100">
        <v>36</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1</v>
      </c>
      <c r="IB31" s="103">
        <v>1</v>
      </c>
      <c r="IC31" s="413">
        <v>0</v>
      </c>
      <c r="ID31" s="102">
        <v>2</v>
      </c>
      <c r="IE31" s="102">
        <v>2</v>
      </c>
      <c r="IF31" s="102">
        <v>0</v>
      </c>
      <c r="IG31" s="102">
        <v>0</v>
      </c>
      <c r="IH31" s="102">
        <v>0</v>
      </c>
      <c r="II31" s="103">
        <v>4</v>
      </c>
      <c r="IJ31" s="104">
        <v>5</v>
      </c>
      <c r="IK31" s="101">
        <v>1</v>
      </c>
      <c r="IL31" s="102">
        <v>3</v>
      </c>
      <c r="IM31" s="103">
        <v>4</v>
      </c>
      <c r="IN31" s="413">
        <v>0</v>
      </c>
      <c r="IO31" s="102">
        <v>4</v>
      </c>
      <c r="IP31" s="102">
        <v>1</v>
      </c>
      <c r="IQ31" s="102">
        <v>0</v>
      </c>
      <c r="IR31" s="102">
        <v>0</v>
      </c>
      <c r="IS31" s="102">
        <v>0</v>
      </c>
      <c r="IT31" s="103">
        <v>5</v>
      </c>
      <c r="IU31" s="104">
        <v>9</v>
      </c>
      <c r="IV31" s="101">
        <v>0</v>
      </c>
      <c r="IW31" s="102">
        <v>2</v>
      </c>
      <c r="IX31" s="103">
        <v>2</v>
      </c>
      <c r="IY31" s="413">
        <v>0</v>
      </c>
      <c r="IZ31" s="102">
        <v>5</v>
      </c>
      <c r="JA31" s="102">
        <v>4</v>
      </c>
      <c r="JB31" s="102">
        <v>1</v>
      </c>
      <c r="JC31" s="102">
        <v>0</v>
      </c>
      <c r="JD31" s="102">
        <v>1</v>
      </c>
      <c r="JE31" s="103">
        <v>11</v>
      </c>
      <c r="JF31" s="104">
        <v>13</v>
      </c>
      <c r="JG31" s="101">
        <v>0</v>
      </c>
      <c r="JH31" s="102">
        <v>0</v>
      </c>
      <c r="JI31" s="103">
        <v>0</v>
      </c>
      <c r="JJ31" s="413">
        <v>0</v>
      </c>
      <c r="JK31" s="102">
        <v>2</v>
      </c>
      <c r="JL31" s="102">
        <v>1</v>
      </c>
      <c r="JM31" s="102">
        <v>2</v>
      </c>
      <c r="JN31" s="102">
        <v>2</v>
      </c>
      <c r="JO31" s="102">
        <v>1</v>
      </c>
      <c r="JP31" s="103">
        <v>8</v>
      </c>
      <c r="JQ31" s="104">
        <v>8</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4</v>
      </c>
      <c r="KH31" s="102">
        <v>8</v>
      </c>
      <c r="KI31" s="102">
        <v>3</v>
      </c>
      <c r="KJ31" s="102">
        <v>2</v>
      </c>
      <c r="KK31" s="102">
        <v>2</v>
      </c>
      <c r="KL31" s="103">
        <v>29</v>
      </c>
      <c r="KM31" s="104">
        <v>36</v>
      </c>
    </row>
    <row r="32" spans="2:299" s="70" customFormat="1" ht="21" customHeight="1" x14ac:dyDescent="0.2">
      <c r="B32" s="106" t="s">
        <v>29</v>
      </c>
      <c r="C32" s="96">
        <v>6</v>
      </c>
      <c r="D32" s="97">
        <v>1</v>
      </c>
      <c r="E32" s="98">
        <v>7</v>
      </c>
      <c r="F32" s="413">
        <v>0</v>
      </c>
      <c r="G32" s="97">
        <v>2</v>
      </c>
      <c r="H32" s="97">
        <v>3</v>
      </c>
      <c r="I32" s="97">
        <v>6</v>
      </c>
      <c r="J32" s="97">
        <v>2</v>
      </c>
      <c r="K32" s="97">
        <v>4</v>
      </c>
      <c r="L32" s="99">
        <v>17</v>
      </c>
      <c r="M32" s="100">
        <v>24</v>
      </c>
      <c r="N32" s="101">
        <v>0</v>
      </c>
      <c r="O32" s="102">
        <v>0</v>
      </c>
      <c r="P32" s="103">
        <v>0</v>
      </c>
      <c r="Q32" s="413">
        <v>0</v>
      </c>
      <c r="R32" s="102">
        <v>0</v>
      </c>
      <c r="S32" s="102">
        <v>0</v>
      </c>
      <c r="T32" s="102">
        <v>1</v>
      </c>
      <c r="U32" s="102">
        <v>0</v>
      </c>
      <c r="V32" s="102">
        <v>0</v>
      </c>
      <c r="W32" s="103">
        <v>1</v>
      </c>
      <c r="X32" s="104">
        <v>1</v>
      </c>
      <c r="Y32" s="101">
        <v>0</v>
      </c>
      <c r="Z32" s="102">
        <v>0</v>
      </c>
      <c r="AA32" s="103">
        <v>0</v>
      </c>
      <c r="AB32" s="413">
        <v>0</v>
      </c>
      <c r="AC32" s="102">
        <v>0</v>
      </c>
      <c r="AD32" s="102">
        <v>0</v>
      </c>
      <c r="AE32" s="102">
        <v>0</v>
      </c>
      <c r="AF32" s="102">
        <v>0</v>
      </c>
      <c r="AG32" s="102">
        <v>0</v>
      </c>
      <c r="AH32" s="103">
        <v>0</v>
      </c>
      <c r="AI32" s="104">
        <v>0</v>
      </c>
      <c r="AJ32" s="101">
        <v>1</v>
      </c>
      <c r="AK32" s="102">
        <v>0</v>
      </c>
      <c r="AL32" s="103">
        <v>1</v>
      </c>
      <c r="AM32" s="413">
        <v>0</v>
      </c>
      <c r="AN32" s="102">
        <v>0</v>
      </c>
      <c r="AO32" s="102">
        <v>0</v>
      </c>
      <c r="AP32" s="102">
        <v>0</v>
      </c>
      <c r="AQ32" s="102">
        <v>0</v>
      </c>
      <c r="AR32" s="102">
        <v>2</v>
      </c>
      <c r="AS32" s="103">
        <v>2</v>
      </c>
      <c r="AT32" s="104">
        <v>3</v>
      </c>
      <c r="AU32" s="101">
        <v>3</v>
      </c>
      <c r="AV32" s="102">
        <v>1</v>
      </c>
      <c r="AW32" s="103">
        <v>4</v>
      </c>
      <c r="AX32" s="413">
        <v>0</v>
      </c>
      <c r="AY32" s="102">
        <v>1</v>
      </c>
      <c r="AZ32" s="102">
        <v>0</v>
      </c>
      <c r="BA32" s="102">
        <v>0</v>
      </c>
      <c r="BB32" s="102">
        <v>1</v>
      </c>
      <c r="BC32" s="102">
        <v>0</v>
      </c>
      <c r="BD32" s="103">
        <v>2</v>
      </c>
      <c r="BE32" s="104">
        <v>6</v>
      </c>
      <c r="BF32" s="101">
        <v>1</v>
      </c>
      <c r="BG32" s="102">
        <v>0</v>
      </c>
      <c r="BH32" s="103">
        <v>1</v>
      </c>
      <c r="BI32" s="413">
        <v>0</v>
      </c>
      <c r="BJ32" s="102">
        <v>1</v>
      </c>
      <c r="BK32" s="102">
        <v>2</v>
      </c>
      <c r="BL32" s="102">
        <v>3</v>
      </c>
      <c r="BM32" s="102">
        <v>0</v>
      </c>
      <c r="BN32" s="102">
        <v>0</v>
      </c>
      <c r="BO32" s="103">
        <v>6</v>
      </c>
      <c r="BP32" s="104">
        <v>7</v>
      </c>
      <c r="BQ32" s="101">
        <v>1</v>
      </c>
      <c r="BR32" s="102">
        <v>0</v>
      </c>
      <c r="BS32" s="103">
        <v>1</v>
      </c>
      <c r="BT32" s="413">
        <v>0</v>
      </c>
      <c r="BU32" s="102">
        <v>0</v>
      </c>
      <c r="BV32" s="102">
        <v>1</v>
      </c>
      <c r="BW32" s="102">
        <v>2</v>
      </c>
      <c r="BX32" s="102">
        <v>1</v>
      </c>
      <c r="BY32" s="102">
        <v>2</v>
      </c>
      <c r="BZ32" s="103">
        <v>6</v>
      </c>
      <c r="CA32" s="104">
        <v>7</v>
      </c>
      <c r="CB32" s="101">
        <v>0</v>
      </c>
      <c r="CC32" s="102">
        <v>0</v>
      </c>
      <c r="CD32" s="103">
        <v>0</v>
      </c>
      <c r="CE32" s="413">
        <v>0</v>
      </c>
      <c r="CF32" s="102">
        <v>0</v>
      </c>
      <c r="CG32" s="102">
        <v>0</v>
      </c>
      <c r="CH32" s="102">
        <v>0</v>
      </c>
      <c r="CI32" s="102">
        <v>0</v>
      </c>
      <c r="CJ32" s="102">
        <v>0</v>
      </c>
      <c r="CK32" s="103">
        <v>0</v>
      </c>
      <c r="CL32" s="104">
        <v>0</v>
      </c>
      <c r="CM32" s="101">
        <v>6</v>
      </c>
      <c r="CN32" s="102">
        <v>1</v>
      </c>
      <c r="CO32" s="103">
        <v>7</v>
      </c>
      <c r="CP32" s="413">
        <v>0</v>
      </c>
      <c r="CQ32" s="102">
        <v>2</v>
      </c>
      <c r="CR32" s="102">
        <v>3</v>
      </c>
      <c r="CS32" s="102">
        <v>6</v>
      </c>
      <c r="CT32" s="102">
        <v>2</v>
      </c>
      <c r="CU32" s="102">
        <v>4</v>
      </c>
      <c r="CV32" s="103">
        <v>17</v>
      </c>
      <c r="CW32" s="104">
        <v>24</v>
      </c>
      <c r="CX32" s="105">
        <v>2</v>
      </c>
      <c r="CY32" s="97">
        <v>0</v>
      </c>
      <c r="CZ32" s="98">
        <v>2</v>
      </c>
      <c r="DA32" s="413">
        <v>0</v>
      </c>
      <c r="DB32" s="97">
        <v>1</v>
      </c>
      <c r="DC32" s="97">
        <v>2</v>
      </c>
      <c r="DD32" s="97">
        <v>0</v>
      </c>
      <c r="DE32" s="97">
        <v>3</v>
      </c>
      <c r="DF32" s="97">
        <v>0</v>
      </c>
      <c r="DG32" s="99">
        <v>6</v>
      </c>
      <c r="DH32" s="100">
        <v>8</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1</v>
      </c>
      <c r="DZ32" s="102">
        <v>0</v>
      </c>
      <c r="EA32" s="102">
        <v>0</v>
      </c>
      <c r="EB32" s="102">
        <v>0</v>
      </c>
      <c r="EC32" s="103">
        <v>1</v>
      </c>
      <c r="ED32" s="104">
        <v>1</v>
      </c>
      <c r="EE32" s="101">
        <v>0</v>
      </c>
      <c r="EF32" s="102">
        <v>0</v>
      </c>
      <c r="EG32" s="103">
        <v>0</v>
      </c>
      <c r="EH32" s="413">
        <v>0</v>
      </c>
      <c r="EI32" s="102">
        <v>0</v>
      </c>
      <c r="EJ32" s="102">
        <v>0</v>
      </c>
      <c r="EK32" s="102">
        <v>0</v>
      </c>
      <c r="EL32" s="102">
        <v>0</v>
      </c>
      <c r="EM32" s="102">
        <v>0</v>
      </c>
      <c r="EN32" s="103">
        <v>0</v>
      </c>
      <c r="EO32" s="104">
        <v>0</v>
      </c>
      <c r="EP32" s="101">
        <v>2</v>
      </c>
      <c r="EQ32" s="102">
        <v>0</v>
      </c>
      <c r="ER32" s="103">
        <v>2</v>
      </c>
      <c r="ES32" s="413">
        <v>0</v>
      </c>
      <c r="ET32" s="102">
        <v>0</v>
      </c>
      <c r="EU32" s="102">
        <v>1</v>
      </c>
      <c r="EV32" s="102">
        <v>0</v>
      </c>
      <c r="EW32" s="102">
        <v>0</v>
      </c>
      <c r="EX32" s="102">
        <v>0</v>
      </c>
      <c r="EY32" s="103">
        <v>1</v>
      </c>
      <c r="EZ32" s="104">
        <v>3</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2</v>
      </c>
      <c r="FT32" s="102">
        <v>0</v>
      </c>
      <c r="FU32" s="103">
        <v>3</v>
      </c>
      <c r="FV32" s="104">
        <v>3</v>
      </c>
      <c r="FW32" s="101">
        <v>0</v>
      </c>
      <c r="FX32" s="102">
        <v>0</v>
      </c>
      <c r="FY32" s="103">
        <v>0</v>
      </c>
      <c r="FZ32" s="413">
        <v>0</v>
      </c>
      <c r="GA32" s="102">
        <v>0</v>
      </c>
      <c r="GB32" s="102">
        <v>0</v>
      </c>
      <c r="GC32" s="102">
        <v>0</v>
      </c>
      <c r="GD32" s="102">
        <v>0</v>
      </c>
      <c r="GE32" s="102">
        <v>0</v>
      </c>
      <c r="GF32" s="103">
        <v>0</v>
      </c>
      <c r="GG32" s="104">
        <v>0</v>
      </c>
      <c r="GH32" s="101">
        <v>2</v>
      </c>
      <c r="GI32" s="102">
        <v>0</v>
      </c>
      <c r="GJ32" s="103">
        <v>2</v>
      </c>
      <c r="GK32" s="413">
        <v>0</v>
      </c>
      <c r="GL32" s="102">
        <v>1</v>
      </c>
      <c r="GM32" s="102">
        <v>2</v>
      </c>
      <c r="GN32" s="102">
        <v>0</v>
      </c>
      <c r="GO32" s="102">
        <v>3</v>
      </c>
      <c r="GP32" s="102">
        <v>0</v>
      </c>
      <c r="GQ32" s="103">
        <v>6</v>
      </c>
      <c r="GR32" s="104">
        <v>8</v>
      </c>
      <c r="GS32" s="105">
        <v>8</v>
      </c>
      <c r="GT32" s="97">
        <v>1</v>
      </c>
      <c r="GU32" s="98">
        <v>9</v>
      </c>
      <c r="GV32" s="413">
        <v>0</v>
      </c>
      <c r="GW32" s="97">
        <v>3</v>
      </c>
      <c r="GX32" s="97">
        <v>5</v>
      </c>
      <c r="GY32" s="97">
        <v>6</v>
      </c>
      <c r="GZ32" s="97">
        <v>5</v>
      </c>
      <c r="HA32" s="97">
        <v>4</v>
      </c>
      <c r="HB32" s="99">
        <v>23</v>
      </c>
      <c r="HC32" s="100">
        <v>32</v>
      </c>
      <c r="HD32" s="101">
        <v>0</v>
      </c>
      <c r="HE32" s="102">
        <v>0</v>
      </c>
      <c r="HF32" s="103">
        <v>0</v>
      </c>
      <c r="HG32" s="413">
        <v>0</v>
      </c>
      <c r="HH32" s="102">
        <v>0</v>
      </c>
      <c r="HI32" s="102">
        <v>0</v>
      </c>
      <c r="HJ32" s="102">
        <v>1</v>
      </c>
      <c r="HK32" s="102">
        <v>0</v>
      </c>
      <c r="HL32" s="102">
        <v>0</v>
      </c>
      <c r="HM32" s="103">
        <v>1</v>
      </c>
      <c r="HN32" s="104">
        <v>1</v>
      </c>
      <c r="HO32" s="101">
        <v>0</v>
      </c>
      <c r="HP32" s="102">
        <v>0</v>
      </c>
      <c r="HQ32" s="103">
        <v>0</v>
      </c>
      <c r="HR32" s="413">
        <v>0</v>
      </c>
      <c r="HS32" s="102">
        <v>0</v>
      </c>
      <c r="HT32" s="102">
        <v>1</v>
      </c>
      <c r="HU32" s="102">
        <v>0</v>
      </c>
      <c r="HV32" s="102">
        <v>0</v>
      </c>
      <c r="HW32" s="102">
        <v>0</v>
      </c>
      <c r="HX32" s="103">
        <v>1</v>
      </c>
      <c r="HY32" s="104">
        <v>1</v>
      </c>
      <c r="HZ32" s="101">
        <v>1</v>
      </c>
      <c r="IA32" s="102">
        <v>0</v>
      </c>
      <c r="IB32" s="103">
        <v>1</v>
      </c>
      <c r="IC32" s="413">
        <v>0</v>
      </c>
      <c r="ID32" s="102">
        <v>0</v>
      </c>
      <c r="IE32" s="102">
        <v>0</v>
      </c>
      <c r="IF32" s="102">
        <v>0</v>
      </c>
      <c r="IG32" s="102">
        <v>0</v>
      </c>
      <c r="IH32" s="102">
        <v>2</v>
      </c>
      <c r="II32" s="103">
        <v>2</v>
      </c>
      <c r="IJ32" s="104">
        <v>3</v>
      </c>
      <c r="IK32" s="101">
        <v>5</v>
      </c>
      <c r="IL32" s="102">
        <v>1</v>
      </c>
      <c r="IM32" s="103">
        <v>6</v>
      </c>
      <c r="IN32" s="413">
        <v>0</v>
      </c>
      <c r="IO32" s="102">
        <v>1</v>
      </c>
      <c r="IP32" s="102">
        <v>1</v>
      </c>
      <c r="IQ32" s="102">
        <v>0</v>
      </c>
      <c r="IR32" s="102">
        <v>1</v>
      </c>
      <c r="IS32" s="102">
        <v>0</v>
      </c>
      <c r="IT32" s="103">
        <v>3</v>
      </c>
      <c r="IU32" s="104">
        <v>9</v>
      </c>
      <c r="IV32" s="101">
        <v>1</v>
      </c>
      <c r="IW32" s="102">
        <v>0</v>
      </c>
      <c r="IX32" s="103">
        <v>1</v>
      </c>
      <c r="IY32" s="413">
        <v>0</v>
      </c>
      <c r="IZ32" s="102">
        <v>1</v>
      </c>
      <c r="JA32" s="102">
        <v>2</v>
      </c>
      <c r="JB32" s="102">
        <v>3</v>
      </c>
      <c r="JC32" s="102">
        <v>1</v>
      </c>
      <c r="JD32" s="102">
        <v>0</v>
      </c>
      <c r="JE32" s="103">
        <v>7</v>
      </c>
      <c r="JF32" s="104">
        <v>8</v>
      </c>
      <c r="JG32" s="101">
        <v>1</v>
      </c>
      <c r="JH32" s="102">
        <v>0</v>
      </c>
      <c r="JI32" s="103">
        <v>1</v>
      </c>
      <c r="JJ32" s="413">
        <v>0</v>
      </c>
      <c r="JK32" s="102">
        <v>1</v>
      </c>
      <c r="JL32" s="102">
        <v>1</v>
      </c>
      <c r="JM32" s="102">
        <v>2</v>
      </c>
      <c r="JN32" s="102">
        <v>3</v>
      </c>
      <c r="JO32" s="102">
        <v>2</v>
      </c>
      <c r="JP32" s="103">
        <v>9</v>
      </c>
      <c r="JQ32" s="104">
        <v>10</v>
      </c>
      <c r="JR32" s="101">
        <v>0</v>
      </c>
      <c r="JS32" s="102">
        <v>0</v>
      </c>
      <c r="JT32" s="103">
        <v>0</v>
      </c>
      <c r="JU32" s="413">
        <v>0</v>
      </c>
      <c r="JV32" s="102">
        <v>0</v>
      </c>
      <c r="JW32" s="102">
        <v>0</v>
      </c>
      <c r="JX32" s="102">
        <v>0</v>
      </c>
      <c r="JY32" s="102">
        <v>0</v>
      </c>
      <c r="JZ32" s="102">
        <v>0</v>
      </c>
      <c r="KA32" s="103">
        <v>0</v>
      </c>
      <c r="KB32" s="104">
        <v>0</v>
      </c>
      <c r="KC32" s="101">
        <v>8</v>
      </c>
      <c r="KD32" s="102">
        <v>1</v>
      </c>
      <c r="KE32" s="103">
        <v>9</v>
      </c>
      <c r="KF32" s="413">
        <v>0</v>
      </c>
      <c r="KG32" s="102">
        <v>3</v>
      </c>
      <c r="KH32" s="102">
        <v>5</v>
      </c>
      <c r="KI32" s="102">
        <v>6</v>
      </c>
      <c r="KJ32" s="102">
        <v>5</v>
      </c>
      <c r="KK32" s="102">
        <v>4</v>
      </c>
      <c r="KL32" s="103">
        <v>23</v>
      </c>
      <c r="KM32" s="104">
        <v>32</v>
      </c>
    </row>
    <row r="33" spans="2:299" s="70" customFormat="1" ht="21" customHeight="1" x14ac:dyDescent="0.2">
      <c r="B33" s="106" t="s">
        <v>30</v>
      </c>
      <c r="C33" s="96">
        <v>4</v>
      </c>
      <c r="D33" s="97">
        <v>2</v>
      </c>
      <c r="E33" s="98">
        <v>6</v>
      </c>
      <c r="F33" s="413">
        <v>0</v>
      </c>
      <c r="G33" s="97">
        <v>5</v>
      </c>
      <c r="H33" s="97">
        <v>2</v>
      </c>
      <c r="I33" s="97">
        <v>5</v>
      </c>
      <c r="J33" s="97">
        <v>4</v>
      </c>
      <c r="K33" s="97">
        <v>1</v>
      </c>
      <c r="L33" s="99">
        <v>17</v>
      </c>
      <c r="M33" s="100">
        <v>23</v>
      </c>
      <c r="N33" s="101">
        <v>0</v>
      </c>
      <c r="O33" s="102">
        <v>0</v>
      </c>
      <c r="P33" s="103">
        <v>0</v>
      </c>
      <c r="Q33" s="413">
        <v>0</v>
      </c>
      <c r="R33" s="102">
        <v>0</v>
      </c>
      <c r="S33" s="102">
        <v>0</v>
      </c>
      <c r="T33" s="102">
        <v>0</v>
      </c>
      <c r="U33" s="102">
        <v>0</v>
      </c>
      <c r="V33" s="102">
        <v>0</v>
      </c>
      <c r="W33" s="103">
        <v>0</v>
      </c>
      <c r="X33" s="104">
        <v>0</v>
      </c>
      <c r="Y33" s="101">
        <v>1</v>
      </c>
      <c r="Z33" s="102">
        <v>0</v>
      </c>
      <c r="AA33" s="103">
        <v>1</v>
      </c>
      <c r="AB33" s="413">
        <v>0</v>
      </c>
      <c r="AC33" s="102">
        <v>0</v>
      </c>
      <c r="AD33" s="102">
        <v>0</v>
      </c>
      <c r="AE33" s="102">
        <v>1</v>
      </c>
      <c r="AF33" s="102">
        <v>1</v>
      </c>
      <c r="AG33" s="102">
        <v>0</v>
      </c>
      <c r="AH33" s="103">
        <v>2</v>
      </c>
      <c r="AI33" s="104">
        <v>3</v>
      </c>
      <c r="AJ33" s="101">
        <v>0</v>
      </c>
      <c r="AK33" s="102">
        <v>0</v>
      </c>
      <c r="AL33" s="103">
        <v>0</v>
      </c>
      <c r="AM33" s="413">
        <v>0</v>
      </c>
      <c r="AN33" s="102">
        <v>0</v>
      </c>
      <c r="AO33" s="102">
        <v>0</v>
      </c>
      <c r="AP33" s="102">
        <v>0</v>
      </c>
      <c r="AQ33" s="102">
        <v>0</v>
      </c>
      <c r="AR33" s="102">
        <v>1</v>
      </c>
      <c r="AS33" s="103">
        <v>1</v>
      </c>
      <c r="AT33" s="104">
        <v>1</v>
      </c>
      <c r="AU33" s="101">
        <v>1</v>
      </c>
      <c r="AV33" s="102">
        <v>0</v>
      </c>
      <c r="AW33" s="103">
        <v>1</v>
      </c>
      <c r="AX33" s="413">
        <v>0</v>
      </c>
      <c r="AY33" s="102">
        <v>2</v>
      </c>
      <c r="AZ33" s="102">
        <v>0</v>
      </c>
      <c r="BA33" s="102">
        <v>1</v>
      </c>
      <c r="BB33" s="102">
        <v>1</v>
      </c>
      <c r="BC33" s="102">
        <v>0</v>
      </c>
      <c r="BD33" s="103">
        <v>4</v>
      </c>
      <c r="BE33" s="104">
        <v>5</v>
      </c>
      <c r="BF33" s="101">
        <v>0</v>
      </c>
      <c r="BG33" s="102">
        <v>1</v>
      </c>
      <c r="BH33" s="103">
        <v>1</v>
      </c>
      <c r="BI33" s="413">
        <v>0</v>
      </c>
      <c r="BJ33" s="102">
        <v>1</v>
      </c>
      <c r="BK33" s="102">
        <v>1</v>
      </c>
      <c r="BL33" s="102">
        <v>0</v>
      </c>
      <c r="BM33" s="102">
        <v>0</v>
      </c>
      <c r="BN33" s="102">
        <v>0</v>
      </c>
      <c r="BO33" s="103">
        <v>2</v>
      </c>
      <c r="BP33" s="104">
        <v>3</v>
      </c>
      <c r="BQ33" s="101">
        <v>2</v>
      </c>
      <c r="BR33" s="102">
        <v>1</v>
      </c>
      <c r="BS33" s="103">
        <v>3</v>
      </c>
      <c r="BT33" s="413">
        <v>0</v>
      </c>
      <c r="BU33" s="102">
        <v>2</v>
      </c>
      <c r="BV33" s="102">
        <v>1</v>
      </c>
      <c r="BW33" s="102">
        <v>3</v>
      </c>
      <c r="BX33" s="102">
        <v>2</v>
      </c>
      <c r="BY33" s="102">
        <v>0</v>
      </c>
      <c r="BZ33" s="103">
        <v>8</v>
      </c>
      <c r="CA33" s="104">
        <v>11</v>
      </c>
      <c r="CB33" s="101">
        <v>0</v>
      </c>
      <c r="CC33" s="102">
        <v>0</v>
      </c>
      <c r="CD33" s="103">
        <v>0</v>
      </c>
      <c r="CE33" s="413">
        <v>0</v>
      </c>
      <c r="CF33" s="102">
        <v>0</v>
      </c>
      <c r="CG33" s="102">
        <v>0</v>
      </c>
      <c r="CH33" s="102">
        <v>0</v>
      </c>
      <c r="CI33" s="102">
        <v>0</v>
      </c>
      <c r="CJ33" s="102">
        <v>0</v>
      </c>
      <c r="CK33" s="103">
        <v>0</v>
      </c>
      <c r="CL33" s="104">
        <v>0</v>
      </c>
      <c r="CM33" s="101">
        <v>4</v>
      </c>
      <c r="CN33" s="102">
        <v>2</v>
      </c>
      <c r="CO33" s="103">
        <v>6</v>
      </c>
      <c r="CP33" s="413">
        <v>0</v>
      </c>
      <c r="CQ33" s="102">
        <v>5</v>
      </c>
      <c r="CR33" s="102">
        <v>2</v>
      </c>
      <c r="CS33" s="102">
        <v>5</v>
      </c>
      <c r="CT33" s="102">
        <v>4</v>
      </c>
      <c r="CU33" s="102">
        <v>1</v>
      </c>
      <c r="CV33" s="103">
        <v>17</v>
      </c>
      <c r="CW33" s="104">
        <v>23</v>
      </c>
      <c r="CX33" s="105">
        <v>0</v>
      </c>
      <c r="CY33" s="97">
        <v>0</v>
      </c>
      <c r="CZ33" s="98">
        <v>0</v>
      </c>
      <c r="DA33" s="413">
        <v>0</v>
      </c>
      <c r="DB33" s="97">
        <v>2</v>
      </c>
      <c r="DC33" s="97">
        <v>2</v>
      </c>
      <c r="DD33" s="97">
        <v>0</v>
      </c>
      <c r="DE33" s="97">
        <v>3</v>
      </c>
      <c r="DF33" s="97">
        <v>1</v>
      </c>
      <c r="DG33" s="99">
        <v>8</v>
      </c>
      <c r="DH33" s="100">
        <v>8</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1</v>
      </c>
      <c r="FF33" s="102">
        <v>0</v>
      </c>
      <c r="FG33" s="102">
        <v>0</v>
      </c>
      <c r="FH33" s="102">
        <v>1</v>
      </c>
      <c r="FI33" s="102">
        <v>0</v>
      </c>
      <c r="FJ33" s="103">
        <v>2</v>
      </c>
      <c r="FK33" s="104">
        <v>2</v>
      </c>
      <c r="FL33" s="101">
        <v>0</v>
      </c>
      <c r="FM33" s="102">
        <v>0</v>
      </c>
      <c r="FN33" s="103">
        <v>0</v>
      </c>
      <c r="FO33" s="413">
        <v>0</v>
      </c>
      <c r="FP33" s="102">
        <v>1</v>
      </c>
      <c r="FQ33" s="102">
        <v>1</v>
      </c>
      <c r="FR33" s="102">
        <v>0</v>
      </c>
      <c r="FS33" s="102">
        <v>2</v>
      </c>
      <c r="FT33" s="102">
        <v>1</v>
      </c>
      <c r="FU33" s="103">
        <v>5</v>
      </c>
      <c r="FV33" s="104">
        <v>5</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2</v>
      </c>
      <c r="GM33" s="102">
        <v>2</v>
      </c>
      <c r="GN33" s="102">
        <v>0</v>
      </c>
      <c r="GO33" s="102">
        <v>3</v>
      </c>
      <c r="GP33" s="102">
        <v>1</v>
      </c>
      <c r="GQ33" s="103">
        <v>8</v>
      </c>
      <c r="GR33" s="104">
        <v>8</v>
      </c>
      <c r="GS33" s="105">
        <v>4</v>
      </c>
      <c r="GT33" s="97">
        <v>2</v>
      </c>
      <c r="GU33" s="98">
        <v>6</v>
      </c>
      <c r="GV33" s="413">
        <v>0</v>
      </c>
      <c r="GW33" s="97">
        <v>7</v>
      </c>
      <c r="GX33" s="97">
        <v>4</v>
      </c>
      <c r="GY33" s="97">
        <v>5</v>
      </c>
      <c r="GZ33" s="97">
        <v>7</v>
      </c>
      <c r="HA33" s="97">
        <v>2</v>
      </c>
      <c r="HB33" s="99">
        <v>25</v>
      </c>
      <c r="HC33" s="100">
        <v>31</v>
      </c>
      <c r="HD33" s="101">
        <v>0</v>
      </c>
      <c r="HE33" s="102">
        <v>0</v>
      </c>
      <c r="HF33" s="103">
        <v>0</v>
      </c>
      <c r="HG33" s="413">
        <v>0</v>
      </c>
      <c r="HH33" s="102">
        <v>0</v>
      </c>
      <c r="HI33" s="102">
        <v>0</v>
      </c>
      <c r="HJ33" s="102">
        <v>0</v>
      </c>
      <c r="HK33" s="102">
        <v>0</v>
      </c>
      <c r="HL33" s="102">
        <v>0</v>
      </c>
      <c r="HM33" s="103">
        <v>0</v>
      </c>
      <c r="HN33" s="104">
        <v>0</v>
      </c>
      <c r="HO33" s="101">
        <v>1</v>
      </c>
      <c r="HP33" s="102">
        <v>0</v>
      </c>
      <c r="HQ33" s="103">
        <v>1</v>
      </c>
      <c r="HR33" s="413">
        <v>0</v>
      </c>
      <c r="HS33" s="102">
        <v>0</v>
      </c>
      <c r="HT33" s="102">
        <v>0</v>
      </c>
      <c r="HU33" s="102">
        <v>1</v>
      </c>
      <c r="HV33" s="102">
        <v>1</v>
      </c>
      <c r="HW33" s="102">
        <v>0</v>
      </c>
      <c r="HX33" s="103">
        <v>2</v>
      </c>
      <c r="HY33" s="104">
        <v>3</v>
      </c>
      <c r="HZ33" s="101">
        <v>0</v>
      </c>
      <c r="IA33" s="102">
        <v>0</v>
      </c>
      <c r="IB33" s="103">
        <v>0</v>
      </c>
      <c r="IC33" s="413">
        <v>0</v>
      </c>
      <c r="ID33" s="102">
        <v>0</v>
      </c>
      <c r="IE33" s="102">
        <v>0</v>
      </c>
      <c r="IF33" s="102">
        <v>0</v>
      </c>
      <c r="IG33" s="102">
        <v>0</v>
      </c>
      <c r="IH33" s="102">
        <v>1</v>
      </c>
      <c r="II33" s="103">
        <v>1</v>
      </c>
      <c r="IJ33" s="104">
        <v>1</v>
      </c>
      <c r="IK33" s="101">
        <v>1</v>
      </c>
      <c r="IL33" s="102">
        <v>0</v>
      </c>
      <c r="IM33" s="103">
        <v>1</v>
      </c>
      <c r="IN33" s="413">
        <v>0</v>
      </c>
      <c r="IO33" s="102">
        <v>2</v>
      </c>
      <c r="IP33" s="102">
        <v>1</v>
      </c>
      <c r="IQ33" s="102">
        <v>1</v>
      </c>
      <c r="IR33" s="102">
        <v>1</v>
      </c>
      <c r="IS33" s="102">
        <v>0</v>
      </c>
      <c r="IT33" s="103">
        <v>5</v>
      </c>
      <c r="IU33" s="104">
        <v>6</v>
      </c>
      <c r="IV33" s="101">
        <v>0</v>
      </c>
      <c r="IW33" s="102">
        <v>1</v>
      </c>
      <c r="IX33" s="103">
        <v>1</v>
      </c>
      <c r="IY33" s="413">
        <v>0</v>
      </c>
      <c r="IZ33" s="102">
        <v>2</v>
      </c>
      <c r="JA33" s="102">
        <v>1</v>
      </c>
      <c r="JB33" s="102">
        <v>0</v>
      </c>
      <c r="JC33" s="102">
        <v>1</v>
      </c>
      <c r="JD33" s="102">
        <v>0</v>
      </c>
      <c r="JE33" s="103">
        <v>4</v>
      </c>
      <c r="JF33" s="104">
        <v>5</v>
      </c>
      <c r="JG33" s="101">
        <v>2</v>
      </c>
      <c r="JH33" s="102">
        <v>1</v>
      </c>
      <c r="JI33" s="103">
        <v>3</v>
      </c>
      <c r="JJ33" s="413">
        <v>0</v>
      </c>
      <c r="JK33" s="102">
        <v>3</v>
      </c>
      <c r="JL33" s="102">
        <v>2</v>
      </c>
      <c r="JM33" s="102">
        <v>3</v>
      </c>
      <c r="JN33" s="102">
        <v>4</v>
      </c>
      <c r="JO33" s="102">
        <v>1</v>
      </c>
      <c r="JP33" s="103">
        <v>13</v>
      </c>
      <c r="JQ33" s="104">
        <v>16</v>
      </c>
      <c r="JR33" s="101">
        <v>0</v>
      </c>
      <c r="JS33" s="102">
        <v>0</v>
      </c>
      <c r="JT33" s="103">
        <v>0</v>
      </c>
      <c r="JU33" s="413">
        <v>0</v>
      </c>
      <c r="JV33" s="102">
        <v>0</v>
      </c>
      <c r="JW33" s="102">
        <v>0</v>
      </c>
      <c r="JX33" s="102">
        <v>0</v>
      </c>
      <c r="JY33" s="102">
        <v>0</v>
      </c>
      <c r="JZ33" s="102">
        <v>0</v>
      </c>
      <c r="KA33" s="103">
        <v>0</v>
      </c>
      <c r="KB33" s="104">
        <v>0</v>
      </c>
      <c r="KC33" s="101">
        <v>4</v>
      </c>
      <c r="KD33" s="102">
        <v>2</v>
      </c>
      <c r="KE33" s="103">
        <v>6</v>
      </c>
      <c r="KF33" s="413">
        <v>0</v>
      </c>
      <c r="KG33" s="102">
        <v>7</v>
      </c>
      <c r="KH33" s="102">
        <v>4</v>
      </c>
      <c r="KI33" s="102">
        <v>5</v>
      </c>
      <c r="KJ33" s="102">
        <v>7</v>
      </c>
      <c r="KK33" s="102">
        <v>2</v>
      </c>
      <c r="KL33" s="103">
        <v>25</v>
      </c>
      <c r="KM33" s="104">
        <v>31</v>
      </c>
    </row>
    <row r="34" spans="2:299" s="70" customFormat="1" ht="21" customHeight="1" x14ac:dyDescent="0.2">
      <c r="B34" s="106" t="s">
        <v>31</v>
      </c>
      <c r="C34" s="96">
        <v>2</v>
      </c>
      <c r="D34" s="97">
        <v>8</v>
      </c>
      <c r="E34" s="98">
        <v>10</v>
      </c>
      <c r="F34" s="413">
        <v>0</v>
      </c>
      <c r="G34" s="97">
        <v>8</v>
      </c>
      <c r="H34" s="97">
        <v>4</v>
      </c>
      <c r="I34" s="97">
        <v>7</v>
      </c>
      <c r="J34" s="97">
        <v>5</v>
      </c>
      <c r="K34" s="97">
        <v>1</v>
      </c>
      <c r="L34" s="99">
        <v>25</v>
      </c>
      <c r="M34" s="100">
        <v>35</v>
      </c>
      <c r="N34" s="101">
        <v>0</v>
      </c>
      <c r="O34" s="102">
        <v>0</v>
      </c>
      <c r="P34" s="103">
        <v>0</v>
      </c>
      <c r="Q34" s="413">
        <v>0</v>
      </c>
      <c r="R34" s="102">
        <v>0</v>
      </c>
      <c r="S34" s="102">
        <v>0</v>
      </c>
      <c r="T34" s="102">
        <v>0</v>
      </c>
      <c r="U34" s="102">
        <v>1</v>
      </c>
      <c r="V34" s="102">
        <v>1</v>
      </c>
      <c r="W34" s="103">
        <v>2</v>
      </c>
      <c r="X34" s="104">
        <v>2</v>
      </c>
      <c r="Y34" s="101">
        <v>0</v>
      </c>
      <c r="Z34" s="102">
        <v>0</v>
      </c>
      <c r="AA34" s="103">
        <v>0</v>
      </c>
      <c r="AB34" s="413">
        <v>0</v>
      </c>
      <c r="AC34" s="102">
        <v>0</v>
      </c>
      <c r="AD34" s="102">
        <v>0</v>
      </c>
      <c r="AE34" s="102">
        <v>1</v>
      </c>
      <c r="AF34" s="102">
        <v>0</v>
      </c>
      <c r="AG34" s="102">
        <v>0</v>
      </c>
      <c r="AH34" s="103">
        <v>1</v>
      </c>
      <c r="AI34" s="104">
        <v>1</v>
      </c>
      <c r="AJ34" s="101">
        <v>0</v>
      </c>
      <c r="AK34" s="102">
        <v>1</v>
      </c>
      <c r="AL34" s="103">
        <v>1</v>
      </c>
      <c r="AM34" s="413">
        <v>0</v>
      </c>
      <c r="AN34" s="102">
        <v>0</v>
      </c>
      <c r="AO34" s="102">
        <v>0</v>
      </c>
      <c r="AP34" s="102">
        <v>1</v>
      </c>
      <c r="AQ34" s="102">
        <v>0</v>
      </c>
      <c r="AR34" s="102">
        <v>0</v>
      </c>
      <c r="AS34" s="103">
        <v>1</v>
      </c>
      <c r="AT34" s="104">
        <v>2</v>
      </c>
      <c r="AU34" s="101">
        <v>0</v>
      </c>
      <c r="AV34" s="102">
        <v>2</v>
      </c>
      <c r="AW34" s="103">
        <v>2</v>
      </c>
      <c r="AX34" s="413">
        <v>0</v>
      </c>
      <c r="AY34" s="102">
        <v>1</v>
      </c>
      <c r="AZ34" s="102">
        <v>1</v>
      </c>
      <c r="BA34" s="102">
        <v>1</v>
      </c>
      <c r="BB34" s="102">
        <v>1</v>
      </c>
      <c r="BC34" s="102">
        <v>0</v>
      </c>
      <c r="BD34" s="103">
        <v>4</v>
      </c>
      <c r="BE34" s="104">
        <v>6</v>
      </c>
      <c r="BF34" s="101">
        <v>0</v>
      </c>
      <c r="BG34" s="102">
        <v>2</v>
      </c>
      <c r="BH34" s="103">
        <v>2</v>
      </c>
      <c r="BI34" s="413">
        <v>0</v>
      </c>
      <c r="BJ34" s="102">
        <v>5</v>
      </c>
      <c r="BK34" s="102">
        <v>3</v>
      </c>
      <c r="BL34" s="102">
        <v>2</v>
      </c>
      <c r="BM34" s="102">
        <v>1</v>
      </c>
      <c r="BN34" s="102">
        <v>0</v>
      </c>
      <c r="BO34" s="103">
        <v>11</v>
      </c>
      <c r="BP34" s="104">
        <v>13</v>
      </c>
      <c r="BQ34" s="101">
        <v>2</v>
      </c>
      <c r="BR34" s="102">
        <v>3</v>
      </c>
      <c r="BS34" s="103">
        <v>5</v>
      </c>
      <c r="BT34" s="413">
        <v>0</v>
      </c>
      <c r="BU34" s="102">
        <v>2</v>
      </c>
      <c r="BV34" s="102">
        <v>0</v>
      </c>
      <c r="BW34" s="102">
        <v>2</v>
      </c>
      <c r="BX34" s="102">
        <v>2</v>
      </c>
      <c r="BY34" s="102">
        <v>0</v>
      </c>
      <c r="BZ34" s="103">
        <v>6</v>
      </c>
      <c r="CA34" s="104">
        <v>11</v>
      </c>
      <c r="CB34" s="101">
        <v>0</v>
      </c>
      <c r="CC34" s="102">
        <v>0</v>
      </c>
      <c r="CD34" s="103">
        <v>0</v>
      </c>
      <c r="CE34" s="413">
        <v>0</v>
      </c>
      <c r="CF34" s="102">
        <v>0</v>
      </c>
      <c r="CG34" s="102">
        <v>0</v>
      </c>
      <c r="CH34" s="102">
        <v>0</v>
      </c>
      <c r="CI34" s="102">
        <v>0</v>
      </c>
      <c r="CJ34" s="102">
        <v>0</v>
      </c>
      <c r="CK34" s="103">
        <v>0</v>
      </c>
      <c r="CL34" s="104">
        <v>0</v>
      </c>
      <c r="CM34" s="101">
        <v>2</v>
      </c>
      <c r="CN34" s="102">
        <v>8</v>
      </c>
      <c r="CO34" s="103">
        <v>10</v>
      </c>
      <c r="CP34" s="413">
        <v>0</v>
      </c>
      <c r="CQ34" s="102">
        <v>8</v>
      </c>
      <c r="CR34" s="102">
        <v>4</v>
      </c>
      <c r="CS34" s="102">
        <v>7</v>
      </c>
      <c r="CT34" s="102">
        <v>5</v>
      </c>
      <c r="CU34" s="102">
        <v>1</v>
      </c>
      <c r="CV34" s="103">
        <v>25</v>
      </c>
      <c r="CW34" s="104">
        <v>35</v>
      </c>
      <c r="CX34" s="105">
        <v>1</v>
      </c>
      <c r="CY34" s="97">
        <v>1</v>
      </c>
      <c r="CZ34" s="98">
        <v>2</v>
      </c>
      <c r="DA34" s="413">
        <v>0</v>
      </c>
      <c r="DB34" s="97">
        <v>2</v>
      </c>
      <c r="DC34" s="97">
        <v>1</v>
      </c>
      <c r="DD34" s="97">
        <v>0</v>
      </c>
      <c r="DE34" s="97">
        <v>1</v>
      </c>
      <c r="DF34" s="97">
        <v>1</v>
      </c>
      <c r="DG34" s="99">
        <v>5</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1</v>
      </c>
      <c r="FC34" s="103">
        <v>1</v>
      </c>
      <c r="FD34" s="413">
        <v>0</v>
      </c>
      <c r="FE34" s="102">
        <v>0</v>
      </c>
      <c r="FF34" s="102">
        <v>0</v>
      </c>
      <c r="FG34" s="102">
        <v>0</v>
      </c>
      <c r="FH34" s="102">
        <v>0</v>
      </c>
      <c r="FI34" s="102">
        <v>0</v>
      </c>
      <c r="FJ34" s="103">
        <v>0</v>
      </c>
      <c r="FK34" s="104">
        <v>1</v>
      </c>
      <c r="FL34" s="101">
        <v>0</v>
      </c>
      <c r="FM34" s="102">
        <v>0</v>
      </c>
      <c r="FN34" s="103">
        <v>0</v>
      </c>
      <c r="FO34" s="413">
        <v>0</v>
      </c>
      <c r="FP34" s="102">
        <v>2</v>
      </c>
      <c r="FQ34" s="102">
        <v>0</v>
      </c>
      <c r="FR34" s="102">
        <v>0</v>
      </c>
      <c r="FS34" s="102">
        <v>1</v>
      </c>
      <c r="FT34" s="102">
        <v>1</v>
      </c>
      <c r="FU34" s="103">
        <v>4</v>
      </c>
      <c r="FV34" s="104">
        <v>4</v>
      </c>
      <c r="FW34" s="101">
        <v>0</v>
      </c>
      <c r="FX34" s="102">
        <v>0</v>
      </c>
      <c r="FY34" s="103">
        <v>0</v>
      </c>
      <c r="FZ34" s="413">
        <v>0</v>
      </c>
      <c r="GA34" s="102">
        <v>0</v>
      </c>
      <c r="GB34" s="102">
        <v>0</v>
      </c>
      <c r="GC34" s="102">
        <v>0</v>
      </c>
      <c r="GD34" s="102">
        <v>0</v>
      </c>
      <c r="GE34" s="102">
        <v>0</v>
      </c>
      <c r="GF34" s="103">
        <v>0</v>
      </c>
      <c r="GG34" s="104">
        <v>0</v>
      </c>
      <c r="GH34" s="101">
        <v>1</v>
      </c>
      <c r="GI34" s="102">
        <v>1</v>
      </c>
      <c r="GJ34" s="103">
        <v>2</v>
      </c>
      <c r="GK34" s="413">
        <v>0</v>
      </c>
      <c r="GL34" s="102">
        <v>2</v>
      </c>
      <c r="GM34" s="102">
        <v>1</v>
      </c>
      <c r="GN34" s="102">
        <v>0</v>
      </c>
      <c r="GO34" s="102">
        <v>1</v>
      </c>
      <c r="GP34" s="102">
        <v>1</v>
      </c>
      <c r="GQ34" s="103">
        <v>5</v>
      </c>
      <c r="GR34" s="104">
        <v>7</v>
      </c>
      <c r="GS34" s="105">
        <v>3</v>
      </c>
      <c r="GT34" s="97">
        <v>9</v>
      </c>
      <c r="GU34" s="98">
        <v>12</v>
      </c>
      <c r="GV34" s="413">
        <v>0</v>
      </c>
      <c r="GW34" s="97">
        <v>10</v>
      </c>
      <c r="GX34" s="97">
        <v>5</v>
      </c>
      <c r="GY34" s="97">
        <v>7</v>
      </c>
      <c r="GZ34" s="97">
        <v>6</v>
      </c>
      <c r="HA34" s="97">
        <v>2</v>
      </c>
      <c r="HB34" s="99">
        <v>30</v>
      </c>
      <c r="HC34" s="100">
        <v>42</v>
      </c>
      <c r="HD34" s="101">
        <v>0</v>
      </c>
      <c r="HE34" s="102">
        <v>0</v>
      </c>
      <c r="HF34" s="103">
        <v>0</v>
      </c>
      <c r="HG34" s="413">
        <v>0</v>
      </c>
      <c r="HH34" s="102">
        <v>0</v>
      </c>
      <c r="HI34" s="102">
        <v>0</v>
      </c>
      <c r="HJ34" s="102">
        <v>0</v>
      </c>
      <c r="HK34" s="102">
        <v>1</v>
      </c>
      <c r="HL34" s="102">
        <v>1</v>
      </c>
      <c r="HM34" s="103">
        <v>2</v>
      </c>
      <c r="HN34" s="104">
        <v>2</v>
      </c>
      <c r="HO34" s="101">
        <v>0</v>
      </c>
      <c r="HP34" s="102">
        <v>0</v>
      </c>
      <c r="HQ34" s="103">
        <v>0</v>
      </c>
      <c r="HR34" s="413">
        <v>0</v>
      </c>
      <c r="HS34" s="102">
        <v>0</v>
      </c>
      <c r="HT34" s="102">
        <v>0</v>
      </c>
      <c r="HU34" s="102">
        <v>1</v>
      </c>
      <c r="HV34" s="102">
        <v>0</v>
      </c>
      <c r="HW34" s="102">
        <v>0</v>
      </c>
      <c r="HX34" s="103">
        <v>1</v>
      </c>
      <c r="HY34" s="104">
        <v>1</v>
      </c>
      <c r="HZ34" s="101">
        <v>0</v>
      </c>
      <c r="IA34" s="102">
        <v>1</v>
      </c>
      <c r="IB34" s="103">
        <v>1</v>
      </c>
      <c r="IC34" s="413">
        <v>0</v>
      </c>
      <c r="ID34" s="102">
        <v>0</v>
      </c>
      <c r="IE34" s="102">
        <v>0</v>
      </c>
      <c r="IF34" s="102">
        <v>1</v>
      </c>
      <c r="IG34" s="102">
        <v>0</v>
      </c>
      <c r="IH34" s="102">
        <v>0</v>
      </c>
      <c r="II34" s="103">
        <v>1</v>
      </c>
      <c r="IJ34" s="104">
        <v>2</v>
      </c>
      <c r="IK34" s="101">
        <v>1</v>
      </c>
      <c r="IL34" s="102">
        <v>2</v>
      </c>
      <c r="IM34" s="103">
        <v>3</v>
      </c>
      <c r="IN34" s="413">
        <v>0</v>
      </c>
      <c r="IO34" s="102">
        <v>1</v>
      </c>
      <c r="IP34" s="102">
        <v>2</v>
      </c>
      <c r="IQ34" s="102">
        <v>1</v>
      </c>
      <c r="IR34" s="102">
        <v>1</v>
      </c>
      <c r="IS34" s="102">
        <v>0</v>
      </c>
      <c r="IT34" s="103">
        <v>5</v>
      </c>
      <c r="IU34" s="104">
        <v>8</v>
      </c>
      <c r="IV34" s="101">
        <v>0</v>
      </c>
      <c r="IW34" s="102">
        <v>3</v>
      </c>
      <c r="IX34" s="103">
        <v>3</v>
      </c>
      <c r="IY34" s="413">
        <v>0</v>
      </c>
      <c r="IZ34" s="102">
        <v>5</v>
      </c>
      <c r="JA34" s="102">
        <v>3</v>
      </c>
      <c r="JB34" s="102">
        <v>2</v>
      </c>
      <c r="JC34" s="102">
        <v>1</v>
      </c>
      <c r="JD34" s="102">
        <v>0</v>
      </c>
      <c r="JE34" s="103">
        <v>11</v>
      </c>
      <c r="JF34" s="104">
        <v>14</v>
      </c>
      <c r="JG34" s="101">
        <v>2</v>
      </c>
      <c r="JH34" s="102">
        <v>3</v>
      </c>
      <c r="JI34" s="103">
        <v>5</v>
      </c>
      <c r="JJ34" s="413">
        <v>0</v>
      </c>
      <c r="JK34" s="102">
        <v>4</v>
      </c>
      <c r="JL34" s="102">
        <v>0</v>
      </c>
      <c r="JM34" s="102">
        <v>2</v>
      </c>
      <c r="JN34" s="102">
        <v>3</v>
      </c>
      <c r="JO34" s="102">
        <v>1</v>
      </c>
      <c r="JP34" s="103">
        <v>10</v>
      </c>
      <c r="JQ34" s="104">
        <v>15</v>
      </c>
      <c r="JR34" s="101">
        <v>0</v>
      </c>
      <c r="JS34" s="102">
        <v>0</v>
      </c>
      <c r="JT34" s="103">
        <v>0</v>
      </c>
      <c r="JU34" s="413">
        <v>0</v>
      </c>
      <c r="JV34" s="102">
        <v>0</v>
      </c>
      <c r="JW34" s="102">
        <v>0</v>
      </c>
      <c r="JX34" s="102">
        <v>0</v>
      </c>
      <c r="JY34" s="102">
        <v>0</v>
      </c>
      <c r="JZ34" s="102">
        <v>0</v>
      </c>
      <c r="KA34" s="103">
        <v>0</v>
      </c>
      <c r="KB34" s="104">
        <v>0</v>
      </c>
      <c r="KC34" s="101">
        <v>3</v>
      </c>
      <c r="KD34" s="102">
        <v>9</v>
      </c>
      <c r="KE34" s="103">
        <v>12</v>
      </c>
      <c r="KF34" s="413">
        <v>0</v>
      </c>
      <c r="KG34" s="102">
        <v>10</v>
      </c>
      <c r="KH34" s="102">
        <v>5</v>
      </c>
      <c r="KI34" s="102">
        <v>7</v>
      </c>
      <c r="KJ34" s="102">
        <v>6</v>
      </c>
      <c r="KK34" s="102">
        <v>2</v>
      </c>
      <c r="KL34" s="103">
        <v>30</v>
      </c>
      <c r="KM34" s="104">
        <v>42</v>
      </c>
    </row>
    <row r="35" spans="2:299" s="70" customFormat="1" ht="21" customHeight="1" x14ac:dyDescent="0.2">
      <c r="B35" s="106" t="s">
        <v>32</v>
      </c>
      <c r="C35" s="96">
        <v>8</v>
      </c>
      <c r="D35" s="97">
        <v>6</v>
      </c>
      <c r="E35" s="98">
        <v>14</v>
      </c>
      <c r="F35" s="413">
        <v>0</v>
      </c>
      <c r="G35" s="97">
        <v>17</v>
      </c>
      <c r="H35" s="97">
        <v>11</v>
      </c>
      <c r="I35" s="97">
        <v>5</v>
      </c>
      <c r="J35" s="97">
        <v>5</v>
      </c>
      <c r="K35" s="97">
        <v>0</v>
      </c>
      <c r="L35" s="99">
        <v>38</v>
      </c>
      <c r="M35" s="100">
        <v>52</v>
      </c>
      <c r="N35" s="101">
        <v>1</v>
      </c>
      <c r="O35" s="102">
        <v>0</v>
      </c>
      <c r="P35" s="103">
        <v>1</v>
      </c>
      <c r="Q35" s="413">
        <v>0</v>
      </c>
      <c r="R35" s="102">
        <v>0</v>
      </c>
      <c r="S35" s="102">
        <v>0</v>
      </c>
      <c r="T35" s="102">
        <v>0</v>
      </c>
      <c r="U35" s="102">
        <v>0</v>
      </c>
      <c r="V35" s="102">
        <v>0</v>
      </c>
      <c r="W35" s="103">
        <v>0</v>
      </c>
      <c r="X35" s="104">
        <v>1</v>
      </c>
      <c r="Y35" s="101">
        <v>0</v>
      </c>
      <c r="Z35" s="102">
        <v>0</v>
      </c>
      <c r="AA35" s="103">
        <v>0</v>
      </c>
      <c r="AB35" s="413">
        <v>0</v>
      </c>
      <c r="AC35" s="102">
        <v>0</v>
      </c>
      <c r="AD35" s="102">
        <v>0</v>
      </c>
      <c r="AE35" s="102">
        <v>0</v>
      </c>
      <c r="AF35" s="102">
        <v>0</v>
      </c>
      <c r="AG35" s="102">
        <v>0</v>
      </c>
      <c r="AH35" s="103">
        <v>0</v>
      </c>
      <c r="AI35" s="104">
        <v>0</v>
      </c>
      <c r="AJ35" s="101">
        <v>0</v>
      </c>
      <c r="AK35" s="102">
        <v>0</v>
      </c>
      <c r="AL35" s="103">
        <v>0</v>
      </c>
      <c r="AM35" s="413">
        <v>0</v>
      </c>
      <c r="AN35" s="102">
        <v>1</v>
      </c>
      <c r="AO35" s="102">
        <v>1</v>
      </c>
      <c r="AP35" s="102">
        <v>0</v>
      </c>
      <c r="AQ35" s="102">
        <v>0</v>
      </c>
      <c r="AR35" s="102">
        <v>0</v>
      </c>
      <c r="AS35" s="103">
        <v>2</v>
      </c>
      <c r="AT35" s="104">
        <v>2</v>
      </c>
      <c r="AU35" s="101">
        <v>3</v>
      </c>
      <c r="AV35" s="102">
        <v>2</v>
      </c>
      <c r="AW35" s="103">
        <v>5</v>
      </c>
      <c r="AX35" s="413">
        <v>0</v>
      </c>
      <c r="AY35" s="102">
        <v>3</v>
      </c>
      <c r="AZ35" s="102">
        <v>2</v>
      </c>
      <c r="BA35" s="102">
        <v>2</v>
      </c>
      <c r="BB35" s="102">
        <v>0</v>
      </c>
      <c r="BC35" s="102">
        <v>0</v>
      </c>
      <c r="BD35" s="103">
        <v>7</v>
      </c>
      <c r="BE35" s="104">
        <v>12</v>
      </c>
      <c r="BF35" s="101">
        <v>1</v>
      </c>
      <c r="BG35" s="102">
        <v>2</v>
      </c>
      <c r="BH35" s="103">
        <v>3</v>
      </c>
      <c r="BI35" s="413">
        <v>0</v>
      </c>
      <c r="BJ35" s="102">
        <v>7</v>
      </c>
      <c r="BK35" s="102">
        <v>3</v>
      </c>
      <c r="BL35" s="102">
        <v>3</v>
      </c>
      <c r="BM35" s="102">
        <v>2</v>
      </c>
      <c r="BN35" s="102">
        <v>0</v>
      </c>
      <c r="BO35" s="103">
        <v>15</v>
      </c>
      <c r="BP35" s="104">
        <v>18</v>
      </c>
      <c r="BQ35" s="101">
        <v>3</v>
      </c>
      <c r="BR35" s="102">
        <v>2</v>
      </c>
      <c r="BS35" s="103">
        <v>5</v>
      </c>
      <c r="BT35" s="413">
        <v>0</v>
      </c>
      <c r="BU35" s="102">
        <v>6</v>
      </c>
      <c r="BV35" s="102">
        <v>5</v>
      </c>
      <c r="BW35" s="102">
        <v>0</v>
      </c>
      <c r="BX35" s="102">
        <v>3</v>
      </c>
      <c r="BY35" s="102">
        <v>0</v>
      </c>
      <c r="BZ35" s="103">
        <v>14</v>
      </c>
      <c r="CA35" s="104">
        <v>19</v>
      </c>
      <c r="CB35" s="101">
        <v>0</v>
      </c>
      <c r="CC35" s="102">
        <v>0</v>
      </c>
      <c r="CD35" s="103">
        <v>0</v>
      </c>
      <c r="CE35" s="413">
        <v>0</v>
      </c>
      <c r="CF35" s="102">
        <v>0</v>
      </c>
      <c r="CG35" s="102">
        <v>0</v>
      </c>
      <c r="CH35" s="102">
        <v>0</v>
      </c>
      <c r="CI35" s="102">
        <v>0</v>
      </c>
      <c r="CJ35" s="102">
        <v>0</v>
      </c>
      <c r="CK35" s="103">
        <v>0</v>
      </c>
      <c r="CL35" s="104">
        <v>0</v>
      </c>
      <c r="CM35" s="101">
        <v>8</v>
      </c>
      <c r="CN35" s="102">
        <v>6</v>
      </c>
      <c r="CO35" s="103">
        <v>14</v>
      </c>
      <c r="CP35" s="413">
        <v>0</v>
      </c>
      <c r="CQ35" s="102">
        <v>17</v>
      </c>
      <c r="CR35" s="102">
        <v>11</v>
      </c>
      <c r="CS35" s="102">
        <v>5</v>
      </c>
      <c r="CT35" s="102">
        <v>5</v>
      </c>
      <c r="CU35" s="102">
        <v>0</v>
      </c>
      <c r="CV35" s="103">
        <v>38</v>
      </c>
      <c r="CW35" s="104">
        <v>52</v>
      </c>
      <c r="CX35" s="105">
        <v>1</v>
      </c>
      <c r="CY35" s="97">
        <v>0</v>
      </c>
      <c r="CZ35" s="98">
        <v>1</v>
      </c>
      <c r="DA35" s="413">
        <v>0</v>
      </c>
      <c r="DB35" s="97">
        <v>0</v>
      </c>
      <c r="DC35" s="97">
        <v>3</v>
      </c>
      <c r="DD35" s="97">
        <v>1</v>
      </c>
      <c r="DE35" s="97">
        <v>2</v>
      </c>
      <c r="DF35" s="97">
        <v>2</v>
      </c>
      <c r="DG35" s="99">
        <v>8</v>
      </c>
      <c r="DH35" s="100">
        <v>9</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1</v>
      </c>
      <c r="EF35" s="102">
        <v>0</v>
      </c>
      <c r="EG35" s="103">
        <v>1</v>
      </c>
      <c r="EH35" s="413">
        <v>0</v>
      </c>
      <c r="EI35" s="102">
        <v>0</v>
      </c>
      <c r="EJ35" s="102">
        <v>0</v>
      </c>
      <c r="EK35" s="102">
        <v>0</v>
      </c>
      <c r="EL35" s="102">
        <v>0</v>
      </c>
      <c r="EM35" s="102">
        <v>0</v>
      </c>
      <c r="EN35" s="103">
        <v>0</v>
      </c>
      <c r="EO35" s="104">
        <v>1</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1</v>
      </c>
      <c r="FG35" s="102">
        <v>1</v>
      </c>
      <c r="FH35" s="102">
        <v>0</v>
      </c>
      <c r="FI35" s="102">
        <v>1</v>
      </c>
      <c r="FJ35" s="103">
        <v>3</v>
      </c>
      <c r="FK35" s="104">
        <v>3</v>
      </c>
      <c r="FL35" s="101">
        <v>0</v>
      </c>
      <c r="FM35" s="102">
        <v>0</v>
      </c>
      <c r="FN35" s="103">
        <v>0</v>
      </c>
      <c r="FO35" s="413">
        <v>0</v>
      </c>
      <c r="FP35" s="102">
        <v>0</v>
      </c>
      <c r="FQ35" s="102">
        <v>1</v>
      </c>
      <c r="FR35" s="102">
        <v>0</v>
      </c>
      <c r="FS35" s="102">
        <v>2</v>
      </c>
      <c r="FT35" s="102">
        <v>1</v>
      </c>
      <c r="FU35" s="103">
        <v>4</v>
      </c>
      <c r="FV35" s="104">
        <v>4</v>
      </c>
      <c r="FW35" s="101">
        <v>0</v>
      </c>
      <c r="FX35" s="102">
        <v>0</v>
      </c>
      <c r="FY35" s="103">
        <v>0</v>
      </c>
      <c r="FZ35" s="413">
        <v>0</v>
      </c>
      <c r="GA35" s="102">
        <v>0</v>
      </c>
      <c r="GB35" s="102">
        <v>0</v>
      </c>
      <c r="GC35" s="102">
        <v>0</v>
      </c>
      <c r="GD35" s="102">
        <v>0</v>
      </c>
      <c r="GE35" s="102">
        <v>0</v>
      </c>
      <c r="GF35" s="103">
        <v>0</v>
      </c>
      <c r="GG35" s="104">
        <v>0</v>
      </c>
      <c r="GH35" s="101">
        <v>1</v>
      </c>
      <c r="GI35" s="102">
        <v>0</v>
      </c>
      <c r="GJ35" s="103">
        <v>1</v>
      </c>
      <c r="GK35" s="413">
        <v>0</v>
      </c>
      <c r="GL35" s="102">
        <v>0</v>
      </c>
      <c r="GM35" s="102">
        <v>3</v>
      </c>
      <c r="GN35" s="102">
        <v>1</v>
      </c>
      <c r="GO35" s="102">
        <v>2</v>
      </c>
      <c r="GP35" s="102">
        <v>2</v>
      </c>
      <c r="GQ35" s="103">
        <v>8</v>
      </c>
      <c r="GR35" s="104">
        <v>9</v>
      </c>
      <c r="GS35" s="105">
        <v>9</v>
      </c>
      <c r="GT35" s="97">
        <v>6</v>
      </c>
      <c r="GU35" s="98">
        <v>15</v>
      </c>
      <c r="GV35" s="413">
        <v>0</v>
      </c>
      <c r="GW35" s="97">
        <v>17</v>
      </c>
      <c r="GX35" s="97">
        <v>14</v>
      </c>
      <c r="GY35" s="97">
        <v>6</v>
      </c>
      <c r="GZ35" s="97">
        <v>7</v>
      </c>
      <c r="HA35" s="97">
        <v>2</v>
      </c>
      <c r="HB35" s="99">
        <v>46</v>
      </c>
      <c r="HC35" s="100">
        <v>61</v>
      </c>
      <c r="HD35" s="101">
        <v>1</v>
      </c>
      <c r="HE35" s="102">
        <v>0</v>
      </c>
      <c r="HF35" s="103">
        <v>1</v>
      </c>
      <c r="HG35" s="413">
        <v>0</v>
      </c>
      <c r="HH35" s="102">
        <v>0</v>
      </c>
      <c r="HI35" s="102">
        <v>0</v>
      </c>
      <c r="HJ35" s="102">
        <v>0</v>
      </c>
      <c r="HK35" s="102">
        <v>0</v>
      </c>
      <c r="HL35" s="102">
        <v>0</v>
      </c>
      <c r="HM35" s="103">
        <v>0</v>
      </c>
      <c r="HN35" s="104">
        <v>1</v>
      </c>
      <c r="HO35" s="101">
        <v>0</v>
      </c>
      <c r="HP35" s="102">
        <v>0</v>
      </c>
      <c r="HQ35" s="103">
        <v>0</v>
      </c>
      <c r="HR35" s="413">
        <v>0</v>
      </c>
      <c r="HS35" s="102">
        <v>0</v>
      </c>
      <c r="HT35" s="102">
        <v>0</v>
      </c>
      <c r="HU35" s="102">
        <v>0</v>
      </c>
      <c r="HV35" s="102">
        <v>0</v>
      </c>
      <c r="HW35" s="102">
        <v>0</v>
      </c>
      <c r="HX35" s="103">
        <v>0</v>
      </c>
      <c r="HY35" s="104">
        <v>0</v>
      </c>
      <c r="HZ35" s="101">
        <v>1</v>
      </c>
      <c r="IA35" s="102">
        <v>0</v>
      </c>
      <c r="IB35" s="103">
        <v>1</v>
      </c>
      <c r="IC35" s="413">
        <v>0</v>
      </c>
      <c r="ID35" s="102">
        <v>1</v>
      </c>
      <c r="IE35" s="102">
        <v>1</v>
      </c>
      <c r="IF35" s="102">
        <v>0</v>
      </c>
      <c r="IG35" s="102">
        <v>0</v>
      </c>
      <c r="IH35" s="102">
        <v>0</v>
      </c>
      <c r="II35" s="103">
        <v>2</v>
      </c>
      <c r="IJ35" s="104">
        <v>3</v>
      </c>
      <c r="IK35" s="101">
        <v>3</v>
      </c>
      <c r="IL35" s="102">
        <v>2</v>
      </c>
      <c r="IM35" s="103">
        <v>5</v>
      </c>
      <c r="IN35" s="413">
        <v>0</v>
      </c>
      <c r="IO35" s="102">
        <v>3</v>
      </c>
      <c r="IP35" s="102">
        <v>3</v>
      </c>
      <c r="IQ35" s="102">
        <v>2</v>
      </c>
      <c r="IR35" s="102">
        <v>0</v>
      </c>
      <c r="IS35" s="102">
        <v>0</v>
      </c>
      <c r="IT35" s="103">
        <v>8</v>
      </c>
      <c r="IU35" s="104">
        <v>13</v>
      </c>
      <c r="IV35" s="101">
        <v>1</v>
      </c>
      <c r="IW35" s="102">
        <v>2</v>
      </c>
      <c r="IX35" s="103">
        <v>3</v>
      </c>
      <c r="IY35" s="413">
        <v>0</v>
      </c>
      <c r="IZ35" s="102">
        <v>7</v>
      </c>
      <c r="JA35" s="102">
        <v>4</v>
      </c>
      <c r="JB35" s="102">
        <v>4</v>
      </c>
      <c r="JC35" s="102">
        <v>2</v>
      </c>
      <c r="JD35" s="102">
        <v>1</v>
      </c>
      <c r="JE35" s="103">
        <v>18</v>
      </c>
      <c r="JF35" s="104">
        <v>21</v>
      </c>
      <c r="JG35" s="101">
        <v>3</v>
      </c>
      <c r="JH35" s="102">
        <v>2</v>
      </c>
      <c r="JI35" s="103">
        <v>5</v>
      </c>
      <c r="JJ35" s="413">
        <v>0</v>
      </c>
      <c r="JK35" s="102">
        <v>6</v>
      </c>
      <c r="JL35" s="102">
        <v>6</v>
      </c>
      <c r="JM35" s="102">
        <v>0</v>
      </c>
      <c r="JN35" s="102">
        <v>5</v>
      </c>
      <c r="JO35" s="102">
        <v>1</v>
      </c>
      <c r="JP35" s="103">
        <v>18</v>
      </c>
      <c r="JQ35" s="104">
        <v>23</v>
      </c>
      <c r="JR35" s="101">
        <v>0</v>
      </c>
      <c r="JS35" s="102">
        <v>0</v>
      </c>
      <c r="JT35" s="103">
        <v>0</v>
      </c>
      <c r="JU35" s="413">
        <v>0</v>
      </c>
      <c r="JV35" s="102">
        <v>0</v>
      </c>
      <c r="JW35" s="102">
        <v>0</v>
      </c>
      <c r="JX35" s="102">
        <v>0</v>
      </c>
      <c r="JY35" s="102">
        <v>0</v>
      </c>
      <c r="JZ35" s="102">
        <v>0</v>
      </c>
      <c r="KA35" s="103">
        <v>0</v>
      </c>
      <c r="KB35" s="104">
        <v>0</v>
      </c>
      <c r="KC35" s="101">
        <v>9</v>
      </c>
      <c r="KD35" s="102">
        <v>6</v>
      </c>
      <c r="KE35" s="103">
        <v>15</v>
      </c>
      <c r="KF35" s="413">
        <v>0</v>
      </c>
      <c r="KG35" s="102">
        <v>17</v>
      </c>
      <c r="KH35" s="102">
        <v>14</v>
      </c>
      <c r="KI35" s="102">
        <v>6</v>
      </c>
      <c r="KJ35" s="102">
        <v>7</v>
      </c>
      <c r="KK35" s="102">
        <v>2</v>
      </c>
      <c r="KL35" s="103">
        <v>46</v>
      </c>
      <c r="KM35" s="104">
        <v>61</v>
      </c>
    </row>
    <row r="36" spans="2:299" s="70" customFormat="1" ht="21" customHeight="1" x14ac:dyDescent="0.2">
      <c r="B36" s="106" t="s">
        <v>33</v>
      </c>
      <c r="C36" s="96">
        <v>5</v>
      </c>
      <c r="D36" s="97">
        <v>3</v>
      </c>
      <c r="E36" s="98">
        <v>8</v>
      </c>
      <c r="F36" s="413">
        <v>0</v>
      </c>
      <c r="G36" s="97">
        <v>6</v>
      </c>
      <c r="H36" s="97">
        <v>1</v>
      </c>
      <c r="I36" s="97">
        <v>4</v>
      </c>
      <c r="J36" s="97">
        <v>1</v>
      </c>
      <c r="K36" s="97">
        <v>2</v>
      </c>
      <c r="L36" s="99">
        <v>14</v>
      </c>
      <c r="M36" s="100">
        <v>22</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2</v>
      </c>
      <c r="AK36" s="102">
        <v>0</v>
      </c>
      <c r="AL36" s="103">
        <v>2</v>
      </c>
      <c r="AM36" s="413">
        <v>0</v>
      </c>
      <c r="AN36" s="102">
        <v>0</v>
      </c>
      <c r="AO36" s="102">
        <v>0</v>
      </c>
      <c r="AP36" s="102">
        <v>0</v>
      </c>
      <c r="AQ36" s="102">
        <v>0</v>
      </c>
      <c r="AR36" s="102">
        <v>0</v>
      </c>
      <c r="AS36" s="103">
        <v>0</v>
      </c>
      <c r="AT36" s="104">
        <v>2</v>
      </c>
      <c r="AU36" s="101">
        <v>1</v>
      </c>
      <c r="AV36" s="102">
        <v>0</v>
      </c>
      <c r="AW36" s="103">
        <v>1</v>
      </c>
      <c r="AX36" s="413">
        <v>0</v>
      </c>
      <c r="AY36" s="102">
        <v>0</v>
      </c>
      <c r="AZ36" s="102">
        <v>1</v>
      </c>
      <c r="BA36" s="102">
        <v>2</v>
      </c>
      <c r="BB36" s="102">
        <v>0</v>
      </c>
      <c r="BC36" s="102">
        <v>0</v>
      </c>
      <c r="BD36" s="103">
        <v>3</v>
      </c>
      <c r="BE36" s="104">
        <v>4</v>
      </c>
      <c r="BF36" s="101">
        <v>1</v>
      </c>
      <c r="BG36" s="102">
        <v>2</v>
      </c>
      <c r="BH36" s="103">
        <v>3</v>
      </c>
      <c r="BI36" s="413">
        <v>0</v>
      </c>
      <c r="BJ36" s="102">
        <v>3</v>
      </c>
      <c r="BK36" s="102">
        <v>0</v>
      </c>
      <c r="BL36" s="102">
        <v>0</v>
      </c>
      <c r="BM36" s="102">
        <v>0</v>
      </c>
      <c r="BN36" s="102">
        <v>0</v>
      </c>
      <c r="BO36" s="103">
        <v>3</v>
      </c>
      <c r="BP36" s="104">
        <v>6</v>
      </c>
      <c r="BQ36" s="101">
        <v>1</v>
      </c>
      <c r="BR36" s="102">
        <v>1</v>
      </c>
      <c r="BS36" s="103">
        <v>2</v>
      </c>
      <c r="BT36" s="413">
        <v>0</v>
      </c>
      <c r="BU36" s="102">
        <v>3</v>
      </c>
      <c r="BV36" s="102">
        <v>0</v>
      </c>
      <c r="BW36" s="102">
        <v>2</v>
      </c>
      <c r="BX36" s="102">
        <v>1</v>
      </c>
      <c r="BY36" s="102">
        <v>2</v>
      </c>
      <c r="BZ36" s="103">
        <v>8</v>
      </c>
      <c r="CA36" s="104">
        <v>10</v>
      </c>
      <c r="CB36" s="101">
        <v>0</v>
      </c>
      <c r="CC36" s="102">
        <v>0</v>
      </c>
      <c r="CD36" s="103">
        <v>0</v>
      </c>
      <c r="CE36" s="413">
        <v>0</v>
      </c>
      <c r="CF36" s="102">
        <v>0</v>
      </c>
      <c r="CG36" s="102">
        <v>0</v>
      </c>
      <c r="CH36" s="102">
        <v>0</v>
      </c>
      <c r="CI36" s="102">
        <v>0</v>
      </c>
      <c r="CJ36" s="102">
        <v>0</v>
      </c>
      <c r="CK36" s="103">
        <v>0</v>
      </c>
      <c r="CL36" s="104">
        <v>0</v>
      </c>
      <c r="CM36" s="101">
        <v>5</v>
      </c>
      <c r="CN36" s="102">
        <v>3</v>
      </c>
      <c r="CO36" s="103">
        <v>8</v>
      </c>
      <c r="CP36" s="413">
        <v>0</v>
      </c>
      <c r="CQ36" s="102">
        <v>6</v>
      </c>
      <c r="CR36" s="102">
        <v>1</v>
      </c>
      <c r="CS36" s="102">
        <v>4</v>
      </c>
      <c r="CT36" s="102">
        <v>1</v>
      </c>
      <c r="CU36" s="102">
        <v>2</v>
      </c>
      <c r="CV36" s="103">
        <v>14</v>
      </c>
      <c r="CW36" s="104">
        <v>22</v>
      </c>
      <c r="CX36" s="105">
        <v>0</v>
      </c>
      <c r="CY36" s="97">
        <v>2</v>
      </c>
      <c r="CZ36" s="98">
        <v>2</v>
      </c>
      <c r="DA36" s="413">
        <v>0</v>
      </c>
      <c r="DB36" s="97">
        <v>2</v>
      </c>
      <c r="DC36" s="97">
        <v>1</v>
      </c>
      <c r="DD36" s="97">
        <v>0</v>
      </c>
      <c r="DE36" s="97">
        <v>0</v>
      </c>
      <c r="DF36" s="97">
        <v>0</v>
      </c>
      <c r="DG36" s="99">
        <v>3</v>
      </c>
      <c r="DH36" s="100">
        <v>5</v>
      </c>
      <c r="DI36" s="101">
        <v>0</v>
      </c>
      <c r="DJ36" s="102">
        <v>0</v>
      </c>
      <c r="DK36" s="103">
        <v>0</v>
      </c>
      <c r="DL36" s="413">
        <v>0</v>
      </c>
      <c r="DM36" s="102">
        <v>0</v>
      </c>
      <c r="DN36" s="102">
        <v>0</v>
      </c>
      <c r="DO36" s="102">
        <v>0</v>
      </c>
      <c r="DP36" s="102">
        <v>0</v>
      </c>
      <c r="DQ36" s="102">
        <v>0</v>
      </c>
      <c r="DR36" s="103">
        <v>0</v>
      </c>
      <c r="DS36" s="104">
        <v>0</v>
      </c>
      <c r="DT36" s="101">
        <v>0</v>
      </c>
      <c r="DU36" s="102">
        <v>1</v>
      </c>
      <c r="DV36" s="103">
        <v>1</v>
      </c>
      <c r="DW36" s="413">
        <v>0</v>
      </c>
      <c r="DX36" s="102">
        <v>0</v>
      </c>
      <c r="DY36" s="102">
        <v>0</v>
      </c>
      <c r="DZ36" s="102">
        <v>0</v>
      </c>
      <c r="EA36" s="102">
        <v>0</v>
      </c>
      <c r="EB36" s="102">
        <v>0</v>
      </c>
      <c r="EC36" s="103">
        <v>0</v>
      </c>
      <c r="ED36" s="104">
        <v>1</v>
      </c>
      <c r="EE36" s="101">
        <v>0</v>
      </c>
      <c r="EF36" s="102">
        <v>0</v>
      </c>
      <c r="EG36" s="103">
        <v>0</v>
      </c>
      <c r="EH36" s="413">
        <v>0</v>
      </c>
      <c r="EI36" s="102">
        <v>0</v>
      </c>
      <c r="EJ36" s="102">
        <v>0</v>
      </c>
      <c r="EK36" s="102">
        <v>0</v>
      </c>
      <c r="EL36" s="102">
        <v>0</v>
      </c>
      <c r="EM36" s="102">
        <v>0</v>
      </c>
      <c r="EN36" s="103">
        <v>0</v>
      </c>
      <c r="EO36" s="104">
        <v>0</v>
      </c>
      <c r="EP36" s="101">
        <v>0</v>
      </c>
      <c r="EQ36" s="102">
        <v>0</v>
      </c>
      <c r="ER36" s="103">
        <v>0</v>
      </c>
      <c r="ES36" s="413">
        <v>0</v>
      </c>
      <c r="ET36" s="102">
        <v>0</v>
      </c>
      <c r="EU36" s="102">
        <v>0</v>
      </c>
      <c r="EV36" s="102">
        <v>0</v>
      </c>
      <c r="EW36" s="102">
        <v>0</v>
      </c>
      <c r="EX36" s="102">
        <v>0</v>
      </c>
      <c r="EY36" s="103">
        <v>0</v>
      </c>
      <c r="EZ36" s="104">
        <v>0</v>
      </c>
      <c r="FA36" s="101">
        <v>0</v>
      </c>
      <c r="FB36" s="102">
        <v>0</v>
      </c>
      <c r="FC36" s="103">
        <v>0</v>
      </c>
      <c r="FD36" s="413">
        <v>0</v>
      </c>
      <c r="FE36" s="102">
        <v>1</v>
      </c>
      <c r="FF36" s="102">
        <v>0</v>
      </c>
      <c r="FG36" s="102">
        <v>0</v>
      </c>
      <c r="FH36" s="102">
        <v>0</v>
      </c>
      <c r="FI36" s="102">
        <v>0</v>
      </c>
      <c r="FJ36" s="103">
        <v>1</v>
      </c>
      <c r="FK36" s="104">
        <v>1</v>
      </c>
      <c r="FL36" s="101">
        <v>0</v>
      </c>
      <c r="FM36" s="102">
        <v>1</v>
      </c>
      <c r="FN36" s="103">
        <v>1</v>
      </c>
      <c r="FO36" s="413">
        <v>0</v>
      </c>
      <c r="FP36" s="102">
        <v>1</v>
      </c>
      <c r="FQ36" s="102">
        <v>1</v>
      </c>
      <c r="FR36" s="102">
        <v>0</v>
      </c>
      <c r="FS36" s="102">
        <v>0</v>
      </c>
      <c r="FT36" s="102">
        <v>0</v>
      </c>
      <c r="FU36" s="103">
        <v>2</v>
      </c>
      <c r="FV36" s="104">
        <v>3</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2</v>
      </c>
      <c r="GM36" s="102">
        <v>1</v>
      </c>
      <c r="GN36" s="102">
        <v>0</v>
      </c>
      <c r="GO36" s="102">
        <v>0</v>
      </c>
      <c r="GP36" s="102">
        <v>0</v>
      </c>
      <c r="GQ36" s="103">
        <v>3</v>
      </c>
      <c r="GR36" s="104">
        <v>5</v>
      </c>
      <c r="GS36" s="105">
        <v>5</v>
      </c>
      <c r="GT36" s="97">
        <v>5</v>
      </c>
      <c r="GU36" s="98">
        <v>10</v>
      </c>
      <c r="GV36" s="413">
        <v>0</v>
      </c>
      <c r="GW36" s="97">
        <v>8</v>
      </c>
      <c r="GX36" s="97">
        <v>2</v>
      </c>
      <c r="GY36" s="97">
        <v>4</v>
      </c>
      <c r="GZ36" s="97">
        <v>1</v>
      </c>
      <c r="HA36" s="97">
        <v>2</v>
      </c>
      <c r="HB36" s="99">
        <v>17</v>
      </c>
      <c r="HC36" s="100">
        <v>27</v>
      </c>
      <c r="HD36" s="101">
        <v>0</v>
      </c>
      <c r="HE36" s="102">
        <v>0</v>
      </c>
      <c r="HF36" s="103">
        <v>0</v>
      </c>
      <c r="HG36" s="413">
        <v>0</v>
      </c>
      <c r="HH36" s="102">
        <v>0</v>
      </c>
      <c r="HI36" s="102">
        <v>0</v>
      </c>
      <c r="HJ36" s="102">
        <v>0</v>
      </c>
      <c r="HK36" s="102">
        <v>0</v>
      </c>
      <c r="HL36" s="102">
        <v>0</v>
      </c>
      <c r="HM36" s="103">
        <v>0</v>
      </c>
      <c r="HN36" s="104">
        <v>0</v>
      </c>
      <c r="HO36" s="101">
        <v>0</v>
      </c>
      <c r="HP36" s="102">
        <v>1</v>
      </c>
      <c r="HQ36" s="103">
        <v>1</v>
      </c>
      <c r="HR36" s="413">
        <v>0</v>
      </c>
      <c r="HS36" s="102">
        <v>0</v>
      </c>
      <c r="HT36" s="102">
        <v>0</v>
      </c>
      <c r="HU36" s="102">
        <v>0</v>
      </c>
      <c r="HV36" s="102">
        <v>0</v>
      </c>
      <c r="HW36" s="102">
        <v>0</v>
      </c>
      <c r="HX36" s="103">
        <v>0</v>
      </c>
      <c r="HY36" s="104">
        <v>1</v>
      </c>
      <c r="HZ36" s="101">
        <v>2</v>
      </c>
      <c r="IA36" s="102">
        <v>0</v>
      </c>
      <c r="IB36" s="103">
        <v>2</v>
      </c>
      <c r="IC36" s="413">
        <v>0</v>
      </c>
      <c r="ID36" s="102">
        <v>0</v>
      </c>
      <c r="IE36" s="102">
        <v>0</v>
      </c>
      <c r="IF36" s="102">
        <v>0</v>
      </c>
      <c r="IG36" s="102">
        <v>0</v>
      </c>
      <c r="IH36" s="102">
        <v>0</v>
      </c>
      <c r="II36" s="103">
        <v>0</v>
      </c>
      <c r="IJ36" s="104">
        <v>2</v>
      </c>
      <c r="IK36" s="101">
        <v>1</v>
      </c>
      <c r="IL36" s="102">
        <v>0</v>
      </c>
      <c r="IM36" s="103">
        <v>1</v>
      </c>
      <c r="IN36" s="413">
        <v>0</v>
      </c>
      <c r="IO36" s="102">
        <v>0</v>
      </c>
      <c r="IP36" s="102">
        <v>1</v>
      </c>
      <c r="IQ36" s="102">
        <v>2</v>
      </c>
      <c r="IR36" s="102">
        <v>0</v>
      </c>
      <c r="IS36" s="102">
        <v>0</v>
      </c>
      <c r="IT36" s="103">
        <v>3</v>
      </c>
      <c r="IU36" s="104">
        <v>4</v>
      </c>
      <c r="IV36" s="101">
        <v>1</v>
      </c>
      <c r="IW36" s="102">
        <v>2</v>
      </c>
      <c r="IX36" s="103">
        <v>3</v>
      </c>
      <c r="IY36" s="413">
        <v>0</v>
      </c>
      <c r="IZ36" s="102">
        <v>4</v>
      </c>
      <c r="JA36" s="102">
        <v>0</v>
      </c>
      <c r="JB36" s="102">
        <v>0</v>
      </c>
      <c r="JC36" s="102">
        <v>0</v>
      </c>
      <c r="JD36" s="102">
        <v>0</v>
      </c>
      <c r="JE36" s="103">
        <v>4</v>
      </c>
      <c r="JF36" s="104">
        <v>7</v>
      </c>
      <c r="JG36" s="101">
        <v>1</v>
      </c>
      <c r="JH36" s="102">
        <v>2</v>
      </c>
      <c r="JI36" s="103">
        <v>3</v>
      </c>
      <c r="JJ36" s="413">
        <v>0</v>
      </c>
      <c r="JK36" s="102">
        <v>4</v>
      </c>
      <c r="JL36" s="102">
        <v>1</v>
      </c>
      <c r="JM36" s="102">
        <v>2</v>
      </c>
      <c r="JN36" s="102">
        <v>1</v>
      </c>
      <c r="JO36" s="102">
        <v>2</v>
      </c>
      <c r="JP36" s="103">
        <v>10</v>
      </c>
      <c r="JQ36" s="104">
        <v>13</v>
      </c>
      <c r="JR36" s="101">
        <v>0</v>
      </c>
      <c r="JS36" s="102">
        <v>0</v>
      </c>
      <c r="JT36" s="103">
        <v>0</v>
      </c>
      <c r="JU36" s="413">
        <v>0</v>
      </c>
      <c r="JV36" s="102">
        <v>0</v>
      </c>
      <c r="JW36" s="102">
        <v>0</v>
      </c>
      <c r="JX36" s="102">
        <v>0</v>
      </c>
      <c r="JY36" s="102">
        <v>0</v>
      </c>
      <c r="JZ36" s="102">
        <v>0</v>
      </c>
      <c r="KA36" s="103">
        <v>0</v>
      </c>
      <c r="KB36" s="104">
        <v>0</v>
      </c>
      <c r="KC36" s="101">
        <v>5</v>
      </c>
      <c r="KD36" s="102">
        <v>5</v>
      </c>
      <c r="KE36" s="103">
        <v>10</v>
      </c>
      <c r="KF36" s="413">
        <v>0</v>
      </c>
      <c r="KG36" s="102">
        <v>8</v>
      </c>
      <c r="KH36" s="102">
        <v>2</v>
      </c>
      <c r="KI36" s="102">
        <v>4</v>
      </c>
      <c r="KJ36" s="102">
        <v>1</v>
      </c>
      <c r="KK36" s="102">
        <v>2</v>
      </c>
      <c r="KL36" s="103">
        <v>17</v>
      </c>
      <c r="KM36" s="104">
        <v>27</v>
      </c>
    </row>
    <row r="37" spans="2:299" s="70" customFormat="1" ht="21" customHeight="1" x14ac:dyDescent="0.2">
      <c r="B37" s="106" t="s">
        <v>34</v>
      </c>
      <c r="C37" s="96">
        <v>3</v>
      </c>
      <c r="D37" s="97">
        <v>2</v>
      </c>
      <c r="E37" s="98">
        <v>5</v>
      </c>
      <c r="F37" s="413">
        <v>0</v>
      </c>
      <c r="G37" s="97">
        <v>5</v>
      </c>
      <c r="H37" s="97">
        <v>8</v>
      </c>
      <c r="I37" s="97">
        <v>3</v>
      </c>
      <c r="J37" s="97">
        <v>2</v>
      </c>
      <c r="K37" s="97">
        <v>1</v>
      </c>
      <c r="L37" s="99">
        <v>19</v>
      </c>
      <c r="M37" s="100">
        <v>2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0</v>
      </c>
      <c r="AE37" s="102">
        <v>0</v>
      </c>
      <c r="AF37" s="102">
        <v>0</v>
      </c>
      <c r="AG37" s="102">
        <v>0</v>
      </c>
      <c r="AH37" s="103">
        <v>0</v>
      </c>
      <c r="AI37" s="104">
        <v>0</v>
      </c>
      <c r="AJ37" s="101">
        <v>0</v>
      </c>
      <c r="AK37" s="102">
        <v>0</v>
      </c>
      <c r="AL37" s="103">
        <v>0</v>
      </c>
      <c r="AM37" s="413">
        <v>0</v>
      </c>
      <c r="AN37" s="102">
        <v>0</v>
      </c>
      <c r="AO37" s="102">
        <v>0</v>
      </c>
      <c r="AP37" s="102">
        <v>0</v>
      </c>
      <c r="AQ37" s="102">
        <v>1</v>
      </c>
      <c r="AR37" s="102">
        <v>0</v>
      </c>
      <c r="AS37" s="103">
        <v>1</v>
      </c>
      <c r="AT37" s="104">
        <v>1</v>
      </c>
      <c r="AU37" s="101">
        <v>1</v>
      </c>
      <c r="AV37" s="102">
        <v>1</v>
      </c>
      <c r="AW37" s="103">
        <v>2</v>
      </c>
      <c r="AX37" s="413">
        <v>0</v>
      </c>
      <c r="AY37" s="102">
        <v>0</v>
      </c>
      <c r="AZ37" s="102">
        <v>5</v>
      </c>
      <c r="BA37" s="102">
        <v>0</v>
      </c>
      <c r="BB37" s="102">
        <v>0</v>
      </c>
      <c r="BC37" s="102">
        <v>0</v>
      </c>
      <c r="BD37" s="103">
        <v>5</v>
      </c>
      <c r="BE37" s="104">
        <v>7</v>
      </c>
      <c r="BF37" s="101">
        <v>2</v>
      </c>
      <c r="BG37" s="102">
        <v>1</v>
      </c>
      <c r="BH37" s="103">
        <v>3</v>
      </c>
      <c r="BI37" s="413">
        <v>0</v>
      </c>
      <c r="BJ37" s="102">
        <v>3</v>
      </c>
      <c r="BK37" s="102">
        <v>0</v>
      </c>
      <c r="BL37" s="102">
        <v>3</v>
      </c>
      <c r="BM37" s="102">
        <v>1</v>
      </c>
      <c r="BN37" s="102">
        <v>0</v>
      </c>
      <c r="BO37" s="103">
        <v>7</v>
      </c>
      <c r="BP37" s="104">
        <v>10</v>
      </c>
      <c r="BQ37" s="101">
        <v>0</v>
      </c>
      <c r="BR37" s="102">
        <v>0</v>
      </c>
      <c r="BS37" s="103">
        <v>0</v>
      </c>
      <c r="BT37" s="413">
        <v>0</v>
      </c>
      <c r="BU37" s="102">
        <v>2</v>
      </c>
      <c r="BV37" s="102">
        <v>3</v>
      </c>
      <c r="BW37" s="102">
        <v>0</v>
      </c>
      <c r="BX37" s="102">
        <v>0</v>
      </c>
      <c r="BY37" s="102">
        <v>1</v>
      </c>
      <c r="BZ37" s="103">
        <v>6</v>
      </c>
      <c r="CA37" s="104">
        <v>6</v>
      </c>
      <c r="CB37" s="101">
        <v>0</v>
      </c>
      <c r="CC37" s="102">
        <v>0</v>
      </c>
      <c r="CD37" s="103">
        <v>0</v>
      </c>
      <c r="CE37" s="413">
        <v>0</v>
      </c>
      <c r="CF37" s="102">
        <v>0</v>
      </c>
      <c r="CG37" s="102">
        <v>0</v>
      </c>
      <c r="CH37" s="102">
        <v>0</v>
      </c>
      <c r="CI37" s="102">
        <v>0</v>
      </c>
      <c r="CJ37" s="102">
        <v>0</v>
      </c>
      <c r="CK37" s="103">
        <v>0</v>
      </c>
      <c r="CL37" s="104">
        <v>0</v>
      </c>
      <c r="CM37" s="101">
        <v>3</v>
      </c>
      <c r="CN37" s="102">
        <v>2</v>
      </c>
      <c r="CO37" s="103">
        <v>5</v>
      </c>
      <c r="CP37" s="413">
        <v>0</v>
      </c>
      <c r="CQ37" s="102">
        <v>5</v>
      </c>
      <c r="CR37" s="102">
        <v>8</v>
      </c>
      <c r="CS37" s="102">
        <v>3</v>
      </c>
      <c r="CT37" s="102">
        <v>2</v>
      </c>
      <c r="CU37" s="102">
        <v>1</v>
      </c>
      <c r="CV37" s="103">
        <v>19</v>
      </c>
      <c r="CW37" s="104">
        <v>24</v>
      </c>
      <c r="CX37" s="105">
        <v>2</v>
      </c>
      <c r="CY37" s="97">
        <v>0</v>
      </c>
      <c r="CZ37" s="98">
        <v>2</v>
      </c>
      <c r="DA37" s="413">
        <v>0</v>
      </c>
      <c r="DB37" s="97">
        <v>0</v>
      </c>
      <c r="DC37" s="97">
        <v>0</v>
      </c>
      <c r="DD37" s="97">
        <v>0</v>
      </c>
      <c r="DE37" s="97">
        <v>0</v>
      </c>
      <c r="DF37" s="97">
        <v>1</v>
      </c>
      <c r="DG37" s="99">
        <v>1</v>
      </c>
      <c r="DH37" s="100">
        <v>3</v>
      </c>
      <c r="DI37" s="101">
        <v>0</v>
      </c>
      <c r="DJ37" s="102">
        <v>0</v>
      </c>
      <c r="DK37" s="103">
        <v>0</v>
      </c>
      <c r="DL37" s="413">
        <v>0</v>
      </c>
      <c r="DM37" s="102">
        <v>0</v>
      </c>
      <c r="DN37" s="102">
        <v>0</v>
      </c>
      <c r="DO37" s="102">
        <v>0</v>
      </c>
      <c r="DP37" s="102">
        <v>0</v>
      </c>
      <c r="DQ37" s="102">
        <v>0</v>
      </c>
      <c r="DR37" s="103">
        <v>0</v>
      </c>
      <c r="DS37" s="104">
        <v>0</v>
      </c>
      <c r="DT37" s="101">
        <v>1</v>
      </c>
      <c r="DU37" s="102">
        <v>0</v>
      </c>
      <c r="DV37" s="103">
        <v>1</v>
      </c>
      <c r="DW37" s="413">
        <v>0</v>
      </c>
      <c r="DX37" s="102">
        <v>0</v>
      </c>
      <c r="DY37" s="102">
        <v>0</v>
      </c>
      <c r="DZ37" s="102">
        <v>0</v>
      </c>
      <c r="EA37" s="102">
        <v>0</v>
      </c>
      <c r="EB37" s="102">
        <v>0</v>
      </c>
      <c r="EC37" s="103">
        <v>0</v>
      </c>
      <c r="ED37" s="104">
        <v>1</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1</v>
      </c>
      <c r="FB37" s="102">
        <v>0</v>
      </c>
      <c r="FC37" s="103">
        <v>1</v>
      </c>
      <c r="FD37" s="413">
        <v>0</v>
      </c>
      <c r="FE37" s="102">
        <v>0</v>
      </c>
      <c r="FF37" s="102">
        <v>0</v>
      </c>
      <c r="FG37" s="102">
        <v>0</v>
      </c>
      <c r="FH37" s="102">
        <v>0</v>
      </c>
      <c r="FI37" s="102">
        <v>0</v>
      </c>
      <c r="FJ37" s="103">
        <v>0</v>
      </c>
      <c r="FK37" s="104">
        <v>1</v>
      </c>
      <c r="FL37" s="101">
        <v>0</v>
      </c>
      <c r="FM37" s="102">
        <v>0</v>
      </c>
      <c r="FN37" s="103">
        <v>0</v>
      </c>
      <c r="FO37" s="413">
        <v>0</v>
      </c>
      <c r="FP37" s="102">
        <v>0</v>
      </c>
      <c r="FQ37" s="102">
        <v>0</v>
      </c>
      <c r="FR37" s="102">
        <v>0</v>
      </c>
      <c r="FS37" s="102">
        <v>0</v>
      </c>
      <c r="FT37" s="102">
        <v>1</v>
      </c>
      <c r="FU37" s="103">
        <v>1</v>
      </c>
      <c r="FV37" s="104">
        <v>1</v>
      </c>
      <c r="FW37" s="101">
        <v>0</v>
      </c>
      <c r="FX37" s="102">
        <v>0</v>
      </c>
      <c r="FY37" s="103">
        <v>0</v>
      </c>
      <c r="FZ37" s="413">
        <v>0</v>
      </c>
      <c r="GA37" s="102">
        <v>0</v>
      </c>
      <c r="GB37" s="102">
        <v>0</v>
      </c>
      <c r="GC37" s="102">
        <v>0</v>
      </c>
      <c r="GD37" s="102">
        <v>0</v>
      </c>
      <c r="GE37" s="102">
        <v>0</v>
      </c>
      <c r="GF37" s="103">
        <v>0</v>
      </c>
      <c r="GG37" s="104">
        <v>0</v>
      </c>
      <c r="GH37" s="101">
        <v>2</v>
      </c>
      <c r="GI37" s="102">
        <v>0</v>
      </c>
      <c r="GJ37" s="103">
        <v>2</v>
      </c>
      <c r="GK37" s="413">
        <v>0</v>
      </c>
      <c r="GL37" s="102">
        <v>0</v>
      </c>
      <c r="GM37" s="102">
        <v>0</v>
      </c>
      <c r="GN37" s="102">
        <v>0</v>
      </c>
      <c r="GO37" s="102">
        <v>0</v>
      </c>
      <c r="GP37" s="102">
        <v>1</v>
      </c>
      <c r="GQ37" s="103">
        <v>1</v>
      </c>
      <c r="GR37" s="104">
        <v>3</v>
      </c>
      <c r="GS37" s="105">
        <v>5</v>
      </c>
      <c r="GT37" s="97">
        <v>2</v>
      </c>
      <c r="GU37" s="98">
        <v>7</v>
      </c>
      <c r="GV37" s="413">
        <v>0</v>
      </c>
      <c r="GW37" s="97">
        <v>5</v>
      </c>
      <c r="GX37" s="97">
        <v>8</v>
      </c>
      <c r="GY37" s="97">
        <v>3</v>
      </c>
      <c r="GZ37" s="97">
        <v>2</v>
      </c>
      <c r="HA37" s="97">
        <v>2</v>
      </c>
      <c r="HB37" s="99">
        <v>20</v>
      </c>
      <c r="HC37" s="100">
        <v>27</v>
      </c>
      <c r="HD37" s="101">
        <v>0</v>
      </c>
      <c r="HE37" s="102">
        <v>0</v>
      </c>
      <c r="HF37" s="103">
        <v>0</v>
      </c>
      <c r="HG37" s="413">
        <v>0</v>
      </c>
      <c r="HH37" s="102">
        <v>0</v>
      </c>
      <c r="HI37" s="102">
        <v>0</v>
      </c>
      <c r="HJ37" s="102">
        <v>0</v>
      </c>
      <c r="HK37" s="102">
        <v>0</v>
      </c>
      <c r="HL37" s="102">
        <v>0</v>
      </c>
      <c r="HM37" s="103">
        <v>0</v>
      </c>
      <c r="HN37" s="104">
        <v>0</v>
      </c>
      <c r="HO37" s="101">
        <v>1</v>
      </c>
      <c r="HP37" s="102">
        <v>0</v>
      </c>
      <c r="HQ37" s="103">
        <v>1</v>
      </c>
      <c r="HR37" s="413">
        <v>0</v>
      </c>
      <c r="HS37" s="102">
        <v>0</v>
      </c>
      <c r="HT37" s="102">
        <v>0</v>
      </c>
      <c r="HU37" s="102">
        <v>0</v>
      </c>
      <c r="HV37" s="102">
        <v>0</v>
      </c>
      <c r="HW37" s="102">
        <v>0</v>
      </c>
      <c r="HX37" s="103">
        <v>0</v>
      </c>
      <c r="HY37" s="104">
        <v>1</v>
      </c>
      <c r="HZ37" s="101">
        <v>0</v>
      </c>
      <c r="IA37" s="102">
        <v>0</v>
      </c>
      <c r="IB37" s="103">
        <v>0</v>
      </c>
      <c r="IC37" s="413">
        <v>0</v>
      </c>
      <c r="ID37" s="102">
        <v>0</v>
      </c>
      <c r="IE37" s="102">
        <v>0</v>
      </c>
      <c r="IF37" s="102">
        <v>0</v>
      </c>
      <c r="IG37" s="102">
        <v>1</v>
      </c>
      <c r="IH37" s="102">
        <v>0</v>
      </c>
      <c r="II37" s="103">
        <v>1</v>
      </c>
      <c r="IJ37" s="104">
        <v>1</v>
      </c>
      <c r="IK37" s="101">
        <v>1</v>
      </c>
      <c r="IL37" s="102">
        <v>1</v>
      </c>
      <c r="IM37" s="103">
        <v>2</v>
      </c>
      <c r="IN37" s="413">
        <v>0</v>
      </c>
      <c r="IO37" s="102">
        <v>0</v>
      </c>
      <c r="IP37" s="102">
        <v>5</v>
      </c>
      <c r="IQ37" s="102">
        <v>0</v>
      </c>
      <c r="IR37" s="102">
        <v>0</v>
      </c>
      <c r="IS37" s="102">
        <v>0</v>
      </c>
      <c r="IT37" s="103">
        <v>5</v>
      </c>
      <c r="IU37" s="104">
        <v>7</v>
      </c>
      <c r="IV37" s="101">
        <v>3</v>
      </c>
      <c r="IW37" s="102">
        <v>1</v>
      </c>
      <c r="IX37" s="103">
        <v>4</v>
      </c>
      <c r="IY37" s="413">
        <v>0</v>
      </c>
      <c r="IZ37" s="102">
        <v>3</v>
      </c>
      <c r="JA37" s="102">
        <v>0</v>
      </c>
      <c r="JB37" s="102">
        <v>3</v>
      </c>
      <c r="JC37" s="102">
        <v>1</v>
      </c>
      <c r="JD37" s="102">
        <v>0</v>
      </c>
      <c r="JE37" s="103">
        <v>7</v>
      </c>
      <c r="JF37" s="104">
        <v>11</v>
      </c>
      <c r="JG37" s="101">
        <v>0</v>
      </c>
      <c r="JH37" s="102">
        <v>0</v>
      </c>
      <c r="JI37" s="103">
        <v>0</v>
      </c>
      <c r="JJ37" s="413">
        <v>0</v>
      </c>
      <c r="JK37" s="102">
        <v>2</v>
      </c>
      <c r="JL37" s="102">
        <v>3</v>
      </c>
      <c r="JM37" s="102">
        <v>0</v>
      </c>
      <c r="JN37" s="102">
        <v>0</v>
      </c>
      <c r="JO37" s="102">
        <v>2</v>
      </c>
      <c r="JP37" s="103">
        <v>7</v>
      </c>
      <c r="JQ37" s="104">
        <v>7</v>
      </c>
      <c r="JR37" s="101">
        <v>0</v>
      </c>
      <c r="JS37" s="102">
        <v>0</v>
      </c>
      <c r="JT37" s="103">
        <v>0</v>
      </c>
      <c r="JU37" s="413">
        <v>0</v>
      </c>
      <c r="JV37" s="102">
        <v>0</v>
      </c>
      <c r="JW37" s="102">
        <v>0</v>
      </c>
      <c r="JX37" s="102">
        <v>0</v>
      </c>
      <c r="JY37" s="102">
        <v>0</v>
      </c>
      <c r="JZ37" s="102">
        <v>0</v>
      </c>
      <c r="KA37" s="103">
        <v>0</v>
      </c>
      <c r="KB37" s="104">
        <v>0</v>
      </c>
      <c r="KC37" s="101">
        <v>5</v>
      </c>
      <c r="KD37" s="102">
        <v>2</v>
      </c>
      <c r="KE37" s="103">
        <v>7</v>
      </c>
      <c r="KF37" s="413">
        <v>0</v>
      </c>
      <c r="KG37" s="102">
        <v>5</v>
      </c>
      <c r="KH37" s="102">
        <v>8</v>
      </c>
      <c r="KI37" s="102">
        <v>3</v>
      </c>
      <c r="KJ37" s="102">
        <v>2</v>
      </c>
      <c r="KK37" s="102">
        <v>2</v>
      </c>
      <c r="KL37" s="103">
        <v>20</v>
      </c>
      <c r="KM37" s="104">
        <v>27</v>
      </c>
    </row>
    <row r="38" spans="2:299" s="70" customFormat="1" ht="21" customHeight="1" x14ac:dyDescent="0.2">
      <c r="B38" s="106" t="s">
        <v>35</v>
      </c>
      <c r="C38" s="96">
        <v>7</v>
      </c>
      <c r="D38" s="97">
        <v>2</v>
      </c>
      <c r="E38" s="98">
        <v>9</v>
      </c>
      <c r="F38" s="413">
        <v>0</v>
      </c>
      <c r="G38" s="97">
        <v>15</v>
      </c>
      <c r="H38" s="97">
        <v>5</v>
      </c>
      <c r="I38" s="97">
        <v>8</v>
      </c>
      <c r="J38" s="97">
        <v>7</v>
      </c>
      <c r="K38" s="97">
        <v>3</v>
      </c>
      <c r="L38" s="99">
        <v>38</v>
      </c>
      <c r="M38" s="100">
        <v>47</v>
      </c>
      <c r="N38" s="101">
        <v>0</v>
      </c>
      <c r="O38" s="102">
        <v>0</v>
      </c>
      <c r="P38" s="103">
        <v>0</v>
      </c>
      <c r="Q38" s="413">
        <v>0</v>
      </c>
      <c r="R38" s="102">
        <v>1</v>
      </c>
      <c r="S38" s="102">
        <v>0</v>
      </c>
      <c r="T38" s="102">
        <v>1</v>
      </c>
      <c r="U38" s="102">
        <v>0</v>
      </c>
      <c r="V38" s="102">
        <v>0</v>
      </c>
      <c r="W38" s="103">
        <v>2</v>
      </c>
      <c r="X38" s="104">
        <v>2</v>
      </c>
      <c r="Y38" s="101">
        <v>0</v>
      </c>
      <c r="Z38" s="102">
        <v>0</v>
      </c>
      <c r="AA38" s="103">
        <v>0</v>
      </c>
      <c r="AB38" s="413">
        <v>0</v>
      </c>
      <c r="AC38" s="102">
        <v>0</v>
      </c>
      <c r="AD38" s="102">
        <v>0</v>
      </c>
      <c r="AE38" s="102">
        <v>0</v>
      </c>
      <c r="AF38" s="102">
        <v>0</v>
      </c>
      <c r="AG38" s="102">
        <v>0</v>
      </c>
      <c r="AH38" s="103">
        <v>0</v>
      </c>
      <c r="AI38" s="104">
        <v>0</v>
      </c>
      <c r="AJ38" s="101">
        <v>1</v>
      </c>
      <c r="AK38" s="102">
        <v>1</v>
      </c>
      <c r="AL38" s="103">
        <v>2</v>
      </c>
      <c r="AM38" s="413">
        <v>0</v>
      </c>
      <c r="AN38" s="102">
        <v>0</v>
      </c>
      <c r="AO38" s="102">
        <v>0</v>
      </c>
      <c r="AP38" s="102">
        <v>1</v>
      </c>
      <c r="AQ38" s="102">
        <v>0</v>
      </c>
      <c r="AR38" s="102">
        <v>1</v>
      </c>
      <c r="AS38" s="103">
        <v>2</v>
      </c>
      <c r="AT38" s="104">
        <v>4</v>
      </c>
      <c r="AU38" s="101">
        <v>2</v>
      </c>
      <c r="AV38" s="102">
        <v>1</v>
      </c>
      <c r="AW38" s="103">
        <v>3</v>
      </c>
      <c r="AX38" s="413">
        <v>0</v>
      </c>
      <c r="AY38" s="102">
        <v>2</v>
      </c>
      <c r="AZ38" s="102">
        <v>0</v>
      </c>
      <c r="BA38" s="102">
        <v>1</v>
      </c>
      <c r="BB38" s="102">
        <v>1</v>
      </c>
      <c r="BC38" s="102">
        <v>0</v>
      </c>
      <c r="BD38" s="103">
        <v>4</v>
      </c>
      <c r="BE38" s="104">
        <v>7</v>
      </c>
      <c r="BF38" s="101">
        <v>2</v>
      </c>
      <c r="BG38" s="102">
        <v>0</v>
      </c>
      <c r="BH38" s="103">
        <v>2</v>
      </c>
      <c r="BI38" s="413">
        <v>0</v>
      </c>
      <c r="BJ38" s="102">
        <v>6</v>
      </c>
      <c r="BK38" s="102">
        <v>1</v>
      </c>
      <c r="BL38" s="102">
        <v>1</v>
      </c>
      <c r="BM38" s="102">
        <v>1</v>
      </c>
      <c r="BN38" s="102">
        <v>0</v>
      </c>
      <c r="BO38" s="103">
        <v>9</v>
      </c>
      <c r="BP38" s="104">
        <v>11</v>
      </c>
      <c r="BQ38" s="101">
        <v>2</v>
      </c>
      <c r="BR38" s="102">
        <v>0</v>
      </c>
      <c r="BS38" s="103">
        <v>2</v>
      </c>
      <c r="BT38" s="413">
        <v>0</v>
      </c>
      <c r="BU38" s="102">
        <v>6</v>
      </c>
      <c r="BV38" s="102">
        <v>4</v>
      </c>
      <c r="BW38" s="102">
        <v>4</v>
      </c>
      <c r="BX38" s="102">
        <v>5</v>
      </c>
      <c r="BY38" s="102">
        <v>2</v>
      </c>
      <c r="BZ38" s="103">
        <v>21</v>
      </c>
      <c r="CA38" s="104">
        <v>23</v>
      </c>
      <c r="CB38" s="101">
        <v>0</v>
      </c>
      <c r="CC38" s="102">
        <v>0</v>
      </c>
      <c r="CD38" s="103">
        <v>0</v>
      </c>
      <c r="CE38" s="413">
        <v>0</v>
      </c>
      <c r="CF38" s="102">
        <v>0</v>
      </c>
      <c r="CG38" s="102">
        <v>0</v>
      </c>
      <c r="CH38" s="102">
        <v>0</v>
      </c>
      <c r="CI38" s="102">
        <v>0</v>
      </c>
      <c r="CJ38" s="102">
        <v>0</v>
      </c>
      <c r="CK38" s="103">
        <v>0</v>
      </c>
      <c r="CL38" s="104">
        <v>0</v>
      </c>
      <c r="CM38" s="101">
        <v>7</v>
      </c>
      <c r="CN38" s="102">
        <v>2</v>
      </c>
      <c r="CO38" s="103">
        <v>9</v>
      </c>
      <c r="CP38" s="413">
        <v>0</v>
      </c>
      <c r="CQ38" s="102">
        <v>15</v>
      </c>
      <c r="CR38" s="102">
        <v>5</v>
      </c>
      <c r="CS38" s="102">
        <v>8</v>
      </c>
      <c r="CT38" s="102">
        <v>7</v>
      </c>
      <c r="CU38" s="102">
        <v>3</v>
      </c>
      <c r="CV38" s="103">
        <v>38</v>
      </c>
      <c r="CW38" s="104">
        <v>47</v>
      </c>
      <c r="CX38" s="105">
        <v>1</v>
      </c>
      <c r="CY38" s="97">
        <v>1</v>
      </c>
      <c r="CZ38" s="98">
        <v>2</v>
      </c>
      <c r="DA38" s="413">
        <v>0</v>
      </c>
      <c r="DB38" s="97">
        <v>4</v>
      </c>
      <c r="DC38" s="97">
        <v>4</v>
      </c>
      <c r="DD38" s="97">
        <v>4</v>
      </c>
      <c r="DE38" s="97">
        <v>2</v>
      </c>
      <c r="DF38" s="97">
        <v>2</v>
      </c>
      <c r="DG38" s="99">
        <v>16</v>
      </c>
      <c r="DH38" s="100">
        <v>18</v>
      </c>
      <c r="DI38" s="101">
        <v>0</v>
      </c>
      <c r="DJ38" s="102">
        <v>1</v>
      </c>
      <c r="DK38" s="103">
        <v>1</v>
      </c>
      <c r="DL38" s="413">
        <v>0</v>
      </c>
      <c r="DM38" s="102">
        <v>0</v>
      </c>
      <c r="DN38" s="102">
        <v>0</v>
      </c>
      <c r="DO38" s="102">
        <v>0</v>
      </c>
      <c r="DP38" s="102">
        <v>0</v>
      </c>
      <c r="DQ38" s="102">
        <v>0</v>
      </c>
      <c r="DR38" s="103">
        <v>0</v>
      </c>
      <c r="DS38" s="104">
        <v>1</v>
      </c>
      <c r="DT38" s="101">
        <v>0</v>
      </c>
      <c r="DU38" s="102">
        <v>0</v>
      </c>
      <c r="DV38" s="103">
        <v>0</v>
      </c>
      <c r="DW38" s="413">
        <v>0</v>
      </c>
      <c r="DX38" s="102">
        <v>0</v>
      </c>
      <c r="DY38" s="102">
        <v>1</v>
      </c>
      <c r="DZ38" s="102">
        <v>1</v>
      </c>
      <c r="EA38" s="102">
        <v>0</v>
      </c>
      <c r="EB38" s="102">
        <v>0</v>
      </c>
      <c r="EC38" s="103">
        <v>2</v>
      </c>
      <c r="ED38" s="104">
        <v>2</v>
      </c>
      <c r="EE38" s="101">
        <v>0</v>
      </c>
      <c r="EF38" s="102">
        <v>0</v>
      </c>
      <c r="EG38" s="103">
        <v>0</v>
      </c>
      <c r="EH38" s="413">
        <v>0</v>
      </c>
      <c r="EI38" s="102">
        <v>0</v>
      </c>
      <c r="EJ38" s="102">
        <v>0</v>
      </c>
      <c r="EK38" s="102">
        <v>1</v>
      </c>
      <c r="EL38" s="102">
        <v>0</v>
      </c>
      <c r="EM38" s="102">
        <v>1</v>
      </c>
      <c r="EN38" s="103">
        <v>2</v>
      </c>
      <c r="EO38" s="104">
        <v>2</v>
      </c>
      <c r="EP38" s="101">
        <v>1</v>
      </c>
      <c r="EQ38" s="102">
        <v>0</v>
      </c>
      <c r="ER38" s="103">
        <v>1</v>
      </c>
      <c r="ES38" s="413">
        <v>0</v>
      </c>
      <c r="ET38" s="102">
        <v>1</v>
      </c>
      <c r="EU38" s="102">
        <v>0</v>
      </c>
      <c r="EV38" s="102">
        <v>1</v>
      </c>
      <c r="EW38" s="102">
        <v>0</v>
      </c>
      <c r="EX38" s="102">
        <v>0</v>
      </c>
      <c r="EY38" s="103">
        <v>2</v>
      </c>
      <c r="EZ38" s="104">
        <v>3</v>
      </c>
      <c r="FA38" s="101">
        <v>0</v>
      </c>
      <c r="FB38" s="102">
        <v>0</v>
      </c>
      <c r="FC38" s="103">
        <v>0</v>
      </c>
      <c r="FD38" s="413">
        <v>0</v>
      </c>
      <c r="FE38" s="102">
        <v>2</v>
      </c>
      <c r="FF38" s="102">
        <v>1</v>
      </c>
      <c r="FG38" s="102">
        <v>0</v>
      </c>
      <c r="FH38" s="102">
        <v>0</v>
      </c>
      <c r="FI38" s="102">
        <v>1</v>
      </c>
      <c r="FJ38" s="103">
        <v>4</v>
      </c>
      <c r="FK38" s="104">
        <v>4</v>
      </c>
      <c r="FL38" s="101">
        <v>0</v>
      </c>
      <c r="FM38" s="102">
        <v>0</v>
      </c>
      <c r="FN38" s="103">
        <v>0</v>
      </c>
      <c r="FO38" s="413">
        <v>0</v>
      </c>
      <c r="FP38" s="102">
        <v>1</v>
      </c>
      <c r="FQ38" s="102">
        <v>2</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1</v>
      </c>
      <c r="GI38" s="102">
        <v>1</v>
      </c>
      <c r="GJ38" s="103">
        <v>2</v>
      </c>
      <c r="GK38" s="413">
        <v>0</v>
      </c>
      <c r="GL38" s="102">
        <v>4</v>
      </c>
      <c r="GM38" s="102">
        <v>4</v>
      </c>
      <c r="GN38" s="102">
        <v>4</v>
      </c>
      <c r="GO38" s="102">
        <v>2</v>
      </c>
      <c r="GP38" s="102">
        <v>2</v>
      </c>
      <c r="GQ38" s="103">
        <v>16</v>
      </c>
      <c r="GR38" s="104">
        <v>18</v>
      </c>
      <c r="GS38" s="105">
        <v>8</v>
      </c>
      <c r="GT38" s="97">
        <v>3</v>
      </c>
      <c r="GU38" s="98">
        <v>11</v>
      </c>
      <c r="GV38" s="413">
        <v>0</v>
      </c>
      <c r="GW38" s="97">
        <v>19</v>
      </c>
      <c r="GX38" s="97">
        <v>9</v>
      </c>
      <c r="GY38" s="97">
        <v>12</v>
      </c>
      <c r="GZ38" s="97">
        <v>9</v>
      </c>
      <c r="HA38" s="97">
        <v>5</v>
      </c>
      <c r="HB38" s="99">
        <v>54</v>
      </c>
      <c r="HC38" s="100">
        <v>65</v>
      </c>
      <c r="HD38" s="101">
        <v>0</v>
      </c>
      <c r="HE38" s="102">
        <v>1</v>
      </c>
      <c r="HF38" s="103">
        <v>1</v>
      </c>
      <c r="HG38" s="413">
        <v>0</v>
      </c>
      <c r="HH38" s="102">
        <v>1</v>
      </c>
      <c r="HI38" s="102">
        <v>0</v>
      </c>
      <c r="HJ38" s="102">
        <v>1</v>
      </c>
      <c r="HK38" s="102">
        <v>0</v>
      </c>
      <c r="HL38" s="102">
        <v>0</v>
      </c>
      <c r="HM38" s="103">
        <v>2</v>
      </c>
      <c r="HN38" s="104">
        <v>3</v>
      </c>
      <c r="HO38" s="101">
        <v>0</v>
      </c>
      <c r="HP38" s="102">
        <v>0</v>
      </c>
      <c r="HQ38" s="103">
        <v>0</v>
      </c>
      <c r="HR38" s="413">
        <v>0</v>
      </c>
      <c r="HS38" s="102">
        <v>0</v>
      </c>
      <c r="HT38" s="102">
        <v>1</v>
      </c>
      <c r="HU38" s="102">
        <v>1</v>
      </c>
      <c r="HV38" s="102">
        <v>0</v>
      </c>
      <c r="HW38" s="102">
        <v>0</v>
      </c>
      <c r="HX38" s="103">
        <v>2</v>
      </c>
      <c r="HY38" s="104">
        <v>2</v>
      </c>
      <c r="HZ38" s="101">
        <v>1</v>
      </c>
      <c r="IA38" s="102">
        <v>1</v>
      </c>
      <c r="IB38" s="103">
        <v>2</v>
      </c>
      <c r="IC38" s="413">
        <v>0</v>
      </c>
      <c r="ID38" s="102">
        <v>0</v>
      </c>
      <c r="IE38" s="102">
        <v>0</v>
      </c>
      <c r="IF38" s="102">
        <v>2</v>
      </c>
      <c r="IG38" s="102">
        <v>0</v>
      </c>
      <c r="IH38" s="102">
        <v>2</v>
      </c>
      <c r="II38" s="103">
        <v>4</v>
      </c>
      <c r="IJ38" s="104">
        <v>6</v>
      </c>
      <c r="IK38" s="101">
        <v>3</v>
      </c>
      <c r="IL38" s="102">
        <v>1</v>
      </c>
      <c r="IM38" s="103">
        <v>4</v>
      </c>
      <c r="IN38" s="413">
        <v>0</v>
      </c>
      <c r="IO38" s="102">
        <v>3</v>
      </c>
      <c r="IP38" s="102">
        <v>0</v>
      </c>
      <c r="IQ38" s="102">
        <v>2</v>
      </c>
      <c r="IR38" s="102">
        <v>1</v>
      </c>
      <c r="IS38" s="102">
        <v>0</v>
      </c>
      <c r="IT38" s="103">
        <v>6</v>
      </c>
      <c r="IU38" s="104">
        <v>10</v>
      </c>
      <c r="IV38" s="101">
        <v>2</v>
      </c>
      <c r="IW38" s="102">
        <v>0</v>
      </c>
      <c r="IX38" s="103">
        <v>2</v>
      </c>
      <c r="IY38" s="413">
        <v>0</v>
      </c>
      <c r="IZ38" s="102">
        <v>8</v>
      </c>
      <c r="JA38" s="102">
        <v>2</v>
      </c>
      <c r="JB38" s="102">
        <v>1</v>
      </c>
      <c r="JC38" s="102">
        <v>1</v>
      </c>
      <c r="JD38" s="102">
        <v>1</v>
      </c>
      <c r="JE38" s="103">
        <v>13</v>
      </c>
      <c r="JF38" s="104">
        <v>15</v>
      </c>
      <c r="JG38" s="101">
        <v>2</v>
      </c>
      <c r="JH38" s="102">
        <v>0</v>
      </c>
      <c r="JI38" s="103">
        <v>2</v>
      </c>
      <c r="JJ38" s="413">
        <v>0</v>
      </c>
      <c r="JK38" s="102">
        <v>7</v>
      </c>
      <c r="JL38" s="102">
        <v>6</v>
      </c>
      <c r="JM38" s="102">
        <v>5</v>
      </c>
      <c r="JN38" s="102">
        <v>7</v>
      </c>
      <c r="JO38" s="102">
        <v>2</v>
      </c>
      <c r="JP38" s="103">
        <v>27</v>
      </c>
      <c r="JQ38" s="104">
        <v>29</v>
      </c>
      <c r="JR38" s="101">
        <v>0</v>
      </c>
      <c r="JS38" s="102">
        <v>0</v>
      </c>
      <c r="JT38" s="103">
        <v>0</v>
      </c>
      <c r="JU38" s="413">
        <v>0</v>
      </c>
      <c r="JV38" s="102">
        <v>0</v>
      </c>
      <c r="JW38" s="102">
        <v>0</v>
      </c>
      <c r="JX38" s="102">
        <v>0</v>
      </c>
      <c r="JY38" s="102">
        <v>0</v>
      </c>
      <c r="JZ38" s="102">
        <v>0</v>
      </c>
      <c r="KA38" s="103">
        <v>0</v>
      </c>
      <c r="KB38" s="104">
        <v>0</v>
      </c>
      <c r="KC38" s="101">
        <v>8</v>
      </c>
      <c r="KD38" s="102">
        <v>3</v>
      </c>
      <c r="KE38" s="103">
        <v>11</v>
      </c>
      <c r="KF38" s="413">
        <v>0</v>
      </c>
      <c r="KG38" s="102">
        <v>19</v>
      </c>
      <c r="KH38" s="102">
        <v>9</v>
      </c>
      <c r="KI38" s="102">
        <v>12</v>
      </c>
      <c r="KJ38" s="102">
        <v>9</v>
      </c>
      <c r="KK38" s="102">
        <v>5</v>
      </c>
      <c r="KL38" s="103">
        <v>54</v>
      </c>
      <c r="KM38" s="104">
        <v>65</v>
      </c>
    </row>
    <row r="39" spans="2:299" s="70" customFormat="1" ht="21" customHeight="1" x14ac:dyDescent="0.2">
      <c r="B39" s="106" t="s">
        <v>36</v>
      </c>
      <c r="C39" s="96">
        <v>3</v>
      </c>
      <c r="D39" s="97">
        <v>4</v>
      </c>
      <c r="E39" s="98">
        <v>7</v>
      </c>
      <c r="F39" s="413">
        <v>0</v>
      </c>
      <c r="G39" s="97">
        <v>13</v>
      </c>
      <c r="H39" s="97">
        <v>9</v>
      </c>
      <c r="I39" s="97">
        <v>4</v>
      </c>
      <c r="J39" s="97">
        <v>6</v>
      </c>
      <c r="K39" s="97">
        <v>3</v>
      </c>
      <c r="L39" s="99">
        <v>35</v>
      </c>
      <c r="M39" s="100">
        <v>42</v>
      </c>
      <c r="N39" s="101">
        <v>0</v>
      </c>
      <c r="O39" s="102">
        <v>0</v>
      </c>
      <c r="P39" s="103">
        <v>0</v>
      </c>
      <c r="Q39" s="413">
        <v>0</v>
      </c>
      <c r="R39" s="102">
        <v>1</v>
      </c>
      <c r="S39" s="102">
        <v>2</v>
      </c>
      <c r="T39" s="102">
        <v>0</v>
      </c>
      <c r="U39" s="102">
        <v>0</v>
      </c>
      <c r="V39" s="102">
        <v>1</v>
      </c>
      <c r="W39" s="103">
        <v>4</v>
      </c>
      <c r="X39" s="104">
        <v>4</v>
      </c>
      <c r="Y39" s="101">
        <v>1</v>
      </c>
      <c r="Z39" s="102">
        <v>0</v>
      </c>
      <c r="AA39" s="103">
        <v>1</v>
      </c>
      <c r="AB39" s="413">
        <v>0</v>
      </c>
      <c r="AC39" s="102">
        <v>0</v>
      </c>
      <c r="AD39" s="102">
        <v>1</v>
      </c>
      <c r="AE39" s="102">
        <v>0</v>
      </c>
      <c r="AF39" s="102">
        <v>0</v>
      </c>
      <c r="AG39" s="102">
        <v>1</v>
      </c>
      <c r="AH39" s="103">
        <v>2</v>
      </c>
      <c r="AI39" s="104">
        <v>3</v>
      </c>
      <c r="AJ39" s="101">
        <v>0</v>
      </c>
      <c r="AK39" s="102">
        <v>0</v>
      </c>
      <c r="AL39" s="103">
        <v>0</v>
      </c>
      <c r="AM39" s="413">
        <v>0</v>
      </c>
      <c r="AN39" s="102">
        <v>1</v>
      </c>
      <c r="AO39" s="102">
        <v>1</v>
      </c>
      <c r="AP39" s="102">
        <v>2</v>
      </c>
      <c r="AQ39" s="102">
        <v>1</v>
      </c>
      <c r="AR39" s="102">
        <v>0</v>
      </c>
      <c r="AS39" s="103">
        <v>5</v>
      </c>
      <c r="AT39" s="104">
        <v>5</v>
      </c>
      <c r="AU39" s="101">
        <v>0</v>
      </c>
      <c r="AV39" s="102">
        <v>1</v>
      </c>
      <c r="AW39" s="103">
        <v>1</v>
      </c>
      <c r="AX39" s="413">
        <v>0</v>
      </c>
      <c r="AY39" s="102">
        <v>2</v>
      </c>
      <c r="AZ39" s="102">
        <v>2</v>
      </c>
      <c r="BA39" s="102">
        <v>0</v>
      </c>
      <c r="BB39" s="102">
        <v>1</v>
      </c>
      <c r="BC39" s="102">
        <v>1</v>
      </c>
      <c r="BD39" s="103">
        <v>6</v>
      </c>
      <c r="BE39" s="104">
        <v>7</v>
      </c>
      <c r="BF39" s="101">
        <v>2</v>
      </c>
      <c r="BG39" s="102">
        <v>0</v>
      </c>
      <c r="BH39" s="103">
        <v>2</v>
      </c>
      <c r="BI39" s="413">
        <v>0</v>
      </c>
      <c r="BJ39" s="102">
        <v>6</v>
      </c>
      <c r="BK39" s="102">
        <v>2</v>
      </c>
      <c r="BL39" s="102">
        <v>1</v>
      </c>
      <c r="BM39" s="102">
        <v>1</v>
      </c>
      <c r="BN39" s="102">
        <v>0</v>
      </c>
      <c r="BO39" s="103">
        <v>10</v>
      </c>
      <c r="BP39" s="104">
        <v>12</v>
      </c>
      <c r="BQ39" s="101">
        <v>0</v>
      </c>
      <c r="BR39" s="102">
        <v>3</v>
      </c>
      <c r="BS39" s="103">
        <v>3</v>
      </c>
      <c r="BT39" s="413">
        <v>0</v>
      </c>
      <c r="BU39" s="102">
        <v>3</v>
      </c>
      <c r="BV39" s="102">
        <v>1</v>
      </c>
      <c r="BW39" s="102">
        <v>1</v>
      </c>
      <c r="BX39" s="102">
        <v>3</v>
      </c>
      <c r="BY39" s="102">
        <v>0</v>
      </c>
      <c r="BZ39" s="103">
        <v>8</v>
      </c>
      <c r="CA39" s="104">
        <v>11</v>
      </c>
      <c r="CB39" s="101">
        <v>0</v>
      </c>
      <c r="CC39" s="102">
        <v>0</v>
      </c>
      <c r="CD39" s="103">
        <v>0</v>
      </c>
      <c r="CE39" s="413">
        <v>0</v>
      </c>
      <c r="CF39" s="102">
        <v>0</v>
      </c>
      <c r="CG39" s="102">
        <v>0</v>
      </c>
      <c r="CH39" s="102">
        <v>0</v>
      </c>
      <c r="CI39" s="102">
        <v>0</v>
      </c>
      <c r="CJ39" s="102">
        <v>0</v>
      </c>
      <c r="CK39" s="103">
        <v>0</v>
      </c>
      <c r="CL39" s="104">
        <v>0</v>
      </c>
      <c r="CM39" s="101">
        <v>3</v>
      </c>
      <c r="CN39" s="102">
        <v>4</v>
      </c>
      <c r="CO39" s="103">
        <v>7</v>
      </c>
      <c r="CP39" s="413">
        <v>0</v>
      </c>
      <c r="CQ39" s="102">
        <v>13</v>
      </c>
      <c r="CR39" s="102">
        <v>9</v>
      </c>
      <c r="CS39" s="102">
        <v>4</v>
      </c>
      <c r="CT39" s="102">
        <v>6</v>
      </c>
      <c r="CU39" s="102">
        <v>3</v>
      </c>
      <c r="CV39" s="103">
        <v>35</v>
      </c>
      <c r="CW39" s="104">
        <v>42</v>
      </c>
      <c r="CX39" s="105">
        <v>2</v>
      </c>
      <c r="CY39" s="97">
        <v>2</v>
      </c>
      <c r="CZ39" s="98">
        <v>4</v>
      </c>
      <c r="DA39" s="413">
        <v>0</v>
      </c>
      <c r="DB39" s="97">
        <v>4</v>
      </c>
      <c r="DC39" s="97">
        <v>1</v>
      </c>
      <c r="DD39" s="97">
        <v>0</v>
      </c>
      <c r="DE39" s="97">
        <v>1</v>
      </c>
      <c r="DF39" s="97">
        <v>1</v>
      </c>
      <c r="DG39" s="99">
        <v>7</v>
      </c>
      <c r="DH39" s="100">
        <v>11</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1</v>
      </c>
      <c r="EB39" s="102">
        <v>0</v>
      </c>
      <c r="EC39" s="103">
        <v>1</v>
      </c>
      <c r="ED39" s="104">
        <v>1</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1</v>
      </c>
      <c r="FG39" s="102">
        <v>0</v>
      </c>
      <c r="FH39" s="102">
        <v>0</v>
      </c>
      <c r="FI39" s="102">
        <v>1</v>
      </c>
      <c r="FJ39" s="103">
        <v>2</v>
      </c>
      <c r="FK39" s="104">
        <v>4</v>
      </c>
      <c r="FL39" s="101">
        <v>1</v>
      </c>
      <c r="FM39" s="102">
        <v>0</v>
      </c>
      <c r="FN39" s="103">
        <v>1</v>
      </c>
      <c r="FO39" s="413">
        <v>0</v>
      </c>
      <c r="FP39" s="102">
        <v>2</v>
      </c>
      <c r="FQ39" s="102">
        <v>0</v>
      </c>
      <c r="FR39" s="102">
        <v>0</v>
      </c>
      <c r="FS39" s="102">
        <v>0</v>
      </c>
      <c r="FT39" s="102">
        <v>0</v>
      </c>
      <c r="FU39" s="103">
        <v>2</v>
      </c>
      <c r="FV39" s="104">
        <v>3</v>
      </c>
      <c r="FW39" s="101">
        <v>0</v>
      </c>
      <c r="FX39" s="102">
        <v>0</v>
      </c>
      <c r="FY39" s="103">
        <v>0</v>
      </c>
      <c r="FZ39" s="413">
        <v>0</v>
      </c>
      <c r="GA39" s="102">
        <v>0</v>
      </c>
      <c r="GB39" s="102">
        <v>0</v>
      </c>
      <c r="GC39" s="102">
        <v>0</v>
      </c>
      <c r="GD39" s="102">
        <v>0</v>
      </c>
      <c r="GE39" s="102">
        <v>0</v>
      </c>
      <c r="GF39" s="103">
        <v>0</v>
      </c>
      <c r="GG39" s="104">
        <v>0</v>
      </c>
      <c r="GH39" s="101">
        <v>2</v>
      </c>
      <c r="GI39" s="102">
        <v>2</v>
      </c>
      <c r="GJ39" s="103">
        <v>4</v>
      </c>
      <c r="GK39" s="413">
        <v>0</v>
      </c>
      <c r="GL39" s="102">
        <v>4</v>
      </c>
      <c r="GM39" s="102">
        <v>1</v>
      </c>
      <c r="GN39" s="102">
        <v>0</v>
      </c>
      <c r="GO39" s="102">
        <v>1</v>
      </c>
      <c r="GP39" s="102">
        <v>1</v>
      </c>
      <c r="GQ39" s="103">
        <v>7</v>
      </c>
      <c r="GR39" s="104">
        <v>11</v>
      </c>
      <c r="GS39" s="105">
        <v>5</v>
      </c>
      <c r="GT39" s="97">
        <v>6</v>
      </c>
      <c r="GU39" s="98">
        <v>11</v>
      </c>
      <c r="GV39" s="413">
        <v>0</v>
      </c>
      <c r="GW39" s="97">
        <v>17</v>
      </c>
      <c r="GX39" s="97">
        <v>10</v>
      </c>
      <c r="GY39" s="97">
        <v>4</v>
      </c>
      <c r="GZ39" s="97">
        <v>7</v>
      </c>
      <c r="HA39" s="97">
        <v>4</v>
      </c>
      <c r="HB39" s="99">
        <v>42</v>
      </c>
      <c r="HC39" s="100">
        <v>53</v>
      </c>
      <c r="HD39" s="101">
        <v>0</v>
      </c>
      <c r="HE39" s="102">
        <v>0</v>
      </c>
      <c r="HF39" s="103">
        <v>0</v>
      </c>
      <c r="HG39" s="413">
        <v>0</v>
      </c>
      <c r="HH39" s="102">
        <v>2</v>
      </c>
      <c r="HI39" s="102">
        <v>2</v>
      </c>
      <c r="HJ39" s="102">
        <v>0</v>
      </c>
      <c r="HK39" s="102">
        <v>0</v>
      </c>
      <c r="HL39" s="102">
        <v>1</v>
      </c>
      <c r="HM39" s="103">
        <v>5</v>
      </c>
      <c r="HN39" s="104">
        <v>5</v>
      </c>
      <c r="HO39" s="101">
        <v>1</v>
      </c>
      <c r="HP39" s="102">
        <v>0</v>
      </c>
      <c r="HQ39" s="103">
        <v>1</v>
      </c>
      <c r="HR39" s="413">
        <v>0</v>
      </c>
      <c r="HS39" s="102">
        <v>0</v>
      </c>
      <c r="HT39" s="102">
        <v>1</v>
      </c>
      <c r="HU39" s="102">
        <v>0</v>
      </c>
      <c r="HV39" s="102">
        <v>1</v>
      </c>
      <c r="HW39" s="102">
        <v>1</v>
      </c>
      <c r="HX39" s="103">
        <v>3</v>
      </c>
      <c r="HY39" s="104">
        <v>4</v>
      </c>
      <c r="HZ39" s="101">
        <v>1</v>
      </c>
      <c r="IA39" s="102">
        <v>0</v>
      </c>
      <c r="IB39" s="103">
        <v>1</v>
      </c>
      <c r="IC39" s="413">
        <v>0</v>
      </c>
      <c r="ID39" s="102">
        <v>1</v>
      </c>
      <c r="IE39" s="102">
        <v>1</v>
      </c>
      <c r="IF39" s="102">
        <v>2</v>
      </c>
      <c r="IG39" s="102">
        <v>1</v>
      </c>
      <c r="IH39" s="102">
        <v>0</v>
      </c>
      <c r="II39" s="103">
        <v>5</v>
      </c>
      <c r="IJ39" s="104">
        <v>6</v>
      </c>
      <c r="IK39" s="101">
        <v>0</v>
      </c>
      <c r="IL39" s="102">
        <v>1</v>
      </c>
      <c r="IM39" s="103">
        <v>1</v>
      </c>
      <c r="IN39" s="413">
        <v>0</v>
      </c>
      <c r="IO39" s="102">
        <v>3</v>
      </c>
      <c r="IP39" s="102">
        <v>2</v>
      </c>
      <c r="IQ39" s="102">
        <v>0</v>
      </c>
      <c r="IR39" s="102">
        <v>1</v>
      </c>
      <c r="IS39" s="102">
        <v>1</v>
      </c>
      <c r="IT39" s="103">
        <v>7</v>
      </c>
      <c r="IU39" s="104">
        <v>8</v>
      </c>
      <c r="IV39" s="101">
        <v>2</v>
      </c>
      <c r="IW39" s="102">
        <v>2</v>
      </c>
      <c r="IX39" s="103">
        <v>4</v>
      </c>
      <c r="IY39" s="413">
        <v>0</v>
      </c>
      <c r="IZ39" s="102">
        <v>6</v>
      </c>
      <c r="JA39" s="102">
        <v>3</v>
      </c>
      <c r="JB39" s="102">
        <v>1</v>
      </c>
      <c r="JC39" s="102">
        <v>1</v>
      </c>
      <c r="JD39" s="102">
        <v>1</v>
      </c>
      <c r="JE39" s="103">
        <v>12</v>
      </c>
      <c r="JF39" s="104">
        <v>16</v>
      </c>
      <c r="JG39" s="101">
        <v>1</v>
      </c>
      <c r="JH39" s="102">
        <v>3</v>
      </c>
      <c r="JI39" s="103">
        <v>4</v>
      </c>
      <c r="JJ39" s="413">
        <v>0</v>
      </c>
      <c r="JK39" s="102">
        <v>5</v>
      </c>
      <c r="JL39" s="102">
        <v>1</v>
      </c>
      <c r="JM39" s="102">
        <v>1</v>
      </c>
      <c r="JN39" s="102">
        <v>3</v>
      </c>
      <c r="JO39" s="102">
        <v>0</v>
      </c>
      <c r="JP39" s="103">
        <v>10</v>
      </c>
      <c r="JQ39" s="104">
        <v>14</v>
      </c>
      <c r="JR39" s="101">
        <v>0</v>
      </c>
      <c r="JS39" s="102">
        <v>0</v>
      </c>
      <c r="JT39" s="103">
        <v>0</v>
      </c>
      <c r="JU39" s="413">
        <v>0</v>
      </c>
      <c r="JV39" s="102">
        <v>0</v>
      </c>
      <c r="JW39" s="102">
        <v>0</v>
      </c>
      <c r="JX39" s="102">
        <v>0</v>
      </c>
      <c r="JY39" s="102">
        <v>0</v>
      </c>
      <c r="JZ39" s="102">
        <v>0</v>
      </c>
      <c r="KA39" s="103">
        <v>0</v>
      </c>
      <c r="KB39" s="104">
        <v>0</v>
      </c>
      <c r="KC39" s="101">
        <v>5</v>
      </c>
      <c r="KD39" s="102">
        <v>6</v>
      </c>
      <c r="KE39" s="103">
        <v>11</v>
      </c>
      <c r="KF39" s="413">
        <v>0</v>
      </c>
      <c r="KG39" s="102">
        <v>17</v>
      </c>
      <c r="KH39" s="102">
        <v>10</v>
      </c>
      <c r="KI39" s="102">
        <v>4</v>
      </c>
      <c r="KJ39" s="102">
        <v>7</v>
      </c>
      <c r="KK39" s="102">
        <v>4</v>
      </c>
      <c r="KL39" s="103">
        <v>42</v>
      </c>
      <c r="KM39" s="104">
        <v>53</v>
      </c>
    </row>
    <row r="40" spans="2:299" s="70" customFormat="1" ht="21" customHeight="1" thickBot="1" x14ac:dyDescent="0.25">
      <c r="B40" s="108" t="s">
        <v>37</v>
      </c>
      <c r="C40" s="109">
        <v>0</v>
      </c>
      <c r="D40" s="110">
        <v>0</v>
      </c>
      <c r="E40" s="111">
        <v>0</v>
      </c>
      <c r="F40" s="414">
        <v>0</v>
      </c>
      <c r="G40" s="110">
        <v>2</v>
      </c>
      <c r="H40" s="110">
        <v>2</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1</v>
      </c>
      <c r="AP40" s="115">
        <v>0</v>
      </c>
      <c r="AQ40" s="115">
        <v>0</v>
      </c>
      <c r="AR40" s="115">
        <v>0</v>
      </c>
      <c r="AS40" s="116">
        <v>2</v>
      </c>
      <c r="AT40" s="117">
        <v>2</v>
      </c>
      <c r="AU40" s="114">
        <v>0</v>
      </c>
      <c r="AV40" s="115">
        <v>0</v>
      </c>
      <c r="AW40" s="116">
        <v>0</v>
      </c>
      <c r="AX40" s="414">
        <v>0</v>
      </c>
      <c r="AY40" s="115">
        <v>1</v>
      </c>
      <c r="AZ40" s="115">
        <v>0</v>
      </c>
      <c r="BA40" s="115">
        <v>0</v>
      </c>
      <c r="BB40" s="115">
        <v>0</v>
      </c>
      <c r="BC40" s="115">
        <v>0</v>
      </c>
      <c r="BD40" s="116">
        <v>1</v>
      </c>
      <c r="BE40" s="117">
        <v>1</v>
      </c>
      <c r="BF40" s="114">
        <v>0</v>
      </c>
      <c r="BG40" s="115">
        <v>0</v>
      </c>
      <c r="BH40" s="116">
        <v>0</v>
      </c>
      <c r="BI40" s="414">
        <v>0</v>
      </c>
      <c r="BJ40" s="115">
        <v>0</v>
      </c>
      <c r="BK40" s="115">
        <v>1</v>
      </c>
      <c r="BL40" s="115">
        <v>0</v>
      </c>
      <c r="BM40" s="115">
        <v>0</v>
      </c>
      <c r="BN40" s="115">
        <v>0</v>
      </c>
      <c r="BO40" s="116">
        <v>1</v>
      </c>
      <c r="BP40" s="117">
        <v>1</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2</v>
      </c>
      <c r="CR40" s="115">
        <v>2</v>
      </c>
      <c r="CS40" s="115">
        <v>1</v>
      </c>
      <c r="CT40" s="115">
        <v>0</v>
      </c>
      <c r="CU40" s="115">
        <v>0</v>
      </c>
      <c r="CV40" s="116">
        <v>5</v>
      </c>
      <c r="CW40" s="117">
        <v>5</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2</v>
      </c>
      <c r="GX40" s="110">
        <v>2</v>
      </c>
      <c r="GY40" s="110">
        <v>1</v>
      </c>
      <c r="GZ40" s="110">
        <v>0</v>
      </c>
      <c r="HA40" s="110">
        <v>0</v>
      </c>
      <c r="HB40" s="112">
        <v>5</v>
      </c>
      <c r="HC40" s="113">
        <v>5</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0</v>
      </c>
      <c r="HW40" s="115">
        <v>0</v>
      </c>
      <c r="HX40" s="116">
        <v>1</v>
      </c>
      <c r="HY40" s="117">
        <v>1</v>
      </c>
      <c r="HZ40" s="114">
        <v>0</v>
      </c>
      <c r="IA40" s="115">
        <v>0</v>
      </c>
      <c r="IB40" s="116">
        <v>0</v>
      </c>
      <c r="IC40" s="414">
        <v>0</v>
      </c>
      <c r="ID40" s="115">
        <v>1</v>
      </c>
      <c r="IE40" s="115">
        <v>1</v>
      </c>
      <c r="IF40" s="115">
        <v>0</v>
      </c>
      <c r="IG40" s="115">
        <v>0</v>
      </c>
      <c r="IH40" s="115">
        <v>0</v>
      </c>
      <c r="II40" s="116">
        <v>2</v>
      </c>
      <c r="IJ40" s="117">
        <v>2</v>
      </c>
      <c r="IK40" s="114">
        <v>0</v>
      </c>
      <c r="IL40" s="115">
        <v>0</v>
      </c>
      <c r="IM40" s="116">
        <v>0</v>
      </c>
      <c r="IN40" s="414">
        <v>0</v>
      </c>
      <c r="IO40" s="115">
        <v>1</v>
      </c>
      <c r="IP40" s="115">
        <v>0</v>
      </c>
      <c r="IQ40" s="115">
        <v>0</v>
      </c>
      <c r="IR40" s="115">
        <v>0</v>
      </c>
      <c r="IS40" s="115">
        <v>0</v>
      </c>
      <c r="IT40" s="116">
        <v>1</v>
      </c>
      <c r="IU40" s="117">
        <v>1</v>
      </c>
      <c r="IV40" s="114">
        <v>0</v>
      </c>
      <c r="IW40" s="115">
        <v>0</v>
      </c>
      <c r="IX40" s="116">
        <v>0</v>
      </c>
      <c r="IY40" s="414">
        <v>0</v>
      </c>
      <c r="IZ40" s="115">
        <v>0</v>
      </c>
      <c r="JA40" s="115">
        <v>1</v>
      </c>
      <c r="JB40" s="115">
        <v>0</v>
      </c>
      <c r="JC40" s="115">
        <v>0</v>
      </c>
      <c r="JD40" s="115">
        <v>0</v>
      </c>
      <c r="JE40" s="116">
        <v>1</v>
      </c>
      <c r="JF40" s="117">
        <v>1</v>
      </c>
      <c r="JG40" s="114">
        <v>0</v>
      </c>
      <c r="JH40" s="115">
        <v>0</v>
      </c>
      <c r="JI40" s="116">
        <v>0</v>
      </c>
      <c r="JJ40" s="414">
        <v>0</v>
      </c>
      <c r="JK40" s="115">
        <v>0</v>
      </c>
      <c r="JL40" s="115">
        <v>0</v>
      </c>
      <c r="JM40" s="115">
        <v>0</v>
      </c>
      <c r="JN40" s="115">
        <v>0</v>
      </c>
      <c r="JO40" s="115">
        <v>0</v>
      </c>
      <c r="JP40" s="116">
        <v>0</v>
      </c>
      <c r="JQ40" s="117">
        <v>0</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2</v>
      </c>
      <c r="KH40" s="115">
        <v>2</v>
      </c>
      <c r="KI40" s="115">
        <v>1</v>
      </c>
      <c r="KJ40" s="115">
        <v>0</v>
      </c>
      <c r="KK40" s="115">
        <v>0</v>
      </c>
      <c r="KL40" s="116">
        <v>5</v>
      </c>
      <c r="KM40" s="117">
        <v>5</v>
      </c>
    </row>
    <row r="41" spans="2:299" ht="32.25" customHeight="1" x14ac:dyDescent="0.2">
      <c r="C41" s="70"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7</v>
      </c>
      <c r="I1" s="440">
        <f>H1</f>
        <v>7</v>
      </c>
      <c r="J1" s="440"/>
    </row>
    <row r="2" spans="2:299" ht="24" customHeight="1" thickBot="1" x14ac:dyDescent="0.25">
      <c r="B2" s="10" t="s">
        <v>150</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494</v>
      </c>
      <c r="D7" s="86">
        <v>3452</v>
      </c>
      <c r="E7" s="87">
        <v>6946</v>
      </c>
      <c r="F7" s="412">
        <v>0</v>
      </c>
      <c r="G7" s="86">
        <v>4536</v>
      </c>
      <c r="H7" s="86">
        <v>4275</v>
      </c>
      <c r="I7" s="86">
        <v>2562</v>
      </c>
      <c r="J7" s="86">
        <v>2064</v>
      </c>
      <c r="K7" s="86">
        <v>1408</v>
      </c>
      <c r="L7" s="88">
        <v>14845</v>
      </c>
      <c r="M7" s="89">
        <v>21791</v>
      </c>
      <c r="N7" s="90">
        <v>118</v>
      </c>
      <c r="O7" s="91">
        <v>148</v>
      </c>
      <c r="P7" s="92">
        <v>266</v>
      </c>
      <c r="Q7" s="412">
        <v>0</v>
      </c>
      <c r="R7" s="91">
        <v>127</v>
      </c>
      <c r="S7" s="91">
        <v>139</v>
      </c>
      <c r="T7" s="91">
        <v>96</v>
      </c>
      <c r="U7" s="91">
        <v>94</v>
      </c>
      <c r="V7" s="91">
        <v>82</v>
      </c>
      <c r="W7" s="92">
        <v>538</v>
      </c>
      <c r="X7" s="93">
        <v>804</v>
      </c>
      <c r="Y7" s="90">
        <v>242</v>
      </c>
      <c r="Z7" s="91">
        <v>286</v>
      </c>
      <c r="AA7" s="92">
        <v>528</v>
      </c>
      <c r="AB7" s="412">
        <v>0</v>
      </c>
      <c r="AC7" s="91">
        <v>296</v>
      </c>
      <c r="AD7" s="91">
        <v>317</v>
      </c>
      <c r="AE7" s="91">
        <v>178</v>
      </c>
      <c r="AF7" s="91">
        <v>166</v>
      </c>
      <c r="AG7" s="91">
        <v>120</v>
      </c>
      <c r="AH7" s="92">
        <v>1077</v>
      </c>
      <c r="AI7" s="93">
        <v>1605</v>
      </c>
      <c r="AJ7" s="90">
        <v>411</v>
      </c>
      <c r="AK7" s="91">
        <v>447</v>
      </c>
      <c r="AL7" s="92">
        <v>858</v>
      </c>
      <c r="AM7" s="412">
        <v>0</v>
      </c>
      <c r="AN7" s="91">
        <v>542</v>
      </c>
      <c r="AO7" s="91">
        <v>503</v>
      </c>
      <c r="AP7" s="91">
        <v>288</v>
      </c>
      <c r="AQ7" s="91">
        <v>235</v>
      </c>
      <c r="AR7" s="91">
        <v>202</v>
      </c>
      <c r="AS7" s="92">
        <v>1770</v>
      </c>
      <c r="AT7" s="93">
        <v>2628</v>
      </c>
      <c r="AU7" s="90">
        <v>823</v>
      </c>
      <c r="AV7" s="91">
        <v>750</v>
      </c>
      <c r="AW7" s="92">
        <v>1573</v>
      </c>
      <c r="AX7" s="412">
        <v>0</v>
      </c>
      <c r="AY7" s="91">
        <v>1022</v>
      </c>
      <c r="AZ7" s="91">
        <v>855</v>
      </c>
      <c r="BA7" s="91">
        <v>495</v>
      </c>
      <c r="BB7" s="91">
        <v>420</v>
      </c>
      <c r="BC7" s="91">
        <v>278</v>
      </c>
      <c r="BD7" s="92">
        <v>3070</v>
      </c>
      <c r="BE7" s="93">
        <v>4643</v>
      </c>
      <c r="BF7" s="90">
        <v>1087</v>
      </c>
      <c r="BG7" s="91">
        <v>962</v>
      </c>
      <c r="BH7" s="92">
        <v>2049</v>
      </c>
      <c r="BI7" s="412">
        <v>0</v>
      </c>
      <c r="BJ7" s="91">
        <v>1338</v>
      </c>
      <c r="BK7" s="91">
        <v>1198</v>
      </c>
      <c r="BL7" s="91">
        <v>687</v>
      </c>
      <c r="BM7" s="91">
        <v>541</v>
      </c>
      <c r="BN7" s="91">
        <v>352</v>
      </c>
      <c r="BO7" s="92">
        <v>4116</v>
      </c>
      <c r="BP7" s="93">
        <v>6165</v>
      </c>
      <c r="BQ7" s="90">
        <v>813</v>
      </c>
      <c r="BR7" s="91">
        <v>859</v>
      </c>
      <c r="BS7" s="92">
        <v>1672</v>
      </c>
      <c r="BT7" s="412">
        <v>0</v>
      </c>
      <c r="BU7" s="91">
        <v>1211</v>
      </c>
      <c r="BV7" s="91">
        <v>1263</v>
      </c>
      <c r="BW7" s="91">
        <v>818</v>
      </c>
      <c r="BX7" s="91">
        <v>608</v>
      </c>
      <c r="BY7" s="91">
        <v>374</v>
      </c>
      <c r="BZ7" s="92">
        <v>4274</v>
      </c>
      <c r="CA7" s="93">
        <v>5946</v>
      </c>
      <c r="CB7" s="90">
        <v>0</v>
      </c>
      <c r="CC7" s="91">
        <v>0</v>
      </c>
      <c r="CD7" s="92">
        <v>0</v>
      </c>
      <c r="CE7" s="412">
        <v>0</v>
      </c>
      <c r="CF7" s="91">
        <v>0</v>
      </c>
      <c r="CG7" s="91">
        <v>0</v>
      </c>
      <c r="CH7" s="91">
        <v>0</v>
      </c>
      <c r="CI7" s="91">
        <v>0</v>
      </c>
      <c r="CJ7" s="91">
        <v>0</v>
      </c>
      <c r="CK7" s="92">
        <v>0</v>
      </c>
      <c r="CL7" s="93">
        <v>0</v>
      </c>
      <c r="CM7" s="90">
        <v>3494</v>
      </c>
      <c r="CN7" s="91">
        <v>3452</v>
      </c>
      <c r="CO7" s="92">
        <v>6946</v>
      </c>
      <c r="CP7" s="412">
        <v>0</v>
      </c>
      <c r="CQ7" s="91">
        <v>4536</v>
      </c>
      <c r="CR7" s="91">
        <v>4275</v>
      </c>
      <c r="CS7" s="91">
        <v>2562</v>
      </c>
      <c r="CT7" s="91">
        <v>2064</v>
      </c>
      <c r="CU7" s="91">
        <v>1408</v>
      </c>
      <c r="CV7" s="92">
        <v>14845</v>
      </c>
      <c r="CW7" s="93">
        <v>21791</v>
      </c>
      <c r="CX7" s="94">
        <v>1284</v>
      </c>
      <c r="CY7" s="86">
        <v>1499</v>
      </c>
      <c r="CZ7" s="87">
        <v>2783</v>
      </c>
      <c r="DA7" s="412">
        <v>0</v>
      </c>
      <c r="DB7" s="86">
        <v>1845</v>
      </c>
      <c r="DC7" s="86">
        <v>1683</v>
      </c>
      <c r="DD7" s="86">
        <v>1118</v>
      </c>
      <c r="DE7" s="86">
        <v>1118</v>
      </c>
      <c r="DF7" s="86">
        <v>714</v>
      </c>
      <c r="DG7" s="88">
        <v>6478</v>
      </c>
      <c r="DH7" s="89">
        <v>9261</v>
      </c>
      <c r="DI7" s="90">
        <v>31</v>
      </c>
      <c r="DJ7" s="91">
        <v>43</v>
      </c>
      <c r="DK7" s="92">
        <v>74</v>
      </c>
      <c r="DL7" s="412">
        <v>0</v>
      </c>
      <c r="DM7" s="91">
        <v>26</v>
      </c>
      <c r="DN7" s="91">
        <v>41</v>
      </c>
      <c r="DO7" s="91">
        <v>19</v>
      </c>
      <c r="DP7" s="91">
        <v>18</v>
      </c>
      <c r="DQ7" s="91">
        <v>15</v>
      </c>
      <c r="DR7" s="92">
        <v>119</v>
      </c>
      <c r="DS7" s="93">
        <v>193</v>
      </c>
      <c r="DT7" s="90">
        <v>92</v>
      </c>
      <c r="DU7" s="91">
        <v>110</v>
      </c>
      <c r="DV7" s="92">
        <v>202</v>
      </c>
      <c r="DW7" s="412">
        <v>0</v>
      </c>
      <c r="DX7" s="91">
        <v>62</v>
      </c>
      <c r="DY7" s="91">
        <v>68</v>
      </c>
      <c r="DZ7" s="91">
        <v>40</v>
      </c>
      <c r="EA7" s="91">
        <v>33</v>
      </c>
      <c r="EB7" s="91">
        <v>32</v>
      </c>
      <c r="EC7" s="92">
        <v>235</v>
      </c>
      <c r="ED7" s="93">
        <v>437</v>
      </c>
      <c r="EE7" s="90">
        <v>191</v>
      </c>
      <c r="EF7" s="91">
        <v>223</v>
      </c>
      <c r="EG7" s="92">
        <v>414</v>
      </c>
      <c r="EH7" s="412">
        <v>0</v>
      </c>
      <c r="EI7" s="91">
        <v>203</v>
      </c>
      <c r="EJ7" s="91">
        <v>176</v>
      </c>
      <c r="EK7" s="91">
        <v>86</v>
      </c>
      <c r="EL7" s="91">
        <v>73</v>
      </c>
      <c r="EM7" s="91">
        <v>62</v>
      </c>
      <c r="EN7" s="92">
        <v>600</v>
      </c>
      <c r="EO7" s="93">
        <v>1014</v>
      </c>
      <c r="EP7" s="90">
        <v>384</v>
      </c>
      <c r="EQ7" s="91">
        <v>351</v>
      </c>
      <c r="ER7" s="92">
        <v>735</v>
      </c>
      <c r="ES7" s="412">
        <v>0</v>
      </c>
      <c r="ET7" s="91">
        <v>378</v>
      </c>
      <c r="EU7" s="91">
        <v>302</v>
      </c>
      <c r="EV7" s="91">
        <v>183</v>
      </c>
      <c r="EW7" s="91">
        <v>159</v>
      </c>
      <c r="EX7" s="91">
        <v>100</v>
      </c>
      <c r="EY7" s="92">
        <v>1122</v>
      </c>
      <c r="EZ7" s="93">
        <v>1857</v>
      </c>
      <c r="FA7" s="90">
        <v>345</v>
      </c>
      <c r="FB7" s="91">
        <v>444</v>
      </c>
      <c r="FC7" s="92">
        <v>789</v>
      </c>
      <c r="FD7" s="412">
        <v>0</v>
      </c>
      <c r="FE7" s="91">
        <v>563</v>
      </c>
      <c r="FF7" s="91">
        <v>467</v>
      </c>
      <c r="FG7" s="91">
        <v>271</v>
      </c>
      <c r="FH7" s="91">
        <v>270</v>
      </c>
      <c r="FI7" s="91">
        <v>163</v>
      </c>
      <c r="FJ7" s="92">
        <v>1734</v>
      </c>
      <c r="FK7" s="93">
        <v>2523</v>
      </c>
      <c r="FL7" s="90">
        <v>241</v>
      </c>
      <c r="FM7" s="91">
        <v>328</v>
      </c>
      <c r="FN7" s="92">
        <v>569</v>
      </c>
      <c r="FO7" s="412">
        <v>0</v>
      </c>
      <c r="FP7" s="91">
        <v>613</v>
      </c>
      <c r="FQ7" s="91">
        <v>629</v>
      </c>
      <c r="FR7" s="91">
        <v>519</v>
      </c>
      <c r="FS7" s="91">
        <v>565</v>
      </c>
      <c r="FT7" s="91">
        <v>342</v>
      </c>
      <c r="FU7" s="92">
        <v>2668</v>
      </c>
      <c r="FV7" s="93">
        <v>3237</v>
      </c>
      <c r="FW7" s="90">
        <v>0</v>
      </c>
      <c r="FX7" s="91">
        <v>0</v>
      </c>
      <c r="FY7" s="92">
        <v>0</v>
      </c>
      <c r="FZ7" s="412">
        <v>0</v>
      </c>
      <c r="GA7" s="91">
        <v>0</v>
      </c>
      <c r="GB7" s="91">
        <v>0</v>
      </c>
      <c r="GC7" s="91">
        <v>0</v>
      </c>
      <c r="GD7" s="91">
        <v>0</v>
      </c>
      <c r="GE7" s="91">
        <v>0</v>
      </c>
      <c r="GF7" s="92">
        <v>0</v>
      </c>
      <c r="GG7" s="93">
        <v>0</v>
      </c>
      <c r="GH7" s="90">
        <v>1284</v>
      </c>
      <c r="GI7" s="91">
        <v>1499</v>
      </c>
      <c r="GJ7" s="92">
        <v>2783</v>
      </c>
      <c r="GK7" s="412">
        <v>0</v>
      </c>
      <c r="GL7" s="91">
        <v>1845</v>
      </c>
      <c r="GM7" s="91">
        <v>1683</v>
      </c>
      <c r="GN7" s="91">
        <v>1118</v>
      </c>
      <c r="GO7" s="91">
        <v>1118</v>
      </c>
      <c r="GP7" s="91">
        <v>714</v>
      </c>
      <c r="GQ7" s="92">
        <v>6478</v>
      </c>
      <c r="GR7" s="93">
        <v>9261</v>
      </c>
      <c r="GS7" s="94">
        <v>4778</v>
      </c>
      <c r="GT7" s="86">
        <v>4951</v>
      </c>
      <c r="GU7" s="87">
        <v>9729</v>
      </c>
      <c r="GV7" s="412">
        <v>0</v>
      </c>
      <c r="GW7" s="86">
        <v>6381</v>
      </c>
      <c r="GX7" s="86">
        <v>5958</v>
      </c>
      <c r="GY7" s="86">
        <v>3680</v>
      </c>
      <c r="GZ7" s="86">
        <v>3182</v>
      </c>
      <c r="HA7" s="86">
        <v>2122</v>
      </c>
      <c r="HB7" s="88">
        <v>21323</v>
      </c>
      <c r="HC7" s="89">
        <v>31052</v>
      </c>
      <c r="HD7" s="90">
        <v>149</v>
      </c>
      <c r="HE7" s="91">
        <v>191</v>
      </c>
      <c r="HF7" s="92">
        <v>340</v>
      </c>
      <c r="HG7" s="412">
        <v>0</v>
      </c>
      <c r="HH7" s="91">
        <v>153</v>
      </c>
      <c r="HI7" s="91">
        <v>180</v>
      </c>
      <c r="HJ7" s="91">
        <v>115</v>
      </c>
      <c r="HK7" s="91">
        <v>112</v>
      </c>
      <c r="HL7" s="91">
        <v>97</v>
      </c>
      <c r="HM7" s="92">
        <v>657</v>
      </c>
      <c r="HN7" s="93">
        <v>997</v>
      </c>
      <c r="HO7" s="90">
        <v>334</v>
      </c>
      <c r="HP7" s="91">
        <v>396</v>
      </c>
      <c r="HQ7" s="92">
        <v>730</v>
      </c>
      <c r="HR7" s="412">
        <v>0</v>
      </c>
      <c r="HS7" s="91">
        <v>358</v>
      </c>
      <c r="HT7" s="91">
        <v>385</v>
      </c>
      <c r="HU7" s="91">
        <v>218</v>
      </c>
      <c r="HV7" s="91">
        <v>199</v>
      </c>
      <c r="HW7" s="91">
        <v>152</v>
      </c>
      <c r="HX7" s="92">
        <v>1312</v>
      </c>
      <c r="HY7" s="93">
        <v>2042</v>
      </c>
      <c r="HZ7" s="90">
        <v>602</v>
      </c>
      <c r="IA7" s="91">
        <v>670</v>
      </c>
      <c r="IB7" s="92">
        <v>1272</v>
      </c>
      <c r="IC7" s="412">
        <v>0</v>
      </c>
      <c r="ID7" s="91">
        <v>745</v>
      </c>
      <c r="IE7" s="91">
        <v>679</v>
      </c>
      <c r="IF7" s="91">
        <v>374</v>
      </c>
      <c r="IG7" s="91">
        <v>308</v>
      </c>
      <c r="IH7" s="91">
        <v>264</v>
      </c>
      <c r="II7" s="92">
        <v>2370</v>
      </c>
      <c r="IJ7" s="93">
        <v>3642</v>
      </c>
      <c r="IK7" s="90">
        <v>1207</v>
      </c>
      <c r="IL7" s="91">
        <v>1101</v>
      </c>
      <c r="IM7" s="92">
        <v>2308</v>
      </c>
      <c r="IN7" s="412">
        <v>0</v>
      </c>
      <c r="IO7" s="91">
        <v>1400</v>
      </c>
      <c r="IP7" s="91">
        <v>1157</v>
      </c>
      <c r="IQ7" s="91">
        <v>678</v>
      </c>
      <c r="IR7" s="91">
        <v>579</v>
      </c>
      <c r="IS7" s="91">
        <v>378</v>
      </c>
      <c r="IT7" s="92">
        <v>4192</v>
      </c>
      <c r="IU7" s="93">
        <v>6500</v>
      </c>
      <c r="IV7" s="90">
        <v>1432</v>
      </c>
      <c r="IW7" s="91">
        <v>1406</v>
      </c>
      <c r="IX7" s="92">
        <v>2838</v>
      </c>
      <c r="IY7" s="412">
        <v>0</v>
      </c>
      <c r="IZ7" s="91">
        <v>1901</v>
      </c>
      <c r="JA7" s="91">
        <v>1665</v>
      </c>
      <c r="JB7" s="91">
        <v>958</v>
      </c>
      <c r="JC7" s="91">
        <v>811</v>
      </c>
      <c r="JD7" s="91">
        <v>515</v>
      </c>
      <c r="JE7" s="92">
        <v>5850</v>
      </c>
      <c r="JF7" s="93">
        <v>8688</v>
      </c>
      <c r="JG7" s="90">
        <v>1054</v>
      </c>
      <c r="JH7" s="91">
        <v>1187</v>
      </c>
      <c r="JI7" s="92">
        <v>2241</v>
      </c>
      <c r="JJ7" s="412">
        <v>0</v>
      </c>
      <c r="JK7" s="91">
        <v>1824</v>
      </c>
      <c r="JL7" s="91">
        <v>1892</v>
      </c>
      <c r="JM7" s="91">
        <v>1337</v>
      </c>
      <c r="JN7" s="91">
        <v>1173</v>
      </c>
      <c r="JO7" s="91">
        <v>716</v>
      </c>
      <c r="JP7" s="92">
        <v>6942</v>
      </c>
      <c r="JQ7" s="93">
        <v>9183</v>
      </c>
      <c r="JR7" s="90">
        <v>0</v>
      </c>
      <c r="JS7" s="91">
        <v>0</v>
      </c>
      <c r="JT7" s="92">
        <v>0</v>
      </c>
      <c r="JU7" s="412">
        <v>0</v>
      </c>
      <c r="JV7" s="91">
        <v>0</v>
      </c>
      <c r="JW7" s="91">
        <v>0</v>
      </c>
      <c r="JX7" s="91">
        <v>0</v>
      </c>
      <c r="JY7" s="91">
        <v>0</v>
      </c>
      <c r="JZ7" s="91">
        <v>0</v>
      </c>
      <c r="KA7" s="92">
        <v>0</v>
      </c>
      <c r="KB7" s="93">
        <v>0</v>
      </c>
      <c r="KC7" s="90">
        <v>4778</v>
      </c>
      <c r="KD7" s="91">
        <v>4951</v>
      </c>
      <c r="KE7" s="92">
        <v>9729</v>
      </c>
      <c r="KF7" s="412">
        <v>0</v>
      </c>
      <c r="KG7" s="91">
        <v>6381</v>
      </c>
      <c r="KH7" s="91">
        <v>5958</v>
      </c>
      <c r="KI7" s="91">
        <v>3680</v>
      </c>
      <c r="KJ7" s="91">
        <v>3182</v>
      </c>
      <c r="KK7" s="91">
        <v>2122</v>
      </c>
      <c r="KL7" s="92">
        <v>21323</v>
      </c>
      <c r="KM7" s="93">
        <v>31052</v>
      </c>
    </row>
    <row r="8" spans="2:299" s="70" customFormat="1" ht="21" customHeight="1" x14ac:dyDescent="0.2">
      <c r="B8" s="95" t="s">
        <v>5</v>
      </c>
      <c r="C8" s="96">
        <v>1521</v>
      </c>
      <c r="D8" s="97">
        <v>1815</v>
      </c>
      <c r="E8" s="98">
        <v>3336</v>
      </c>
      <c r="F8" s="413">
        <v>0</v>
      </c>
      <c r="G8" s="97">
        <v>1668</v>
      </c>
      <c r="H8" s="97">
        <v>2057</v>
      </c>
      <c r="I8" s="97">
        <v>1187</v>
      </c>
      <c r="J8" s="97">
        <v>933</v>
      </c>
      <c r="K8" s="97">
        <v>624</v>
      </c>
      <c r="L8" s="99">
        <v>6469</v>
      </c>
      <c r="M8" s="100">
        <v>9805</v>
      </c>
      <c r="N8" s="101">
        <v>47</v>
      </c>
      <c r="O8" s="102">
        <v>70</v>
      </c>
      <c r="P8" s="103">
        <v>117</v>
      </c>
      <c r="Q8" s="413">
        <v>0</v>
      </c>
      <c r="R8" s="102">
        <v>41</v>
      </c>
      <c r="S8" s="102">
        <v>71</v>
      </c>
      <c r="T8" s="102">
        <v>41</v>
      </c>
      <c r="U8" s="102">
        <v>47</v>
      </c>
      <c r="V8" s="102">
        <v>31</v>
      </c>
      <c r="W8" s="103">
        <v>231</v>
      </c>
      <c r="X8" s="104">
        <v>348</v>
      </c>
      <c r="Y8" s="101">
        <v>101</v>
      </c>
      <c r="Z8" s="102">
        <v>145</v>
      </c>
      <c r="AA8" s="103">
        <v>246</v>
      </c>
      <c r="AB8" s="413">
        <v>0</v>
      </c>
      <c r="AC8" s="102">
        <v>90</v>
      </c>
      <c r="AD8" s="102">
        <v>141</v>
      </c>
      <c r="AE8" s="102">
        <v>77</v>
      </c>
      <c r="AF8" s="102">
        <v>72</v>
      </c>
      <c r="AG8" s="102">
        <v>51</v>
      </c>
      <c r="AH8" s="103">
        <v>431</v>
      </c>
      <c r="AI8" s="104">
        <v>677</v>
      </c>
      <c r="AJ8" s="101">
        <v>161</v>
      </c>
      <c r="AK8" s="102">
        <v>228</v>
      </c>
      <c r="AL8" s="103">
        <v>389</v>
      </c>
      <c r="AM8" s="413">
        <v>0</v>
      </c>
      <c r="AN8" s="102">
        <v>168</v>
      </c>
      <c r="AO8" s="102">
        <v>248</v>
      </c>
      <c r="AP8" s="102">
        <v>128</v>
      </c>
      <c r="AQ8" s="102">
        <v>107</v>
      </c>
      <c r="AR8" s="102">
        <v>79</v>
      </c>
      <c r="AS8" s="103">
        <v>730</v>
      </c>
      <c r="AT8" s="104">
        <v>1119</v>
      </c>
      <c r="AU8" s="101">
        <v>366</v>
      </c>
      <c r="AV8" s="102">
        <v>399</v>
      </c>
      <c r="AW8" s="103">
        <v>765</v>
      </c>
      <c r="AX8" s="413">
        <v>0</v>
      </c>
      <c r="AY8" s="102">
        <v>343</v>
      </c>
      <c r="AZ8" s="102">
        <v>391</v>
      </c>
      <c r="BA8" s="102">
        <v>226</v>
      </c>
      <c r="BB8" s="102">
        <v>187</v>
      </c>
      <c r="BC8" s="102">
        <v>115</v>
      </c>
      <c r="BD8" s="103">
        <v>1262</v>
      </c>
      <c r="BE8" s="104">
        <v>2027</v>
      </c>
      <c r="BF8" s="101">
        <v>483</v>
      </c>
      <c r="BG8" s="102">
        <v>516</v>
      </c>
      <c r="BH8" s="103">
        <v>999</v>
      </c>
      <c r="BI8" s="413">
        <v>0</v>
      </c>
      <c r="BJ8" s="102">
        <v>546</v>
      </c>
      <c r="BK8" s="102">
        <v>589</v>
      </c>
      <c r="BL8" s="102">
        <v>318</v>
      </c>
      <c r="BM8" s="102">
        <v>262</v>
      </c>
      <c r="BN8" s="102">
        <v>157</v>
      </c>
      <c r="BO8" s="103">
        <v>1872</v>
      </c>
      <c r="BP8" s="104">
        <v>2871</v>
      </c>
      <c r="BQ8" s="101">
        <v>363</v>
      </c>
      <c r="BR8" s="102">
        <v>457</v>
      </c>
      <c r="BS8" s="103">
        <v>820</v>
      </c>
      <c r="BT8" s="413">
        <v>0</v>
      </c>
      <c r="BU8" s="102">
        <v>480</v>
      </c>
      <c r="BV8" s="102">
        <v>617</v>
      </c>
      <c r="BW8" s="102">
        <v>397</v>
      </c>
      <c r="BX8" s="102">
        <v>258</v>
      </c>
      <c r="BY8" s="102">
        <v>191</v>
      </c>
      <c r="BZ8" s="103">
        <v>1943</v>
      </c>
      <c r="CA8" s="104">
        <v>2763</v>
      </c>
      <c r="CB8" s="101">
        <v>0</v>
      </c>
      <c r="CC8" s="102">
        <v>0</v>
      </c>
      <c r="CD8" s="103">
        <v>0</v>
      </c>
      <c r="CE8" s="413">
        <v>0</v>
      </c>
      <c r="CF8" s="102">
        <v>0</v>
      </c>
      <c r="CG8" s="102">
        <v>0</v>
      </c>
      <c r="CH8" s="102">
        <v>0</v>
      </c>
      <c r="CI8" s="102">
        <v>0</v>
      </c>
      <c r="CJ8" s="102">
        <v>0</v>
      </c>
      <c r="CK8" s="103">
        <v>0</v>
      </c>
      <c r="CL8" s="104">
        <v>0</v>
      </c>
      <c r="CM8" s="101">
        <v>1521</v>
      </c>
      <c r="CN8" s="102">
        <v>1815</v>
      </c>
      <c r="CO8" s="103">
        <v>3336</v>
      </c>
      <c r="CP8" s="413">
        <v>0</v>
      </c>
      <c r="CQ8" s="102">
        <v>1668</v>
      </c>
      <c r="CR8" s="102">
        <v>2057</v>
      </c>
      <c r="CS8" s="102">
        <v>1187</v>
      </c>
      <c r="CT8" s="102">
        <v>933</v>
      </c>
      <c r="CU8" s="102">
        <v>624</v>
      </c>
      <c r="CV8" s="103">
        <v>6469</v>
      </c>
      <c r="CW8" s="104">
        <v>9805</v>
      </c>
      <c r="CX8" s="105">
        <v>503</v>
      </c>
      <c r="CY8" s="97">
        <v>686</v>
      </c>
      <c r="CZ8" s="98">
        <v>1189</v>
      </c>
      <c r="DA8" s="413">
        <v>0</v>
      </c>
      <c r="DB8" s="97">
        <v>680</v>
      </c>
      <c r="DC8" s="97">
        <v>792</v>
      </c>
      <c r="DD8" s="97">
        <v>485</v>
      </c>
      <c r="DE8" s="97">
        <v>499</v>
      </c>
      <c r="DF8" s="97">
        <v>322</v>
      </c>
      <c r="DG8" s="99">
        <v>2778</v>
      </c>
      <c r="DH8" s="100">
        <v>3967</v>
      </c>
      <c r="DI8" s="101">
        <v>10</v>
      </c>
      <c r="DJ8" s="102">
        <v>16</v>
      </c>
      <c r="DK8" s="103">
        <v>26</v>
      </c>
      <c r="DL8" s="413">
        <v>0</v>
      </c>
      <c r="DM8" s="102">
        <v>11</v>
      </c>
      <c r="DN8" s="102">
        <v>20</v>
      </c>
      <c r="DO8" s="102">
        <v>7</v>
      </c>
      <c r="DP8" s="102">
        <v>10</v>
      </c>
      <c r="DQ8" s="102">
        <v>8</v>
      </c>
      <c r="DR8" s="103">
        <v>56</v>
      </c>
      <c r="DS8" s="104">
        <v>82</v>
      </c>
      <c r="DT8" s="101">
        <v>37</v>
      </c>
      <c r="DU8" s="102">
        <v>50</v>
      </c>
      <c r="DV8" s="103">
        <v>87</v>
      </c>
      <c r="DW8" s="413">
        <v>0</v>
      </c>
      <c r="DX8" s="102">
        <v>13</v>
      </c>
      <c r="DY8" s="102">
        <v>35</v>
      </c>
      <c r="DZ8" s="102">
        <v>16</v>
      </c>
      <c r="EA8" s="102">
        <v>17</v>
      </c>
      <c r="EB8" s="102">
        <v>20</v>
      </c>
      <c r="EC8" s="103">
        <v>101</v>
      </c>
      <c r="ED8" s="104">
        <v>188</v>
      </c>
      <c r="EE8" s="101">
        <v>72</v>
      </c>
      <c r="EF8" s="102">
        <v>102</v>
      </c>
      <c r="EG8" s="103">
        <v>174</v>
      </c>
      <c r="EH8" s="413">
        <v>0</v>
      </c>
      <c r="EI8" s="102">
        <v>70</v>
      </c>
      <c r="EJ8" s="102">
        <v>88</v>
      </c>
      <c r="EK8" s="102">
        <v>31</v>
      </c>
      <c r="EL8" s="102">
        <v>36</v>
      </c>
      <c r="EM8" s="102">
        <v>29</v>
      </c>
      <c r="EN8" s="103">
        <v>254</v>
      </c>
      <c r="EO8" s="104">
        <v>428</v>
      </c>
      <c r="EP8" s="101">
        <v>146</v>
      </c>
      <c r="EQ8" s="102">
        <v>175</v>
      </c>
      <c r="ER8" s="103">
        <v>321</v>
      </c>
      <c r="ES8" s="413">
        <v>0</v>
      </c>
      <c r="ET8" s="102">
        <v>148</v>
      </c>
      <c r="EU8" s="102">
        <v>133</v>
      </c>
      <c r="EV8" s="102">
        <v>93</v>
      </c>
      <c r="EW8" s="102">
        <v>69</v>
      </c>
      <c r="EX8" s="102">
        <v>38</v>
      </c>
      <c r="EY8" s="103">
        <v>481</v>
      </c>
      <c r="EZ8" s="104">
        <v>802</v>
      </c>
      <c r="FA8" s="101">
        <v>141</v>
      </c>
      <c r="FB8" s="102">
        <v>208</v>
      </c>
      <c r="FC8" s="103">
        <v>349</v>
      </c>
      <c r="FD8" s="413">
        <v>0</v>
      </c>
      <c r="FE8" s="102">
        <v>215</v>
      </c>
      <c r="FF8" s="102">
        <v>218</v>
      </c>
      <c r="FG8" s="102">
        <v>115</v>
      </c>
      <c r="FH8" s="102">
        <v>129</v>
      </c>
      <c r="FI8" s="102">
        <v>73</v>
      </c>
      <c r="FJ8" s="103">
        <v>750</v>
      </c>
      <c r="FK8" s="104">
        <v>1099</v>
      </c>
      <c r="FL8" s="101">
        <v>97</v>
      </c>
      <c r="FM8" s="102">
        <v>135</v>
      </c>
      <c r="FN8" s="103">
        <v>232</v>
      </c>
      <c r="FO8" s="413">
        <v>0</v>
      </c>
      <c r="FP8" s="102">
        <v>223</v>
      </c>
      <c r="FQ8" s="102">
        <v>298</v>
      </c>
      <c r="FR8" s="102">
        <v>223</v>
      </c>
      <c r="FS8" s="102">
        <v>238</v>
      </c>
      <c r="FT8" s="102">
        <v>154</v>
      </c>
      <c r="FU8" s="103">
        <v>1136</v>
      </c>
      <c r="FV8" s="104">
        <v>1368</v>
      </c>
      <c r="FW8" s="101">
        <v>0</v>
      </c>
      <c r="FX8" s="102">
        <v>0</v>
      </c>
      <c r="FY8" s="103">
        <v>0</v>
      </c>
      <c r="FZ8" s="413">
        <v>0</v>
      </c>
      <c r="GA8" s="102">
        <v>0</v>
      </c>
      <c r="GB8" s="102">
        <v>0</v>
      </c>
      <c r="GC8" s="102">
        <v>0</v>
      </c>
      <c r="GD8" s="102">
        <v>0</v>
      </c>
      <c r="GE8" s="102">
        <v>0</v>
      </c>
      <c r="GF8" s="103">
        <v>0</v>
      </c>
      <c r="GG8" s="104">
        <v>0</v>
      </c>
      <c r="GH8" s="101">
        <v>503</v>
      </c>
      <c r="GI8" s="102">
        <v>686</v>
      </c>
      <c r="GJ8" s="103">
        <v>1189</v>
      </c>
      <c r="GK8" s="413">
        <v>0</v>
      </c>
      <c r="GL8" s="102">
        <v>680</v>
      </c>
      <c r="GM8" s="102">
        <v>792</v>
      </c>
      <c r="GN8" s="102">
        <v>485</v>
      </c>
      <c r="GO8" s="102">
        <v>499</v>
      </c>
      <c r="GP8" s="102">
        <v>322</v>
      </c>
      <c r="GQ8" s="103">
        <v>2778</v>
      </c>
      <c r="GR8" s="104">
        <v>3967</v>
      </c>
      <c r="GS8" s="105">
        <v>2024</v>
      </c>
      <c r="GT8" s="97">
        <v>2501</v>
      </c>
      <c r="GU8" s="98">
        <v>4525</v>
      </c>
      <c r="GV8" s="413">
        <v>0</v>
      </c>
      <c r="GW8" s="97">
        <v>2348</v>
      </c>
      <c r="GX8" s="97">
        <v>2849</v>
      </c>
      <c r="GY8" s="97">
        <v>1672</v>
      </c>
      <c r="GZ8" s="97">
        <v>1432</v>
      </c>
      <c r="HA8" s="97">
        <v>946</v>
      </c>
      <c r="HB8" s="99">
        <v>9247</v>
      </c>
      <c r="HC8" s="100">
        <v>13772</v>
      </c>
      <c r="HD8" s="101">
        <v>57</v>
      </c>
      <c r="HE8" s="102">
        <v>86</v>
      </c>
      <c r="HF8" s="103">
        <v>143</v>
      </c>
      <c r="HG8" s="413">
        <v>0</v>
      </c>
      <c r="HH8" s="102">
        <v>52</v>
      </c>
      <c r="HI8" s="102">
        <v>91</v>
      </c>
      <c r="HJ8" s="102">
        <v>48</v>
      </c>
      <c r="HK8" s="102">
        <v>57</v>
      </c>
      <c r="HL8" s="102">
        <v>39</v>
      </c>
      <c r="HM8" s="103">
        <v>287</v>
      </c>
      <c r="HN8" s="104">
        <v>430</v>
      </c>
      <c r="HO8" s="101">
        <v>138</v>
      </c>
      <c r="HP8" s="102">
        <v>195</v>
      </c>
      <c r="HQ8" s="103">
        <v>333</v>
      </c>
      <c r="HR8" s="413">
        <v>0</v>
      </c>
      <c r="HS8" s="102">
        <v>103</v>
      </c>
      <c r="HT8" s="102">
        <v>176</v>
      </c>
      <c r="HU8" s="102">
        <v>93</v>
      </c>
      <c r="HV8" s="102">
        <v>89</v>
      </c>
      <c r="HW8" s="102">
        <v>71</v>
      </c>
      <c r="HX8" s="103">
        <v>532</v>
      </c>
      <c r="HY8" s="104">
        <v>865</v>
      </c>
      <c r="HZ8" s="101">
        <v>233</v>
      </c>
      <c r="IA8" s="102">
        <v>330</v>
      </c>
      <c r="IB8" s="103">
        <v>563</v>
      </c>
      <c r="IC8" s="413">
        <v>0</v>
      </c>
      <c r="ID8" s="102">
        <v>238</v>
      </c>
      <c r="IE8" s="102">
        <v>336</v>
      </c>
      <c r="IF8" s="102">
        <v>159</v>
      </c>
      <c r="IG8" s="102">
        <v>143</v>
      </c>
      <c r="IH8" s="102">
        <v>108</v>
      </c>
      <c r="II8" s="103">
        <v>984</v>
      </c>
      <c r="IJ8" s="104">
        <v>1547</v>
      </c>
      <c r="IK8" s="101">
        <v>512</v>
      </c>
      <c r="IL8" s="102">
        <v>574</v>
      </c>
      <c r="IM8" s="103">
        <v>1086</v>
      </c>
      <c r="IN8" s="413">
        <v>0</v>
      </c>
      <c r="IO8" s="102">
        <v>491</v>
      </c>
      <c r="IP8" s="102">
        <v>524</v>
      </c>
      <c r="IQ8" s="102">
        <v>319</v>
      </c>
      <c r="IR8" s="102">
        <v>256</v>
      </c>
      <c r="IS8" s="102">
        <v>153</v>
      </c>
      <c r="IT8" s="103">
        <v>1743</v>
      </c>
      <c r="IU8" s="104">
        <v>2829</v>
      </c>
      <c r="IV8" s="101">
        <v>624</v>
      </c>
      <c r="IW8" s="102">
        <v>724</v>
      </c>
      <c r="IX8" s="103">
        <v>1348</v>
      </c>
      <c r="IY8" s="413">
        <v>0</v>
      </c>
      <c r="IZ8" s="102">
        <v>761</v>
      </c>
      <c r="JA8" s="102">
        <v>807</v>
      </c>
      <c r="JB8" s="102">
        <v>433</v>
      </c>
      <c r="JC8" s="102">
        <v>391</v>
      </c>
      <c r="JD8" s="102">
        <v>230</v>
      </c>
      <c r="JE8" s="103">
        <v>2622</v>
      </c>
      <c r="JF8" s="104">
        <v>3970</v>
      </c>
      <c r="JG8" s="101">
        <v>460</v>
      </c>
      <c r="JH8" s="102">
        <v>592</v>
      </c>
      <c r="JI8" s="103">
        <v>1052</v>
      </c>
      <c r="JJ8" s="413">
        <v>0</v>
      </c>
      <c r="JK8" s="102">
        <v>703</v>
      </c>
      <c r="JL8" s="102">
        <v>915</v>
      </c>
      <c r="JM8" s="102">
        <v>620</v>
      </c>
      <c r="JN8" s="102">
        <v>496</v>
      </c>
      <c r="JO8" s="102">
        <v>345</v>
      </c>
      <c r="JP8" s="103">
        <v>3079</v>
      </c>
      <c r="JQ8" s="104">
        <v>4131</v>
      </c>
      <c r="JR8" s="101">
        <v>0</v>
      </c>
      <c r="JS8" s="102">
        <v>0</v>
      </c>
      <c r="JT8" s="103">
        <v>0</v>
      </c>
      <c r="JU8" s="413">
        <v>0</v>
      </c>
      <c r="JV8" s="102">
        <v>0</v>
      </c>
      <c r="JW8" s="102">
        <v>0</v>
      </c>
      <c r="JX8" s="102">
        <v>0</v>
      </c>
      <c r="JY8" s="102">
        <v>0</v>
      </c>
      <c r="JZ8" s="102">
        <v>0</v>
      </c>
      <c r="KA8" s="103">
        <v>0</v>
      </c>
      <c r="KB8" s="104">
        <v>0</v>
      </c>
      <c r="KC8" s="101">
        <v>2024</v>
      </c>
      <c r="KD8" s="102">
        <v>2501</v>
      </c>
      <c r="KE8" s="103">
        <v>4525</v>
      </c>
      <c r="KF8" s="413">
        <v>0</v>
      </c>
      <c r="KG8" s="102">
        <v>2348</v>
      </c>
      <c r="KH8" s="102">
        <v>2849</v>
      </c>
      <c r="KI8" s="102">
        <v>1672</v>
      </c>
      <c r="KJ8" s="102">
        <v>1432</v>
      </c>
      <c r="KK8" s="102">
        <v>946</v>
      </c>
      <c r="KL8" s="103">
        <v>9247</v>
      </c>
      <c r="KM8" s="104">
        <v>13772</v>
      </c>
    </row>
    <row r="9" spans="2:299" s="70" customFormat="1" ht="21" customHeight="1" x14ac:dyDescent="0.2">
      <c r="B9" s="106" t="s">
        <v>6</v>
      </c>
      <c r="C9" s="96">
        <v>450</v>
      </c>
      <c r="D9" s="97">
        <v>398</v>
      </c>
      <c r="E9" s="98">
        <v>848</v>
      </c>
      <c r="F9" s="413">
        <v>0</v>
      </c>
      <c r="G9" s="97">
        <v>797</v>
      </c>
      <c r="H9" s="97">
        <v>599</v>
      </c>
      <c r="I9" s="97">
        <v>353</v>
      </c>
      <c r="J9" s="97">
        <v>318</v>
      </c>
      <c r="K9" s="97">
        <v>229</v>
      </c>
      <c r="L9" s="99">
        <v>2296</v>
      </c>
      <c r="M9" s="100">
        <v>3144</v>
      </c>
      <c r="N9" s="101">
        <v>23</v>
      </c>
      <c r="O9" s="102">
        <v>18</v>
      </c>
      <c r="P9" s="103">
        <v>41</v>
      </c>
      <c r="Q9" s="413">
        <v>0</v>
      </c>
      <c r="R9" s="102">
        <v>32</v>
      </c>
      <c r="S9" s="102">
        <v>22</v>
      </c>
      <c r="T9" s="102">
        <v>11</v>
      </c>
      <c r="U9" s="102">
        <v>15</v>
      </c>
      <c r="V9" s="102">
        <v>16</v>
      </c>
      <c r="W9" s="103">
        <v>96</v>
      </c>
      <c r="X9" s="104">
        <v>137</v>
      </c>
      <c r="Y9" s="101">
        <v>34</v>
      </c>
      <c r="Z9" s="102">
        <v>33</v>
      </c>
      <c r="AA9" s="103">
        <v>67</v>
      </c>
      <c r="AB9" s="413">
        <v>0</v>
      </c>
      <c r="AC9" s="102">
        <v>51</v>
      </c>
      <c r="AD9" s="102">
        <v>46</v>
      </c>
      <c r="AE9" s="102">
        <v>22</v>
      </c>
      <c r="AF9" s="102">
        <v>27</v>
      </c>
      <c r="AG9" s="102">
        <v>21</v>
      </c>
      <c r="AH9" s="103">
        <v>167</v>
      </c>
      <c r="AI9" s="104">
        <v>234</v>
      </c>
      <c r="AJ9" s="101">
        <v>63</v>
      </c>
      <c r="AK9" s="102">
        <v>54</v>
      </c>
      <c r="AL9" s="103">
        <v>117</v>
      </c>
      <c r="AM9" s="413">
        <v>0</v>
      </c>
      <c r="AN9" s="102">
        <v>105</v>
      </c>
      <c r="AO9" s="102">
        <v>62</v>
      </c>
      <c r="AP9" s="102">
        <v>43</v>
      </c>
      <c r="AQ9" s="102">
        <v>41</v>
      </c>
      <c r="AR9" s="102">
        <v>36</v>
      </c>
      <c r="AS9" s="103">
        <v>287</v>
      </c>
      <c r="AT9" s="104">
        <v>404</v>
      </c>
      <c r="AU9" s="101">
        <v>105</v>
      </c>
      <c r="AV9" s="102">
        <v>74</v>
      </c>
      <c r="AW9" s="103">
        <v>179</v>
      </c>
      <c r="AX9" s="413">
        <v>0</v>
      </c>
      <c r="AY9" s="102">
        <v>184</v>
      </c>
      <c r="AZ9" s="102">
        <v>126</v>
      </c>
      <c r="BA9" s="102">
        <v>66</v>
      </c>
      <c r="BB9" s="102">
        <v>63</v>
      </c>
      <c r="BC9" s="102">
        <v>37</v>
      </c>
      <c r="BD9" s="103">
        <v>476</v>
      </c>
      <c r="BE9" s="104">
        <v>655</v>
      </c>
      <c r="BF9" s="101">
        <v>126</v>
      </c>
      <c r="BG9" s="102">
        <v>107</v>
      </c>
      <c r="BH9" s="103">
        <v>233</v>
      </c>
      <c r="BI9" s="413">
        <v>0</v>
      </c>
      <c r="BJ9" s="102">
        <v>219</v>
      </c>
      <c r="BK9" s="102">
        <v>150</v>
      </c>
      <c r="BL9" s="102">
        <v>88</v>
      </c>
      <c r="BM9" s="102">
        <v>76</v>
      </c>
      <c r="BN9" s="102">
        <v>56</v>
      </c>
      <c r="BO9" s="103">
        <v>589</v>
      </c>
      <c r="BP9" s="104">
        <v>822</v>
      </c>
      <c r="BQ9" s="101">
        <v>99</v>
      </c>
      <c r="BR9" s="102">
        <v>112</v>
      </c>
      <c r="BS9" s="103">
        <v>211</v>
      </c>
      <c r="BT9" s="413">
        <v>0</v>
      </c>
      <c r="BU9" s="102">
        <v>206</v>
      </c>
      <c r="BV9" s="102">
        <v>193</v>
      </c>
      <c r="BW9" s="102">
        <v>123</v>
      </c>
      <c r="BX9" s="102">
        <v>96</v>
      </c>
      <c r="BY9" s="102">
        <v>63</v>
      </c>
      <c r="BZ9" s="103">
        <v>681</v>
      </c>
      <c r="CA9" s="104">
        <v>892</v>
      </c>
      <c r="CB9" s="101">
        <v>0</v>
      </c>
      <c r="CC9" s="102">
        <v>0</v>
      </c>
      <c r="CD9" s="103">
        <v>0</v>
      </c>
      <c r="CE9" s="413">
        <v>0</v>
      </c>
      <c r="CF9" s="102">
        <v>0</v>
      </c>
      <c r="CG9" s="102">
        <v>0</v>
      </c>
      <c r="CH9" s="102">
        <v>0</v>
      </c>
      <c r="CI9" s="102">
        <v>0</v>
      </c>
      <c r="CJ9" s="102">
        <v>0</v>
      </c>
      <c r="CK9" s="103">
        <v>0</v>
      </c>
      <c r="CL9" s="104">
        <v>0</v>
      </c>
      <c r="CM9" s="101">
        <v>450</v>
      </c>
      <c r="CN9" s="102">
        <v>398</v>
      </c>
      <c r="CO9" s="103">
        <v>848</v>
      </c>
      <c r="CP9" s="413">
        <v>0</v>
      </c>
      <c r="CQ9" s="102">
        <v>797</v>
      </c>
      <c r="CR9" s="102">
        <v>599</v>
      </c>
      <c r="CS9" s="102">
        <v>353</v>
      </c>
      <c r="CT9" s="102">
        <v>318</v>
      </c>
      <c r="CU9" s="102">
        <v>229</v>
      </c>
      <c r="CV9" s="103">
        <v>2296</v>
      </c>
      <c r="CW9" s="104">
        <v>3144</v>
      </c>
      <c r="CX9" s="105">
        <v>233</v>
      </c>
      <c r="CY9" s="97">
        <v>265</v>
      </c>
      <c r="CZ9" s="98">
        <v>498</v>
      </c>
      <c r="DA9" s="413">
        <v>0</v>
      </c>
      <c r="DB9" s="97">
        <v>392</v>
      </c>
      <c r="DC9" s="97">
        <v>280</v>
      </c>
      <c r="DD9" s="97">
        <v>200</v>
      </c>
      <c r="DE9" s="97">
        <v>186</v>
      </c>
      <c r="DF9" s="97">
        <v>126</v>
      </c>
      <c r="DG9" s="99">
        <v>1184</v>
      </c>
      <c r="DH9" s="100">
        <v>1682</v>
      </c>
      <c r="DI9" s="101">
        <v>4</v>
      </c>
      <c r="DJ9" s="102">
        <v>8</v>
      </c>
      <c r="DK9" s="103">
        <v>12</v>
      </c>
      <c r="DL9" s="413">
        <v>0</v>
      </c>
      <c r="DM9" s="102">
        <v>2</v>
      </c>
      <c r="DN9" s="102">
        <v>7</v>
      </c>
      <c r="DO9" s="102">
        <v>3</v>
      </c>
      <c r="DP9" s="102">
        <v>2</v>
      </c>
      <c r="DQ9" s="102">
        <v>1</v>
      </c>
      <c r="DR9" s="103">
        <v>15</v>
      </c>
      <c r="DS9" s="104">
        <v>27</v>
      </c>
      <c r="DT9" s="101">
        <v>14</v>
      </c>
      <c r="DU9" s="102">
        <v>25</v>
      </c>
      <c r="DV9" s="103">
        <v>39</v>
      </c>
      <c r="DW9" s="413">
        <v>0</v>
      </c>
      <c r="DX9" s="102">
        <v>16</v>
      </c>
      <c r="DY9" s="102">
        <v>9</v>
      </c>
      <c r="DZ9" s="102">
        <v>11</v>
      </c>
      <c r="EA9" s="102">
        <v>5</v>
      </c>
      <c r="EB9" s="102">
        <v>3</v>
      </c>
      <c r="EC9" s="103">
        <v>44</v>
      </c>
      <c r="ED9" s="104">
        <v>83</v>
      </c>
      <c r="EE9" s="101">
        <v>34</v>
      </c>
      <c r="EF9" s="102">
        <v>37</v>
      </c>
      <c r="EG9" s="103">
        <v>71</v>
      </c>
      <c r="EH9" s="413">
        <v>0</v>
      </c>
      <c r="EI9" s="102">
        <v>45</v>
      </c>
      <c r="EJ9" s="102">
        <v>27</v>
      </c>
      <c r="EK9" s="102">
        <v>15</v>
      </c>
      <c r="EL9" s="102">
        <v>8</v>
      </c>
      <c r="EM9" s="102">
        <v>16</v>
      </c>
      <c r="EN9" s="103">
        <v>111</v>
      </c>
      <c r="EO9" s="104">
        <v>182</v>
      </c>
      <c r="EP9" s="101">
        <v>79</v>
      </c>
      <c r="EQ9" s="102">
        <v>50</v>
      </c>
      <c r="ER9" s="103">
        <v>129</v>
      </c>
      <c r="ES9" s="413">
        <v>0</v>
      </c>
      <c r="ET9" s="102">
        <v>88</v>
      </c>
      <c r="EU9" s="102">
        <v>51</v>
      </c>
      <c r="EV9" s="102">
        <v>25</v>
      </c>
      <c r="EW9" s="102">
        <v>31</v>
      </c>
      <c r="EX9" s="102">
        <v>18</v>
      </c>
      <c r="EY9" s="103">
        <v>213</v>
      </c>
      <c r="EZ9" s="104">
        <v>342</v>
      </c>
      <c r="FA9" s="101">
        <v>54</v>
      </c>
      <c r="FB9" s="102">
        <v>80</v>
      </c>
      <c r="FC9" s="103">
        <v>134</v>
      </c>
      <c r="FD9" s="413">
        <v>0</v>
      </c>
      <c r="FE9" s="102">
        <v>109</v>
      </c>
      <c r="FF9" s="102">
        <v>76</v>
      </c>
      <c r="FG9" s="102">
        <v>60</v>
      </c>
      <c r="FH9" s="102">
        <v>44</v>
      </c>
      <c r="FI9" s="102">
        <v>28</v>
      </c>
      <c r="FJ9" s="103">
        <v>317</v>
      </c>
      <c r="FK9" s="104">
        <v>451</v>
      </c>
      <c r="FL9" s="101">
        <v>48</v>
      </c>
      <c r="FM9" s="102">
        <v>65</v>
      </c>
      <c r="FN9" s="103">
        <v>113</v>
      </c>
      <c r="FO9" s="413">
        <v>0</v>
      </c>
      <c r="FP9" s="102">
        <v>132</v>
      </c>
      <c r="FQ9" s="102">
        <v>110</v>
      </c>
      <c r="FR9" s="102">
        <v>86</v>
      </c>
      <c r="FS9" s="102">
        <v>96</v>
      </c>
      <c r="FT9" s="102">
        <v>60</v>
      </c>
      <c r="FU9" s="103">
        <v>484</v>
      </c>
      <c r="FV9" s="104">
        <v>597</v>
      </c>
      <c r="FW9" s="101">
        <v>0</v>
      </c>
      <c r="FX9" s="102">
        <v>0</v>
      </c>
      <c r="FY9" s="103">
        <v>0</v>
      </c>
      <c r="FZ9" s="413">
        <v>0</v>
      </c>
      <c r="GA9" s="102">
        <v>0</v>
      </c>
      <c r="GB9" s="102">
        <v>0</v>
      </c>
      <c r="GC9" s="102">
        <v>0</v>
      </c>
      <c r="GD9" s="102">
        <v>0</v>
      </c>
      <c r="GE9" s="102">
        <v>0</v>
      </c>
      <c r="GF9" s="103">
        <v>0</v>
      </c>
      <c r="GG9" s="104">
        <v>0</v>
      </c>
      <c r="GH9" s="101">
        <v>233</v>
      </c>
      <c r="GI9" s="102">
        <v>265</v>
      </c>
      <c r="GJ9" s="103">
        <v>498</v>
      </c>
      <c r="GK9" s="413">
        <v>0</v>
      </c>
      <c r="GL9" s="102">
        <v>392</v>
      </c>
      <c r="GM9" s="102">
        <v>280</v>
      </c>
      <c r="GN9" s="102">
        <v>200</v>
      </c>
      <c r="GO9" s="102">
        <v>186</v>
      </c>
      <c r="GP9" s="102">
        <v>126</v>
      </c>
      <c r="GQ9" s="103">
        <v>1184</v>
      </c>
      <c r="GR9" s="104">
        <v>1682</v>
      </c>
      <c r="GS9" s="105">
        <v>683</v>
      </c>
      <c r="GT9" s="97">
        <v>663</v>
      </c>
      <c r="GU9" s="98">
        <v>1346</v>
      </c>
      <c r="GV9" s="413">
        <v>0</v>
      </c>
      <c r="GW9" s="97">
        <v>1189</v>
      </c>
      <c r="GX9" s="97">
        <v>879</v>
      </c>
      <c r="GY9" s="97">
        <v>553</v>
      </c>
      <c r="GZ9" s="97">
        <v>504</v>
      </c>
      <c r="HA9" s="97">
        <v>355</v>
      </c>
      <c r="HB9" s="99">
        <v>3480</v>
      </c>
      <c r="HC9" s="100">
        <v>4826</v>
      </c>
      <c r="HD9" s="101">
        <v>27</v>
      </c>
      <c r="HE9" s="102">
        <v>26</v>
      </c>
      <c r="HF9" s="103">
        <v>53</v>
      </c>
      <c r="HG9" s="413">
        <v>0</v>
      </c>
      <c r="HH9" s="102">
        <v>34</v>
      </c>
      <c r="HI9" s="102">
        <v>29</v>
      </c>
      <c r="HJ9" s="102">
        <v>14</v>
      </c>
      <c r="HK9" s="102">
        <v>17</v>
      </c>
      <c r="HL9" s="102">
        <v>17</v>
      </c>
      <c r="HM9" s="103">
        <v>111</v>
      </c>
      <c r="HN9" s="104">
        <v>164</v>
      </c>
      <c r="HO9" s="101">
        <v>48</v>
      </c>
      <c r="HP9" s="102">
        <v>58</v>
      </c>
      <c r="HQ9" s="103">
        <v>106</v>
      </c>
      <c r="HR9" s="413">
        <v>0</v>
      </c>
      <c r="HS9" s="102">
        <v>67</v>
      </c>
      <c r="HT9" s="102">
        <v>55</v>
      </c>
      <c r="HU9" s="102">
        <v>33</v>
      </c>
      <c r="HV9" s="102">
        <v>32</v>
      </c>
      <c r="HW9" s="102">
        <v>24</v>
      </c>
      <c r="HX9" s="103">
        <v>211</v>
      </c>
      <c r="HY9" s="104">
        <v>317</v>
      </c>
      <c r="HZ9" s="101">
        <v>97</v>
      </c>
      <c r="IA9" s="102">
        <v>91</v>
      </c>
      <c r="IB9" s="103">
        <v>188</v>
      </c>
      <c r="IC9" s="413">
        <v>0</v>
      </c>
      <c r="ID9" s="102">
        <v>150</v>
      </c>
      <c r="IE9" s="102">
        <v>89</v>
      </c>
      <c r="IF9" s="102">
        <v>58</v>
      </c>
      <c r="IG9" s="102">
        <v>49</v>
      </c>
      <c r="IH9" s="102">
        <v>52</v>
      </c>
      <c r="II9" s="103">
        <v>398</v>
      </c>
      <c r="IJ9" s="104">
        <v>586</v>
      </c>
      <c r="IK9" s="101">
        <v>184</v>
      </c>
      <c r="IL9" s="102">
        <v>124</v>
      </c>
      <c r="IM9" s="103">
        <v>308</v>
      </c>
      <c r="IN9" s="413">
        <v>0</v>
      </c>
      <c r="IO9" s="102">
        <v>272</v>
      </c>
      <c r="IP9" s="102">
        <v>177</v>
      </c>
      <c r="IQ9" s="102">
        <v>91</v>
      </c>
      <c r="IR9" s="102">
        <v>94</v>
      </c>
      <c r="IS9" s="102">
        <v>55</v>
      </c>
      <c r="IT9" s="103">
        <v>689</v>
      </c>
      <c r="IU9" s="104">
        <v>997</v>
      </c>
      <c r="IV9" s="101">
        <v>180</v>
      </c>
      <c r="IW9" s="102">
        <v>187</v>
      </c>
      <c r="IX9" s="103">
        <v>367</v>
      </c>
      <c r="IY9" s="413">
        <v>0</v>
      </c>
      <c r="IZ9" s="102">
        <v>328</v>
      </c>
      <c r="JA9" s="102">
        <v>226</v>
      </c>
      <c r="JB9" s="102">
        <v>148</v>
      </c>
      <c r="JC9" s="102">
        <v>120</v>
      </c>
      <c r="JD9" s="102">
        <v>84</v>
      </c>
      <c r="JE9" s="103">
        <v>906</v>
      </c>
      <c r="JF9" s="104">
        <v>1273</v>
      </c>
      <c r="JG9" s="101">
        <v>147</v>
      </c>
      <c r="JH9" s="102">
        <v>177</v>
      </c>
      <c r="JI9" s="103">
        <v>324</v>
      </c>
      <c r="JJ9" s="413">
        <v>0</v>
      </c>
      <c r="JK9" s="102">
        <v>338</v>
      </c>
      <c r="JL9" s="102">
        <v>303</v>
      </c>
      <c r="JM9" s="102">
        <v>209</v>
      </c>
      <c r="JN9" s="102">
        <v>192</v>
      </c>
      <c r="JO9" s="102">
        <v>123</v>
      </c>
      <c r="JP9" s="103">
        <v>1165</v>
      </c>
      <c r="JQ9" s="104">
        <v>1489</v>
      </c>
      <c r="JR9" s="101">
        <v>0</v>
      </c>
      <c r="JS9" s="102">
        <v>0</v>
      </c>
      <c r="JT9" s="103">
        <v>0</v>
      </c>
      <c r="JU9" s="413">
        <v>0</v>
      </c>
      <c r="JV9" s="102">
        <v>0</v>
      </c>
      <c r="JW9" s="102">
        <v>0</v>
      </c>
      <c r="JX9" s="102">
        <v>0</v>
      </c>
      <c r="JY9" s="102">
        <v>0</v>
      </c>
      <c r="JZ9" s="102">
        <v>0</v>
      </c>
      <c r="KA9" s="103">
        <v>0</v>
      </c>
      <c r="KB9" s="104">
        <v>0</v>
      </c>
      <c r="KC9" s="101">
        <v>683</v>
      </c>
      <c r="KD9" s="102">
        <v>663</v>
      </c>
      <c r="KE9" s="103">
        <v>1346</v>
      </c>
      <c r="KF9" s="413">
        <v>0</v>
      </c>
      <c r="KG9" s="102">
        <v>1189</v>
      </c>
      <c r="KH9" s="102">
        <v>879</v>
      </c>
      <c r="KI9" s="102">
        <v>553</v>
      </c>
      <c r="KJ9" s="102">
        <v>504</v>
      </c>
      <c r="KK9" s="102">
        <v>355</v>
      </c>
      <c r="KL9" s="103">
        <v>3480</v>
      </c>
      <c r="KM9" s="104">
        <v>4826</v>
      </c>
    </row>
    <row r="10" spans="2:299" s="70" customFormat="1" ht="21" customHeight="1" x14ac:dyDescent="0.2">
      <c r="B10" s="106" t="s">
        <v>14</v>
      </c>
      <c r="C10" s="96">
        <v>208</v>
      </c>
      <c r="D10" s="97">
        <v>224</v>
      </c>
      <c r="E10" s="98">
        <v>432</v>
      </c>
      <c r="F10" s="413">
        <v>0</v>
      </c>
      <c r="G10" s="97">
        <v>239</v>
      </c>
      <c r="H10" s="97">
        <v>297</v>
      </c>
      <c r="I10" s="97">
        <v>167</v>
      </c>
      <c r="J10" s="97">
        <v>131</v>
      </c>
      <c r="K10" s="97">
        <v>92</v>
      </c>
      <c r="L10" s="99">
        <v>926</v>
      </c>
      <c r="M10" s="100">
        <v>1358</v>
      </c>
      <c r="N10" s="101">
        <v>4</v>
      </c>
      <c r="O10" s="102">
        <v>12</v>
      </c>
      <c r="P10" s="103">
        <v>16</v>
      </c>
      <c r="Q10" s="413">
        <v>0</v>
      </c>
      <c r="R10" s="102">
        <v>5</v>
      </c>
      <c r="S10" s="102">
        <v>10</v>
      </c>
      <c r="T10" s="102">
        <v>9</v>
      </c>
      <c r="U10" s="102">
        <v>7</v>
      </c>
      <c r="V10" s="102">
        <v>3</v>
      </c>
      <c r="W10" s="103">
        <v>34</v>
      </c>
      <c r="X10" s="104">
        <v>50</v>
      </c>
      <c r="Y10" s="101">
        <v>20</v>
      </c>
      <c r="Z10" s="102">
        <v>24</v>
      </c>
      <c r="AA10" s="103">
        <v>44</v>
      </c>
      <c r="AB10" s="413">
        <v>0</v>
      </c>
      <c r="AC10" s="102">
        <v>19</v>
      </c>
      <c r="AD10" s="102">
        <v>20</v>
      </c>
      <c r="AE10" s="102">
        <v>14</v>
      </c>
      <c r="AF10" s="102">
        <v>13</v>
      </c>
      <c r="AG10" s="102">
        <v>9</v>
      </c>
      <c r="AH10" s="103">
        <v>75</v>
      </c>
      <c r="AI10" s="104">
        <v>119</v>
      </c>
      <c r="AJ10" s="101">
        <v>28</v>
      </c>
      <c r="AK10" s="102">
        <v>35</v>
      </c>
      <c r="AL10" s="103">
        <v>63</v>
      </c>
      <c r="AM10" s="413">
        <v>0</v>
      </c>
      <c r="AN10" s="102">
        <v>23</v>
      </c>
      <c r="AO10" s="102">
        <v>47</v>
      </c>
      <c r="AP10" s="102">
        <v>20</v>
      </c>
      <c r="AQ10" s="102">
        <v>10</v>
      </c>
      <c r="AR10" s="102">
        <v>13</v>
      </c>
      <c r="AS10" s="103">
        <v>113</v>
      </c>
      <c r="AT10" s="104">
        <v>176</v>
      </c>
      <c r="AU10" s="101">
        <v>48</v>
      </c>
      <c r="AV10" s="102">
        <v>44</v>
      </c>
      <c r="AW10" s="103">
        <v>92</v>
      </c>
      <c r="AX10" s="413">
        <v>0</v>
      </c>
      <c r="AY10" s="102">
        <v>63</v>
      </c>
      <c r="AZ10" s="102">
        <v>62</v>
      </c>
      <c r="BA10" s="102">
        <v>26</v>
      </c>
      <c r="BB10" s="102">
        <v>28</v>
      </c>
      <c r="BC10" s="102">
        <v>23</v>
      </c>
      <c r="BD10" s="103">
        <v>202</v>
      </c>
      <c r="BE10" s="104">
        <v>294</v>
      </c>
      <c r="BF10" s="101">
        <v>72</v>
      </c>
      <c r="BG10" s="102">
        <v>62</v>
      </c>
      <c r="BH10" s="103">
        <v>134</v>
      </c>
      <c r="BI10" s="413">
        <v>0</v>
      </c>
      <c r="BJ10" s="102">
        <v>70</v>
      </c>
      <c r="BK10" s="102">
        <v>91</v>
      </c>
      <c r="BL10" s="102">
        <v>55</v>
      </c>
      <c r="BM10" s="102">
        <v>35</v>
      </c>
      <c r="BN10" s="102">
        <v>23</v>
      </c>
      <c r="BO10" s="103">
        <v>274</v>
      </c>
      <c r="BP10" s="104">
        <v>408</v>
      </c>
      <c r="BQ10" s="101">
        <v>36</v>
      </c>
      <c r="BR10" s="102">
        <v>47</v>
      </c>
      <c r="BS10" s="103">
        <v>83</v>
      </c>
      <c r="BT10" s="413">
        <v>0</v>
      </c>
      <c r="BU10" s="102">
        <v>59</v>
      </c>
      <c r="BV10" s="102">
        <v>67</v>
      </c>
      <c r="BW10" s="102">
        <v>43</v>
      </c>
      <c r="BX10" s="102">
        <v>38</v>
      </c>
      <c r="BY10" s="102">
        <v>21</v>
      </c>
      <c r="BZ10" s="103">
        <v>228</v>
      </c>
      <c r="CA10" s="104">
        <v>311</v>
      </c>
      <c r="CB10" s="101">
        <v>0</v>
      </c>
      <c r="CC10" s="102">
        <v>0</v>
      </c>
      <c r="CD10" s="103">
        <v>0</v>
      </c>
      <c r="CE10" s="413">
        <v>0</v>
      </c>
      <c r="CF10" s="102">
        <v>0</v>
      </c>
      <c r="CG10" s="102">
        <v>0</v>
      </c>
      <c r="CH10" s="102">
        <v>0</v>
      </c>
      <c r="CI10" s="102">
        <v>0</v>
      </c>
      <c r="CJ10" s="102">
        <v>0</v>
      </c>
      <c r="CK10" s="103">
        <v>0</v>
      </c>
      <c r="CL10" s="104">
        <v>0</v>
      </c>
      <c r="CM10" s="101">
        <v>208</v>
      </c>
      <c r="CN10" s="102">
        <v>224</v>
      </c>
      <c r="CO10" s="103">
        <v>432</v>
      </c>
      <c r="CP10" s="413">
        <v>0</v>
      </c>
      <c r="CQ10" s="102">
        <v>239</v>
      </c>
      <c r="CR10" s="102">
        <v>297</v>
      </c>
      <c r="CS10" s="102">
        <v>167</v>
      </c>
      <c r="CT10" s="102">
        <v>131</v>
      </c>
      <c r="CU10" s="102">
        <v>92</v>
      </c>
      <c r="CV10" s="103">
        <v>926</v>
      </c>
      <c r="CW10" s="104">
        <v>1358</v>
      </c>
      <c r="CX10" s="105">
        <v>61</v>
      </c>
      <c r="CY10" s="97">
        <v>82</v>
      </c>
      <c r="CZ10" s="98">
        <v>143</v>
      </c>
      <c r="DA10" s="413">
        <v>0</v>
      </c>
      <c r="DB10" s="97">
        <v>101</v>
      </c>
      <c r="DC10" s="97">
        <v>127</v>
      </c>
      <c r="DD10" s="97">
        <v>77</v>
      </c>
      <c r="DE10" s="97">
        <v>79</v>
      </c>
      <c r="DF10" s="97">
        <v>42</v>
      </c>
      <c r="DG10" s="99">
        <v>426</v>
      </c>
      <c r="DH10" s="100">
        <v>569</v>
      </c>
      <c r="DI10" s="101">
        <v>0</v>
      </c>
      <c r="DJ10" s="102">
        <v>3</v>
      </c>
      <c r="DK10" s="103">
        <v>3</v>
      </c>
      <c r="DL10" s="413">
        <v>0</v>
      </c>
      <c r="DM10" s="102">
        <v>3</v>
      </c>
      <c r="DN10" s="102">
        <v>7</v>
      </c>
      <c r="DO10" s="102">
        <v>0</v>
      </c>
      <c r="DP10" s="102">
        <v>3</v>
      </c>
      <c r="DQ10" s="102">
        <v>2</v>
      </c>
      <c r="DR10" s="103">
        <v>15</v>
      </c>
      <c r="DS10" s="104">
        <v>18</v>
      </c>
      <c r="DT10" s="101">
        <v>8</v>
      </c>
      <c r="DU10" s="102">
        <v>2</v>
      </c>
      <c r="DV10" s="103">
        <v>10</v>
      </c>
      <c r="DW10" s="413">
        <v>0</v>
      </c>
      <c r="DX10" s="102">
        <v>4</v>
      </c>
      <c r="DY10" s="102">
        <v>6</v>
      </c>
      <c r="DZ10" s="102">
        <v>5</v>
      </c>
      <c r="EA10" s="102">
        <v>0</v>
      </c>
      <c r="EB10" s="102">
        <v>0</v>
      </c>
      <c r="EC10" s="103">
        <v>15</v>
      </c>
      <c r="ED10" s="104">
        <v>25</v>
      </c>
      <c r="EE10" s="101">
        <v>12</v>
      </c>
      <c r="EF10" s="102">
        <v>15</v>
      </c>
      <c r="EG10" s="103">
        <v>27</v>
      </c>
      <c r="EH10" s="413">
        <v>0</v>
      </c>
      <c r="EI10" s="102">
        <v>12</v>
      </c>
      <c r="EJ10" s="102">
        <v>13</v>
      </c>
      <c r="EK10" s="102">
        <v>4</v>
      </c>
      <c r="EL10" s="102">
        <v>2</v>
      </c>
      <c r="EM10" s="102">
        <v>5</v>
      </c>
      <c r="EN10" s="103">
        <v>36</v>
      </c>
      <c r="EO10" s="104">
        <v>63</v>
      </c>
      <c r="EP10" s="101">
        <v>18</v>
      </c>
      <c r="EQ10" s="102">
        <v>16</v>
      </c>
      <c r="ER10" s="103">
        <v>34</v>
      </c>
      <c r="ES10" s="413">
        <v>0</v>
      </c>
      <c r="ET10" s="102">
        <v>16</v>
      </c>
      <c r="EU10" s="102">
        <v>26</v>
      </c>
      <c r="EV10" s="102">
        <v>16</v>
      </c>
      <c r="EW10" s="102">
        <v>11</v>
      </c>
      <c r="EX10" s="102">
        <v>7</v>
      </c>
      <c r="EY10" s="103">
        <v>76</v>
      </c>
      <c r="EZ10" s="104">
        <v>110</v>
      </c>
      <c r="FA10" s="101">
        <v>13</v>
      </c>
      <c r="FB10" s="102">
        <v>25</v>
      </c>
      <c r="FC10" s="103">
        <v>38</v>
      </c>
      <c r="FD10" s="413">
        <v>0</v>
      </c>
      <c r="FE10" s="102">
        <v>37</v>
      </c>
      <c r="FF10" s="102">
        <v>34</v>
      </c>
      <c r="FG10" s="102">
        <v>15</v>
      </c>
      <c r="FH10" s="102">
        <v>19</v>
      </c>
      <c r="FI10" s="102">
        <v>13</v>
      </c>
      <c r="FJ10" s="103">
        <v>118</v>
      </c>
      <c r="FK10" s="104">
        <v>156</v>
      </c>
      <c r="FL10" s="101">
        <v>10</v>
      </c>
      <c r="FM10" s="102">
        <v>21</v>
      </c>
      <c r="FN10" s="103">
        <v>31</v>
      </c>
      <c r="FO10" s="413">
        <v>0</v>
      </c>
      <c r="FP10" s="102">
        <v>29</v>
      </c>
      <c r="FQ10" s="102">
        <v>41</v>
      </c>
      <c r="FR10" s="102">
        <v>37</v>
      </c>
      <c r="FS10" s="102">
        <v>44</v>
      </c>
      <c r="FT10" s="102">
        <v>15</v>
      </c>
      <c r="FU10" s="103">
        <v>166</v>
      </c>
      <c r="FV10" s="104">
        <v>197</v>
      </c>
      <c r="FW10" s="101">
        <v>0</v>
      </c>
      <c r="FX10" s="102">
        <v>0</v>
      </c>
      <c r="FY10" s="103">
        <v>0</v>
      </c>
      <c r="FZ10" s="413">
        <v>0</v>
      </c>
      <c r="GA10" s="102">
        <v>0</v>
      </c>
      <c r="GB10" s="102">
        <v>0</v>
      </c>
      <c r="GC10" s="102">
        <v>0</v>
      </c>
      <c r="GD10" s="102">
        <v>0</v>
      </c>
      <c r="GE10" s="102">
        <v>0</v>
      </c>
      <c r="GF10" s="103">
        <v>0</v>
      </c>
      <c r="GG10" s="104">
        <v>0</v>
      </c>
      <c r="GH10" s="101">
        <v>61</v>
      </c>
      <c r="GI10" s="102">
        <v>82</v>
      </c>
      <c r="GJ10" s="103">
        <v>143</v>
      </c>
      <c r="GK10" s="413">
        <v>0</v>
      </c>
      <c r="GL10" s="102">
        <v>101</v>
      </c>
      <c r="GM10" s="102">
        <v>127</v>
      </c>
      <c r="GN10" s="102">
        <v>77</v>
      </c>
      <c r="GO10" s="102">
        <v>79</v>
      </c>
      <c r="GP10" s="102">
        <v>42</v>
      </c>
      <c r="GQ10" s="103">
        <v>426</v>
      </c>
      <c r="GR10" s="104">
        <v>569</v>
      </c>
      <c r="GS10" s="105">
        <v>269</v>
      </c>
      <c r="GT10" s="97">
        <v>306</v>
      </c>
      <c r="GU10" s="98">
        <v>575</v>
      </c>
      <c r="GV10" s="413">
        <v>0</v>
      </c>
      <c r="GW10" s="97">
        <v>340</v>
      </c>
      <c r="GX10" s="97">
        <v>424</v>
      </c>
      <c r="GY10" s="97">
        <v>244</v>
      </c>
      <c r="GZ10" s="97">
        <v>210</v>
      </c>
      <c r="HA10" s="97">
        <v>134</v>
      </c>
      <c r="HB10" s="99">
        <v>1352</v>
      </c>
      <c r="HC10" s="100">
        <v>1927</v>
      </c>
      <c r="HD10" s="101">
        <v>4</v>
      </c>
      <c r="HE10" s="102">
        <v>15</v>
      </c>
      <c r="HF10" s="103">
        <v>19</v>
      </c>
      <c r="HG10" s="413">
        <v>0</v>
      </c>
      <c r="HH10" s="102">
        <v>8</v>
      </c>
      <c r="HI10" s="102">
        <v>17</v>
      </c>
      <c r="HJ10" s="102">
        <v>9</v>
      </c>
      <c r="HK10" s="102">
        <v>10</v>
      </c>
      <c r="HL10" s="102">
        <v>5</v>
      </c>
      <c r="HM10" s="103">
        <v>49</v>
      </c>
      <c r="HN10" s="104">
        <v>68</v>
      </c>
      <c r="HO10" s="101">
        <v>28</v>
      </c>
      <c r="HP10" s="102">
        <v>26</v>
      </c>
      <c r="HQ10" s="103">
        <v>54</v>
      </c>
      <c r="HR10" s="413">
        <v>0</v>
      </c>
      <c r="HS10" s="102">
        <v>23</v>
      </c>
      <c r="HT10" s="102">
        <v>26</v>
      </c>
      <c r="HU10" s="102">
        <v>19</v>
      </c>
      <c r="HV10" s="102">
        <v>13</v>
      </c>
      <c r="HW10" s="102">
        <v>9</v>
      </c>
      <c r="HX10" s="103">
        <v>90</v>
      </c>
      <c r="HY10" s="104">
        <v>144</v>
      </c>
      <c r="HZ10" s="101">
        <v>40</v>
      </c>
      <c r="IA10" s="102">
        <v>50</v>
      </c>
      <c r="IB10" s="103">
        <v>90</v>
      </c>
      <c r="IC10" s="413">
        <v>0</v>
      </c>
      <c r="ID10" s="102">
        <v>35</v>
      </c>
      <c r="IE10" s="102">
        <v>60</v>
      </c>
      <c r="IF10" s="102">
        <v>24</v>
      </c>
      <c r="IG10" s="102">
        <v>12</v>
      </c>
      <c r="IH10" s="102">
        <v>18</v>
      </c>
      <c r="II10" s="103">
        <v>149</v>
      </c>
      <c r="IJ10" s="104">
        <v>239</v>
      </c>
      <c r="IK10" s="101">
        <v>66</v>
      </c>
      <c r="IL10" s="102">
        <v>60</v>
      </c>
      <c r="IM10" s="103">
        <v>126</v>
      </c>
      <c r="IN10" s="413">
        <v>0</v>
      </c>
      <c r="IO10" s="102">
        <v>79</v>
      </c>
      <c r="IP10" s="102">
        <v>88</v>
      </c>
      <c r="IQ10" s="102">
        <v>42</v>
      </c>
      <c r="IR10" s="102">
        <v>39</v>
      </c>
      <c r="IS10" s="102">
        <v>30</v>
      </c>
      <c r="IT10" s="103">
        <v>278</v>
      </c>
      <c r="IU10" s="104">
        <v>404</v>
      </c>
      <c r="IV10" s="101">
        <v>85</v>
      </c>
      <c r="IW10" s="102">
        <v>87</v>
      </c>
      <c r="IX10" s="103">
        <v>172</v>
      </c>
      <c r="IY10" s="413">
        <v>0</v>
      </c>
      <c r="IZ10" s="102">
        <v>107</v>
      </c>
      <c r="JA10" s="102">
        <v>125</v>
      </c>
      <c r="JB10" s="102">
        <v>70</v>
      </c>
      <c r="JC10" s="102">
        <v>54</v>
      </c>
      <c r="JD10" s="102">
        <v>36</v>
      </c>
      <c r="JE10" s="103">
        <v>392</v>
      </c>
      <c r="JF10" s="104">
        <v>564</v>
      </c>
      <c r="JG10" s="101">
        <v>46</v>
      </c>
      <c r="JH10" s="102">
        <v>68</v>
      </c>
      <c r="JI10" s="103">
        <v>114</v>
      </c>
      <c r="JJ10" s="413">
        <v>0</v>
      </c>
      <c r="JK10" s="102">
        <v>88</v>
      </c>
      <c r="JL10" s="102">
        <v>108</v>
      </c>
      <c r="JM10" s="102">
        <v>80</v>
      </c>
      <c r="JN10" s="102">
        <v>82</v>
      </c>
      <c r="JO10" s="102">
        <v>36</v>
      </c>
      <c r="JP10" s="103">
        <v>394</v>
      </c>
      <c r="JQ10" s="104">
        <v>508</v>
      </c>
      <c r="JR10" s="101">
        <v>0</v>
      </c>
      <c r="JS10" s="102">
        <v>0</v>
      </c>
      <c r="JT10" s="103">
        <v>0</v>
      </c>
      <c r="JU10" s="413">
        <v>0</v>
      </c>
      <c r="JV10" s="102">
        <v>0</v>
      </c>
      <c r="JW10" s="102">
        <v>0</v>
      </c>
      <c r="JX10" s="102">
        <v>0</v>
      </c>
      <c r="JY10" s="102">
        <v>0</v>
      </c>
      <c r="JZ10" s="102">
        <v>0</v>
      </c>
      <c r="KA10" s="103">
        <v>0</v>
      </c>
      <c r="KB10" s="104">
        <v>0</v>
      </c>
      <c r="KC10" s="101">
        <v>269</v>
      </c>
      <c r="KD10" s="102">
        <v>306</v>
      </c>
      <c r="KE10" s="103">
        <v>575</v>
      </c>
      <c r="KF10" s="413">
        <v>0</v>
      </c>
      <c r="KG10" s="102">
        <v>340</v>
      </c>
      <c r="KH10" s="102">
        <v>424</v>
      </c>
      <c r="KI10" s="102">
        <v>244</v>
      </c>
      <c r="KJ10" s="102">
        <v>210</v>
      </c>
      <c r="KK10" s="102">
        <v>134</v>
      </c>
      <c r="KL10" s="103">
        <v>1352</v>
      </c>
      <c r="KM10" s="104">
        <v>1927</v>
      </c>
    </row>
    <row r="11" spans="2:299" s="70" customFormat="1" ht="21" customHeight="1" x14ac:dyDescent="0.2">
      <c r="B11" s="106" t="s">
        <v>7</v>
      </c>
      <c r="C11" s="96">
        <v>150</v>
      </c>
      <c r="D11" s="97">
        <v>86</v>
      </c>
      <c r="E11" s="98">
        <v>236</v>
      </c>
      <c r="F11" s="413">
        <v>0</v>
      </c>
      <c r="G11" s="97">
        <v>249</v>
      </c>
      <c r="H11" s="97">
        <v>129</v>
      </c>
      <c r="I11" s="97">
        <v>72</v>
      </c>
      <c r="J11" s="97">
        <v>85</v>
      </c>
      <c r="K11" s="97">
        <v>38</v>
      </c>
      <c r="L11" s="99">
        <v>573</v>
      </c>
      <c r="M11" s="100">
        <v>809</v>
      </c>
      <c r="N11" s="101">
        <v>9</v>
      </c>
      <c r="O11" s="102">
        <v>4</v>
      </c>
      <c r="P11" s="103">
        <v>13</v>
      </c>
      <c r="Q11" s="413">
        <v>0</v>
      </c>
      <c r="R11" s="102">
        <v>3</v>
      </c>
      <c r="S11" s="102">
        <v>3</v>
      </c>
      <c r="T11" s="102">
        <v>4</v>
      </c>
      <c r="U11" s="102">
        <v>5</v>
      </c>
      <c r="V11" s="102">
        <v>2</v>
      </c>
      <c r="W11" s="103">
        <v>17</v>
      </c>
      <c r="X11" s="104">
        <v>30</v>
      </c>
      <c r="Y11" s="101">
        <v>8</v>
      </c>
      <c r="Z11" s="102">
        <v>11</v>
      </c>
      <c r="AA11" s="103">
        <v>19</v>
      </c>
      <c r="AB11" s="413">
        <v>0</v>
      </c>
      <c r="AC11" s="102">
        <v>13</v>
      </c>
      <c r="AD11" s="102">
        <v>11</v>
      </c>
      <c r="AE11" s="102">
        <v>5</v>
      </c>
      <c r="AF11" s="102">
        <v>9</v>
      </c>
      <c r="AG11" s="102">
        <v>4</v>
      </c>
      <c r="AH11" s="103">
        <v>42</v>
      </c>
      <c r="AI11" s="104">
        <v>61</v>
      </c>
      <c r="AJ11" s="101">
        <v>17</v>
      </c>
      <c r="AK11" s="102">
        <v>10</v>
      </c>
      <c r="AL11" s="103">
        <v>27</v>
      </c>
      <c r="AM11" s="413">
        <v>0</v>
      </c>
      <c r="AN11" s="102">
        <v>34</v>
      </c>
      <c r="AO11" s="102">
        <v>11</v>
      </c>
      <c r="AP11" s="102">
        <v>6</v>
      </c>
      <c r="AQ11" s="102">
        <v>14</v>
      </c>
      <c r="AR11" s="102">
        <v>6</v>
      </c>
      <c r="AS11" s="103">
        <v>71</v>
      </c>
      <c r="AT11" s="104">
        <v>98</v>
      </c>
      <c r="AU11" s="101">
        <v>32</v>
      </c>
      <c r="AV11" s="102">
        <v>19</v>
      </c>
      <c r="AW11" s="103">
        <v>51</v>
      </c>
      <c r="AX11" s="413">
        <v>0</v>
      </c>
      <c r="AY11" s="102">
        <v>60</v>
      </c>
      <c r="AZ11" s="102">
        <v>27</v>
      </c>
      <c r="BA11" s="102">
        <v>20</v>
      </c>
      <c r="BB11" s="102">
        <v>12</v>
      </c>
      <c r="BC11" s="102">
        <v>7</v>
      </c>
      <c r="BD11" s="103">
        <v>126</v>
      </c>
      <c r="BE11" s="104">
        <v>177</v>
      </c>
      <c r="BF11" s="101">
        <v>53</v>
      </c>
      <c r="BG11" s="102">
        <v>20</v>
      </c>
      <c r="BH11" s="103">
        <v>73</v>
      </c>
      <c r="BI11" s="413">
        <v>0</v>
      </c>
      <c r="BJ11" s="102">
        <v>69</v>
      </c>
      <c r="BK11" s="102">
        <v>42</v>
      </c>
      <c r="BL11" s="102">
        <v>16</v>
      </c>
      <c r="BM11" s="102">
        <v>23</v>
      </c>
      <c r="BN11" s="102">
        <v>11</v>
      </c>
      <c r="BO11" s="103">
        <v>161</v>
      </c>
      <c r="BP11" s="104">
        <v>234</v>
      </c>
      <c r="BQ11" s="101">
        <v>31</v>
      </c>
      <c r="BR11" s="102">
        <v>22</v>
      </c>
      <c r="BS11" s="103">
        <v>53</v>
      </c>
      <c r="BT11" s="413">
        <v>0</v>
      </c>
      <c r="BU11" s="102">
        <v>70</v>
      </c>
      <c r="BV11" s="102">
        <v>35</v>
      </c>
      <c r="BW11" s="102">
        <v>21</v>
      </c>
      <c r="BX11" s="102">
        <v>22</v>
      </c>
      <c r="BY11" s="102">
        <v>8</v>
      </c>
      <c r="BZ11" s="103">
        <v>156</v>
      </c>
      <c r="CA11" s="104">
        <v>209</v>
      </c>
      <c r="CB11" s="101">
        <v>0</v>
      </c>
      <c r="CC11" s="102">
        <v>0</v>
      </c>
      <c r="CD11" s="103">
        <v>0</v>
      </c>
      <c r="CE11" s="413">
        <v>0</v>
      </c>
      <c r="CF11" s="102">
        <v>0</v>
      </c>
      <c r="CG11" s="102">
        <v>0</v>
      </c>
      <c r="CH11" s="102">
        <v>0</v>
      </c>
      <c r="CI11" s="102">
        <v>0</v>
      </c>
      <c r="CJ11" s="102">
        <v>0</v>
      </c>
      <c r="CK11" s="103">
        <v>0</v>
      </c>
      <c r="CL11" s="104">
        <v>0</v>
      </c>
      <c r="CM11" s="101">
        <v>150</v>
      </c>
      <c r="CN11" s="102">
        <v>86</v>
      </c>
      <c r="CO11" s="103">
        <v>236</v>
      </c>
      <c r="CP11" s="413">
        <v>0</v>
      </c>
      <c r="CQ11" s="102">
        <v>249</v>
      </c>
      <c r="CR11" s="102">
        <v>129</v>
      </c>
      <c r="CS11" s="102">
        <v>72</v>
      </c>
      <c r="CT11" s="102">
        <v>85</v>
      </c>
      <c r="CU11" s="102">
        <v>38</v>
      </c>
      <c r="CV11" s="103">
        <v>573</v>
      </c>
      <c r="CW11" s="104">
        <v>809</v>
      </c>
      <c r="CX11" s="105">
        <v>42</v>
      </c>
      <c r="CY11" s="97">
        <v>45</v>
      </c>
      <c r="CZ11" s="98">
        <v>87</v>
      </c>
      <c r="DA11" s="413">
        <v>0</v>
      </c>
      <c r="DB11" s="97">
        <v>76</v>
      </c>
      <c r="DC11" s="97">
        <v>38</v>
      </c>
      <c r="DD11" s="97">
        <v>27</v>
      </c>
      <c r="DE11" s="97">
        <v>26</v>
      </c>
      <c r="DF11" s="97">
        <v>18</v>
      </c>
      <c r="DG11" s="99">
        <v>185</v>
      </c>
      <c r="DH11" s="100">
        <v>272</v>
      </c>
      <c r="DI11" s="101">
        <v>1</v>
      </c>
      <c r="DJ11" s="102">
        <v>0</v>
      </c>
      <c r="DK11" s="103">
        <v>1</v>
      </c>
      <c r="DL11" s="413">
        <v>0</v>
      </c>
      <c r="DM11" s="102">
        <v>2</v>
      </c>
      <c r="DN11" s="102">
        <v>1</v>
      </c>
      <c r="DO11" s="102">
        <v>2</v>
      </c>
      <c r="DP11" s="102">
        <v>0</v>
      </c>
      <c r="DQ11" s="102">
        <v>0</v>
      </c>
      <c r="DR11" s="103">
        <v>5</v>
      </c>
      <c r="DS11" s="104">
        <v>6</v>
      </c>
      <c r="DT11" s="101">
        <v>0</v>
      </c>
      <c r="DU11" s="102">
        <v>1</v>
      </c>
      <c r="DV11" s="103">
        <v>1</v>
      </c>
      <c r="DW11" s="413">
        <v>0</v>
      </c>
      <c r="DX11" s="102">
        <v>2</v>
      </c>
      <c r="DY11" s="102">
        <v>3</v>
      </c>
      <c r="DZ11" s="102">
        <v>2</v>
      </c>
      <c r="EA11" s="102">
        <v>0</v>
      </c>
      <c r="EB11" s="102">
        <v>2</v>
      </c>
      <c r="EC11" s="103">
        <v>9</v>
      </c>
      <c r="ED11" s="104">
        <v>10</v>
      </c>
      <c r="EE11" s="101">
        <v>8</v>
      </c>
      <c r="EF11" s="102">
        <v>9</v>
      </c>
      <c r="EG11" s="103">
        <v>17</v>
      </c>
      <c r="EH11" s="413">
        <v>0</v>
      </c>
      <c r="EI11" s="102">
        <v>12</v>
      </c>
      <c r="EJ11" s="102">
        <v>2</v>
      </c>
      <c r="EK11" s="102">
        <v>1</v>
      </c>
      <c r="EL11" s="102">
        <v>5</v>
      </c>
      <c r="EM11" s="102">
        <v>3</v>
      </c>
      <c r="EN11" s="103">
        <v>23</v>
      </c>
      <c r="EO11" s="104">
        <v>40</v>
      </c>
      <c r="EP11" s="101">
        <v>11</v>
      </c>
      <c r="EQ11" s="102">
        <v>9</v>
      </c>
      <c r="ER11" s="103">
        <v>20</v>
      </c>
      <c r="ES11" s="413">
        <v>0</v>
      </c>
      <c r="ET11" s="102">
        <v>17</v>
      </c>
      <c r="EU11" s="102">
        <v>12</v>
      </c>
      <c r="EV11" s="102">
        <v>3</v>
      </c>
      <c r="EW11" s="102">
        <v>2</v>
      </c>
      <c r="EX11" s="102">
        <v>3</v>
      </c>
      <c r="EY11" s="103">
        <v>37</v>
      </c>
      <c r="EZ11" s="104">
        <v>57</v>
      </c>
      <c r="FA11" s="101">
        <v>10</v>
      </c>
      <c r="FB11" s="102">
        <v>18</v>
      </c>
      <c r="FC11" s="103">
        <v>28</v>
      </c>
      <c r="FD11" s="413">
        <v>0</v>
      </c>
      <c r="FE11" s="102">
        <v>21</v>
      </c>
      <c r="FF11" s="102">
        <v>6</v>
      </c>
      <c r="FG11" s="102">
        <v>8</v>
      </c>
      <c r="FH11" s="102">
        <v>8</v>
      </c>
      <c r="FI11" s="102">
        <v>3</v>
      </c>
      <c r="FJ11" s="103">
        <v>46</v>
      </c>
      <c r="FK11" s="104">
        <v>74</v>
      </c>
      <c r="FL11" s="101">
        <v>12</v>
      </c>
      <c r="FM11" s="102">
        <v>8</v>
      </c>
      <c r="FN11" s="103">
        <v>20</v>
      </c>
      <c r="FO11" s="413">
        <v>0</v>
      </c>
      <c r="FP11" s="102">
        <v>22</v>
      </c>
      <c r="FQ11" s="102">
        <v>14</v>
      </c>
      <c r="FR11" s="102">
        <v>11</v>
      </c>
      <c r="FS11" s="102">
        <v>11</v>
      </c>
      <c r="FT11" s="102">
        <v>7</v>
      </c>
      <c r="FU11" s="103">
        <v>65</v>
      </c>
      <c r="FV11" s="104">
        <v>85</v>
      </c>
      <c r="FW11" s="101">
        <v>0</v>
      </c>
      <c r="FX11" s="102">
        <v>0</v>
      </c>
      <c r="FY11" s="103">
        <v>0</v>
      </c>
      <c r="FZ11" s="413">
        <v>0</v>
      </c>
      <c r="GA11" s="102">
        <v>0</v>
      </c>
      <c r="GB11" s="102">
        <v>0</v>
      </c>
      <c r="GC11" s="102">
        <v>0</v>
      </c>
      <c r="GD11" s="102">
        <v>0</v>
      </c>
      <c r="GE11" s="102">
        <v>0</v>
      </c>
      <c r="GF11" s="103">
        <v>0</v>
      </c>
      <c r="GG11" s="104">
        <v>0</v>
      </c>
      <c r="GH11" s="101">
        <v>42</v>
      </c>
      <c r="GI11" s="102">
        <v>45</v>
      </c>
      <c r="GJ11" s="103">
        <v>87</v>
      </c>
      <c r="GK11" s="413">
        <v>0</v>
      </c>
      <c r="GL11" s="102">
        <v>76</v>
      </c>
      <c r="GM11" s="102">
        <v>38</v>
      </c>
      <c r="GN11" s="102">
        <v>27</v>
      </c>
      <c r="GO11" s="102">
        <v>26</v>
      </c>
      <c r="GP11" s="102">
        <v>18</v>
      </c>
      <c r="GQ11" s="103">
        <v>185</v>
      </c>
      <c r="GR11" s="104">
        <v>272</v>
      </c>
      <c r="GS11" s="105">
        <v>192</v>
      </c>
      <c r="GT11" s="97">
        <v>131</v>
      </c>
      <c r="GU11" s="98">
        <v>323</v>
      </c>
      <c r="GV11" s="413">
        <v>0</v>
      </c>
      <c r="GW11" s="97">
        <v>325</v>
      </c>
      <c r="GX11" s="97">
        <v>167</v>
      </c>
      <c r="GY11" s="97">
        <v>99</v>
      </c>
      <c r="GZ11" s="97">
        <v>111</v>
      </c>
      <c r="HA11" s="97">
        <v>56</v>
      </c>
      <c r="HB11" s="99">
        <v>758</v>
      </c>
      <c r="HC11" s="100">
        <v>1081</v>
      </c>
      <c r="HD11" s="101">
        <v>10</v>
      </c>
      <c r="HE11" s="102">
        <v>4</v>
      </c>
      <c r="HF11" s="103">
        <v>14</v>
      </c>
      <c r="HG11" s="413">
        <v>0</v>
      </c>
      <c r="HH11" s="102">
        <v>5</v>
      </c>
      <c r="HI11" s="102">
        <v>4</v>
      </c>
      <c r="HJ11" s="102">
        <v>6</v>
      </c>
      <c r="HK11" s="102">
        <v>5</v>
      </c>
      <c r="HL11" s="102">
        <v>2</v>
      </c>
      <c r="HM11" s="103">
        <v>22</v>
      </c>
      <c r="HN11" s="104">
        <v>36</v>
      </c>
      <c r="HO11" s="101">
        <v>8</v>
      </c>
      <c r="HP11" s="102">
        <v>12</v>
      </c>
      <c r="HQ11" s="103">
        <v>20</v>
      </c>
      <c r="HR11" s="413">
        <v>0</v>
      </c>
      <c r="HS11" s="102">
        <v>15</v>
      </c>
      <c r="HT11" s="102">
        <v>14</v>
      </c>
      <c r="HU11" s="102">
        <v>7</v>
      </c>
      <c r="HV11" s="102">
        <v>9</v>
      </c>
      <c r="HW11" s="102">
        <v>6</v>
      </c>
      <c r="HX11" s="103">
        <v>51</v>
      </c>
      <c r="HY11" s="104">
        <v>71</v>
      </c>
      <c r="HZ11" s="101">
        <v>25</v>
      </c>
      <c r="IA11" s="102">
        <v>19</v>
      </c>
      <c r="IB11" s="103">
        <v>44</v>
      </c>
      <c r="IC11" s="413">
        <v>0</v>
      </c>
      <c r="ID11" s="102">
        <v>46</v>
      </c>
      <c r="IE11" s="102">
        <v>13</v>
      </c>
      <c r="IF11" s="102">
        <v>7</v>
      </c>
      <c r="IG11" s="102">
        <v>19</v>
      </c>
      <c r="IH11" s="102">
        <v>9</v>
      </c>
      <c r="II11" s="103">
        <v>94</v>
      </c>
      <c r="IJ11" s="104">
        <v>138</v>
      </c>
      <c r="IK11" s="101">
        <v>43</v>
      </c>
      <c r="IL11" s="102">
        <v>28</v>
      </c>
      <c r="IM11" s="103">
        <v>71</v>
      </c>
      <c r="IN11" s="413">
        <v>0</v>
      </c>
      <c r="IO11" s="102">
        <v>77</v>
      </c>
      <c r="IP11" s="102">
        <v>39</v>
      </c>
      <c r="IQ11" s="102">
        <v>23</v>
      </c>
      <c r="IR11" s="102">
        <v>14</v>
      </c>
      <c r="IS11" s="102">
        <v>10</v>
      </c>
      <c r="IT11" s="103">
        <v>163</v>
      </c>
      <c r="IU11" s="104">
        <v>234</v>
      </c>
      <c r="IV11" s="101">
        <v>63</v>
      </c>
      <c r="IW11" s="102">
        <v>38</v>
      </c>
      <c r="IX11" s="103">
        <v>101</v>
      </c>
      <c r="IY11" s="413">
        <v>0</v>
      </c>
      <c r="IZ11" s="102">
        <v>90</v>
      </c>
      <c r="JA11" s="102">
        <v>48</v>
      </c>
      <c r="JB11" s="102">
        <v>24</v>
      </c>
      <c r="JC11" s="102">
        <v>31</v>
      </c>
      <c r="JD11" s="102">
        <v>14</v>
      </c>
      <c r="JE11" s="103">
        <v>207</v>
      </c>
      <c r="JF11" s="104">
        <v>308</v>
      </c>
      <c r="JG11" s="101">
        <v>43</v>
      </c>
      <c r="JH11" s="102">
        <v>30</v>
      </c>
      <c r="JI11" s="103">
        <v>73</v>
      </c>
      <c r="JJ11" s="413">
        <v>0</v>
      </c>
      <c r="JK11" s="102">
        <v>92</v>
      </c>
      <c r="JL11" s="102">
        <v>49</v>
      </c>
      <c r="JM11" s="102">
        <v>32</v>
      </c>
      <c r="JN11" s="102">
        <v>33</v>
      </c>
      <c r="JO11" s="102">
        <v>15</v>
      </c>
      <c r="JP11" s="103">
        <v>221</v>
      </c>
      <c r="JQ11" s="104">
        <v>294</v>
      </c>
      <c r="JR11" s="101">
        <v>0</v>
      </c>
      <c r="JS11" s="102">
        <v>0</v>
      </c>
      <c r="JT11" s="103">
        <v>0</v>
      </c>
      <c r="JU11" s="413">
        <v>0</v>
      </c>
      <c r="JV11" s="102">
        <v>0</v>
      </c>
      <c r="JW11" s="102">
        <v>0</v>
      </c>
      <c r="JX11" s="102">
        <v>0</v>
      </c>
      <c r="JY11" s="102">
        <v>0</v>
      </c>
      <c r="JZ11" s="102">
        <v>0</v>
      </c>
      <c r="KA11" s="103">
        <v>0</v>
      </c>
      <c r="KB11" s="104">
        <v>0</v>
      </c>
      <c r="KC11" s="101">
        <v>192</v>
      </c>
      <c r="KD11" s="102">
        <v>131</v>
      </c>
      <c r="KE11" s="103">
        <v>323</v>
      </c>
      <c r="KF11" s="413">
        <v>0</v>
      </c>
      <c r="KG11" s="102">
        <v>325</v>
      </c>
      <c r="KH11" s="102">
        <v>167</v>
      </c>
      <c r="KI11" s="102">
        <v>99</v>
      </c>
      <c r="KJ11" s="102">
        <v>111</v>
      </c>
      <c r="KK11" s="102">
        <v>56</v>
      </c>
      <c r="KL11" s="103">
        <v>758</v>
      </c>
      <c r="KM11" s="104">
        <v>1081</v>
      </c>
    </row>
    <row r="12" spans="2:299" s="70" customFormat="1" ht="21" customHeight="1" x14ac:dyDescent="0.2">
      <c r="B12" s="106" t="s">
        <v>8</v>
      </c>
      <c r="C12" s="96">
        <v>68</v>
      </c>
      <c r="D12" s="97">
        <v>31</v>
      </c>
      <c r="E12" s="98">
        <v>99</v>
      </c>
      <c r="F12" s="413">
        <v>0</v>
      </c>
      <c r="G12" s="97">
        <v>117</v>
      </c>
      <c r="H12" s="97">
        <v>83</v>
      </c>
      <c r="I12" s="97">
        <v>56</v>
      </c>
      <c r="J12" s="97">
        <v>48</v>
      </c>
      <c r="K12" s="97">
        <v>24</v>
      </c>
      <c r="L12" s="99">
        <v>328</v>
      </c>
      <c r="M12" s="100">
        <v>427</v>
      </c>
      <c r="N12" s="101">
        <v>1</v>
      </c>
      <c r="O12" s="102">
        <v>3</v>
      </c>
      <c r="P12" s="103">
        <v>4</v>
      </c>
      <c r="Q12" s="413">
        <v>0</v>
      </c>
      <c r="R12" s="102">
        <v>7</v>
      </c>
      <c r="S12" s="102">
        <v>2</v>
      </c>
      <c r="T12" s="102">
        <v>2</v>
      </c>
      <c r="U12" s="102">
        <v>1</v>
      </c>
      <c r="V12" s="102">
        <v>2</v>
      </c>
      <c r="W12" s="103">
        <v>14</v>
      </c>
      <c r="X12" s="104">
        <v>18</v>
      </c>
      <c r="Y12" s="101">
        <v>5</v>
      </c>
      <c r="Z12" s="102">
        <v>4</v>
      </c>
      <c r="AA12" s="103">
        <v>9</v>
      </c>
      <c r="AB12" s="413">
        <v>0</v>
      </c>
      <c r="AC12" s="102">
        <v>7</v>
      </c>
      <c r="AD12" s="102">
        <v>6</v>
      </c>
      <c r="AE12" s="102">
        <v>2</v>
      </c>
      <c r="AF12" s="102">
        <v>7</v>
      </c>
      <c r="AG12" s="102">
        <v>2</v>
      </c>
      <c r="AH12" s="103">
        <v>24</v>
      </c>
      <c r="AI12" s="104">
        <v>33</v>
      </c>
      <c r="AJ12" s="101">
        <v>11</v>
      </c>
      <c r="AK12" s="102">
        <v>6</v>
      </c>
      <c r="AL12" s="103">
        <v>17</v>
      </c>
      <c r="AM12" s="413">
        <v>0</v>
      </c>
      <c r="AN12" s="102">
        <v>19</v>
      </c>
      <c r="AO12" s="102">
        <v>13</v>
      </c>
      <c r="AP12" s="102">
        <v>8</v>
      </c>
      <c r="AQ12" s="102">
        <v>4</v>
      </c>
      <c r="AR12" s="102">
        <v>5</v>
      </c>
      <c r="AS12" s="103">
        <v>49</v>
      </c>
      <c r="AT12" s="104">
        <v>66</v>
      </c>
      <c r="AU12" s="101">
        <v>16</v>
      </c>
      <c r="AV12" s="102">
        <v>7</v>
      </c>
      <c r="AW12" s="103">
        <v>23</v>
      </c>
      <c r="AX12" s="413">
        <v>0</v>
      </c>
      <c r="AY12" s="102">
        <v>24</v>
      </c>
      <c r="AZ12" s="102">
        <v>14</v>
      </c>
      <c r="BA12" s="102">
        <v>6</v>
      </c>
      <c r="BB12" s="102">
        <v>9</v>
      </c>
      <c r="BC12" s="102">
        <v>5</v>
      </c>
      <c r="BD12" s="103">
        <v>58</v>
      </c>
      <c r="BE12" s="104">
        <v>81</v>
      </c>
      <c r="BF12" s="101">
        <v>17</v>
      </c>
      <c r="BG12" s="102">
        <v>7</v>
      </c>
      <c r="BH12" s="103">
        <v>24</v>
      </c>
      <c r="BI12" s="413">
        <v>0</v>
      </c>
      <c r="BJ12" s="102">
        <v>35</v>
      </c>
      <c r="BK12" s="102">
        <v>26</v>
      </c>
      <c r="BL12" s="102">
        <v>18</v>
      </c>
      <c r="BM12" s="102">
        <v>10</v>
      </c>
      <c r="BN12" s="102">
        <v>5</v>
      </c>
      <c r="BO12" s="103">
        <v>94</v>
      </c>
      <c r="BP12" s="104">
        <v>118</v>
      </c>
      <c r="BQ12" s="101">
        <v>18</v>
      </c>
      <c r="BR12" s="102">
        <v>4</v>
      </c>
      <c r="BS12" s="103">
        <v>22</v>
      </c>
      <c r="BT12" s="413">
        <v>0</v>
      </c>
      <c r="BU12" s="102">
        <v>25</v>
      </c>
      <c r="BV12" s="102">
        <v>22</v>
      </c>
      <c r="BW12" s="102">
        <v>20</v>
      </c>
      <c r="BX12" s="102">
        <v>17</v>
      </c>
      <c r="BY12" s="102">
        <v>5</v>
      </c>
      <c r="BZ12" s="103">
        <v>89</v>
      </c>
      <c r="CA12" s="104">
        <v>111</v>
      </c>
      <c r="CB12" s="101">
        <v>0</v>
      </c>
      <c r="CC12" s="102">
        <v>0</v>
      </c>
      <c r="CD12" s="103">
        <v>0</v>
      </c>
      <c r="CE12" s="413">
        <v>0</v>
      </c>
      <c r="CF12" s="102">
        <v>0</v>
      </c>
      <c r="CG12" s="102">
        <v>0</v>
      </c>
      <c r="CH12" s="102">
        <v>0</v>
      </c>
      <c r="CI12" s="102">
        <v>0</v>
      </c>
      <c r="CJ12" s="102">
        <v>0</v>
      </c>
      <c r="CK12" s="103">
        <v>0</v>
      </c>
      <c r="CL12" s="104">
        <v>0</v>
      </c>
      <c r="CM12" s="101">
        <v>68</v>
      </c>
      <c r="CN12" s="102">
        <v>31</v>
      </c>
      <c r="CO12" s="103">
        <v>99</v>
      </c>
      <c r="CP12" s="413">
        <v>0</v>
      </c>
      <c r="CQ12" s="102">
        <v>117</v>
      </c>
      <c r="CR12" s="102">
        <v>83</v>
      </c>
      <c r="CS12" s="102">
        <v>56</v>
      </c>
      <c r="CT12" s="102">
        <v>48</v>
      </c>
      <c r="CU12" s="102">
        <v>24</v>
      </c>
      <c r="CV12" s="103">
        <v>328</v>
      </c>
      <c r="CW12" s="104">
        <v>427</v>
      </c>
      <c r="CX12" s="105">
        <v>28</v>
      </c>
      <c r="CY12" s="97">
        <v>29</v>
      </c>
      <c r="CZ12" s="98">
        <v>57</v>
      </c>
      <c r="DA12" s="413">
        <v>0</v>
      </c>
      <c r="DB12" s="97">
        <v>49</v>
      </c>
      <c r="DC12" s="97">
        <v>45</v>
      </c>
      <c r="DD12" s="97">
        <v>23</v>
      </c>
      <c r="DE12" s="97">
        <v>20</v>
      </c>
      <c r="DF12" s="97">
        <v>14</v>
      </c>
      <c r="DG12" s="99">
        <v>151</v>
      </c>
      <c r="DH12" s="100">
        <v>208</v>
      </c>
      <c r="DI12" s="101">
        <v>2</v>
      </c>
      <c r="DJ12" s="102">
        <v>0</v>
      </c>
      <c r="DK12" s="103">
        <v>2</v>
      </c>
      <c r="DL12" s="413">
        <v>0</v>
      </c>
      <c r="DM12" s="102">
        <v>1</v>
      </c>
      <c r="DN12" s="102">
        <v>0</v>
      </c>
      <c r="DO12" s="102">
        <v>0</v>
      </c>
      <c r="DP12" s="102">
        <v>1</v>
      </c>
      <c r="DQ12" s="102">
        <v>0</v>
      </c>
      <c r="DR12" s="103">
        <v>2</v>
      </c>
      <c r="DS12" s="104">
        <v>4</v>
      </c>
      <c r="DT12" s="101">
        <v>2</v>
      </c>
      <c r="DU12" s="102">
        <v>1</v>
      </c>
      <c r="DV12" s="103">
        <v>3</v>
      </c>
      <c r="DW12" s="413">
        <v>0</v>
      </c>
      <c r="DX12" s="102">
        <v>1</v>
      </c>
      <c r="DY12" s="102">
        <v>4</v>
      </c>
      <c r="DZ12" s="102">
        <v>1</v>
      </c>
      <c r="EA12" s="102">
        <v>2</v>
      </c>
      <c r="EB12" s="102">
        <v>0</v>
      </c>
      <c r="EC12" s="103">
        <v>8</v>
      </c>
      <c r="ED12" s="104">
        <v>11</v>
      </c>
      <c r="EE12" s="101">
        <v>5</v>
      </c>
      <c r="EF12" s="102">
        <v>5</v>
      </c>
      <c r="EG12" s="103">
        <v>10</v>
      </c>
      <c r="EH12" s="413">
        <v>0</v>
      </c>
      <c r="EI12" s="102">
        <v>5</v>
      </c>
      <c r="EJ12" s="102">
        <v>6</v>
      </c>
      <c r="EK12" s="102">
        <v>2</v>
      </c>
      <c r="EL12" s="102">
        <v>2</v>
      </c>
      <c r="EM12" s="102">
        <v>0</v>
      </c>
      <c r="EN12" s="103">
        <v>15</v>
      </c>
      <c r="EO12" s="104">
        <v>25</v>
      </c>
      <c r="EP12" s="101">
        <v>4</v>
      </c>
      <c r="EQ12" s="102">
        <v>7</v>
      </c>
      <c r="ER12" s="103">
        <v>11</v>
      </c>
      <c r="ES12" s="413">
        <v>0</v>
      </c>
      <c r="ET12" s="102">
        <v>11</v>
      </c>
      <c r="EU12" s="102">
        <v>8</v>
      </c>
      <c r="EV12" s="102">
        <v>4</v>
      </c>
      <c r="EW12" s="102">
        <v>3</v>
      </c>
      <c r="EX12" s="102">
        <v>3</v>
      </c>
      <c r="EY12" s="103">
        <v>29</v>
      </c>
      <c r="EZ12" s="104">
        <v>40</v>
      </c>
      <c r="FA12" s="101">
        <v>10</v>
      </c>
      <c r="FB12" s="102">
        <v>5</v>
      </c>
      <c r="FC12" s="103">
        <v>15</v>
      </c>
      <c r="FD12" s="413">
        <v>0</v>
      </c>
      <c r="FE12" s="102">
        <v>13</v>
      </c>
      <c r="FF12" s="102">
        <v>11</v>
      </c>
      <c r="FG12" s="102">
        <v>4</v>
      </c>
      <c r="FH12" s="102">
        <v>3</v>
      </c>
      <c r="FI12" s="102">
        <v>4</v>
      </c>
      <c r="FJ12" s="103">
        <v>35</v>
      </c>
      <c r="FK12" s="104">
        <v>50</v>
      </c>
      <c r="FL12" s="101">
        <v>5</v>
      </c>
      <c r="FM12" s="102">
        <v>11</v>
      </c>
      <c r="FN12" s="103">
        <v>16</v>
      </c>
      <c r="FO12" s="413">
        <v>0</v>
      </c>
      <c r="FP12" s="102">
        <v>18</v>
      </c>
      <c r="FQ12" s="102">
        <v>16</v>
      </c>
      <c r="FR12" s="102">
        <v>12</v>
      </c>
      <c r="FS12" s="102">
        <v>9</v>
      </c>
      <c r="FT12" s="102">
        <v>7</v>
      </c>
      <c r="FU12" s="103">
        <v>62</v>
      </c>
      <c r="FV12" s="104">
        <v>78</v>
      </c>
      <c r="FW12" s="101">
        <v>0</v>
      </c>
      <c r="FX12" s="102">
        <v>0</v>
      </c>
      <c r="FY12" s="103">
        <v>0</v>
      </c>
      <c r="FZ12" s="413">
        <v>0</v>
      </c>
      <c r="GA12" s="102">
        <v>0</v>
      </c>
      <c r="GB12" s="102">
        <v>0</v>
      </c>
      <c r="GC12" s="102">
        <v>0</v>
      </c>
      <c r="GD12" s="102">
        <v>0</v>
      </c>
      <c r="GE12" s="102">
        <v>0</v>
      </c>
      <c r="GF12" s="103">
        <v>0</v>
      </c>
      <c r="GG12" s="104">
        <v>0</v>
      </c>
      <c r="GH12" s="101">
        <v>28</v>
      </c>
      <c r="GI12" s="102">
        <v>29</v>
      </c>
      <c r="GJ12" s="103">
        <v>57</v>
      </c>
      <c r="GK12" s="413">
        <v>0</v>
      </c>
      <c r="GL12" s="102">
        <v>49</v>
      </c>
      <c r="GM12" s="102">
        <v>45</v>
      </c>
      <c r="GN12" s="102">
        <v>23</v>
      </c>
      <c r="GO12" s="102">
        <v>20</v>
      </c>
      <c r="GP12" s="102">
        <v>14</v>
      </c>
      <c r="GQ12" s="103">
        <v>151</v>
      </c>
      <c r="GR12" s="104">
        <v>208</v>
      </c>
      <c r="GS12" s="105">
        <v>96</v>
      </c>
      <c r="GT12" s="97">
        <v>60</v>
      </c>
      <c r="GU12" s="98">
        <v>156</v>
      </c>
      <c r="GV12" s="413">
        <v>0</v>
      </c>
      <c r="GW12" s="97">
        <v>166</v>
      </c>
      <c r="GX12" s="97">
        <v>128</v>
      </c>
      <c r="GY12" s="97">
        <v>79</v>
      </c>
      <c r="GZ12" s="97">
        <v>68</v>
      </c>
      <c r="HA12" s="97">
        <v>38</v>
      </c>
      <c r="HB12" s="99">
        <v>479</v>
      </c>
      <c r="HC12" s="100">
        <v>635</v>
      </c>
      <c r="HD12" s="101">
        <v>3</v>
      </c>
      <c r="HE12" s="102">
        <v>3</v>
      </c>
      <c r="HF12" s="103">
        <v>6</v>
      </c>
      <c r="HG12" s="413">
        <v>0</v>
      </c>
      <c r="HH12" s="102">
        <v>8</v>
      </c>
      <c r="HI12" s="102">
        <v>2</v>
      </c>
      <c r="HJ12" s="102">
        <v>2</v>
      </c>
      <c r="HK12" s="102">
        <v>2</v>
      </c>
      <c r="HL12" s="102">
        <v>2</v>
      </c>
      <c r="HM12" s="103">
        <v>16</v>
      </c>
      <c r="HN12" s="104">
        <v>22</v>
      </c>
      <c r="HO12" s="101">
        <v>7</v>
      </c>
      <c r="HP12" s="102">
        <v>5</v>
      </c>
      <c r="HQ12" s="103">
        <v>12</v>
      </c>
      <c r="HR12" s="413">
        <v>0</v>
      </c>
      <c r="HS12" s="102">
        <v>8</v>
      </c>
      <c r="HT12" s="102">
        <v>10</v>
      </c>
      <c r="HU12" s="102">
        <v>3</v>
      </c>
      <c r="HV12" s="102">
        <v>9</v>
      </c>
      <c r="HW12" s="102">
        <v>2</v>
      </c>
      <c r="HX12" s="103">
        <v>32</v>
      </c>
      <c r="HY12" s="104">
        <v>44</v>
      </c>
      <c r="HZ12" s="101">
        <v>16</v>
      </c>
      <c r="IA12" s="102">
        <v>11</v>
      </c>
      <c r="IB12" s="103">
        <v>27</v>
      </c>
      <c r="IC12" s="413">
        <v>0</v>
      </c>
      <c r="ID12" s="102">
        <v>24</v>
      </c>
      <c r="IE12" s="102">
        <v>19</v>
      </c>
      <c r="IF12" s="102">
        <v>10</v>
      </c>
      <c r="IG12" s="102">
        <v>6</v>
      </c>
      <c r="IH12" s="102">
        <v>5</v>
      </c>
      <c r="II12" s="103">
        <v>64</v>
      </c>
      <c r="IJ12" s="104">
        <v>91</v>
      </c>
      <c r="IK12" s="101">
        <v>20</v>
      </c>
      <c r="IL12" s="102">
        <v>14</v>
      </c>
      <c r="IM12" s="103">
        <v>34</v>
      </c>
      <c r="IN12" s="413">
        <v>0</v>
      </c>
      <c r="IO12" s="102">
        <v>35</v>
      </c>
      <c r="IP12" s="102">
        <v>22</v>
      </c>
      <c r="IQ12" s="102">
        <v>10</v>
      </c>
      <c r="IR12" s="102">
        <v>12</v>
      </c>
      <c r="IS12" s="102">
        <v>8</v>
      </c>
      <c r="IT12" s="103">
        <v>87</v>
      </c>
      <c r="IU12" s="104">
        <v>121</v>
      </c>
      <c r="IV12" s="101">
        <v>27</v>
      </c>
      <c r="IW12" s="102">
        <v>12</v>
      </c>
      <c r="IX12" s="103">
        <v>39</v>
      </c>
      <c r="IY12" s="413">
        <v>0</v>
      </c>
      <c r="IZ12" s="102">
        <v>48</v>
      </c>
      <c r="JA12" s="102">
        <v>37</v>
      </c>
      <c r="JB12" s="102">
        <v>22</v>
      </c>
      <c r="JC12" s="102">
        <v>13</v>
      </c>
      <c r="JD12" s="102">
        <v>9</v>
      </c>
      <c r="JE12" s="103">
        <v>129</v>
      </c>
      <c r="JF12" s="104">
        <v>168</v>
      </c>
      <c r="JG12" s="101">
        <v>23</v>
      </c>
      <c r="JH12" s="102">
        <v>15</v>
      </c>
      <c r="JI12" s="103">
        <v>38</v>
      </c>
      <c r="JJ12" s="413">
        <v>0</v>
      </c>
      <c r="JK12" s="102">
        <v>43</v>
      </c>
      <c r="JL12" s="102">
        <v>38</v>
      </c>
      <c r="JM12" s="102">
        <v>32</v>
      </c>
      <c r="JN12" s="102">
        <v>26</v>
      </c>
      <c r="JO12" s="102">
        <v>12</v>
      </c>
      <c r="JP12" s="103">
        <v>151</v>
      </c>
      <c r="JQ12" s="104">
        <v>189</v>
      </c>
      <c r="JR12" s="101">
        <v>0</v>
      </c>
      <c r="JS12" s="102">
        <v>0</v>
      </c>
      <c r="JT12" s="103">
        <v>0</v>
      </c>
      <c r="JU12" s="413">
        <v>0</v>
      </c>
      <c r="JV12" s="102">
        <v>0</v>
      </c>
      <c r="JW12" s="102">
        <v>0</v>
      </c>
      <c r="JX12" s="102">
        <v>0</v>
      </c>
      <c r="JY12" s="102">
        <v>0</v>
      </c>
      <c r="JZ12" s="102">
        <v>0</v>
      </c>
      <c r="KA12" s="103">
        <v>0</v>
      </c>
      <c r="KB12" s="104">
        <v>0</v>
      </c>
      <c r="KC12" s="101">
        <v>96</v>
      </c>
      <c r="KD12" s="102">
        <v>60</v>
      </c>
      <c r="KE12" s="103">
        <v>156</v>
      </c>
      <c r="KF12" s="413">
        <v>0</v>
      </c>
      <c r="KG12" s="102">
        <v>166</v>
      </c>
      <c r="KH12" s="102">
        <v>128</v>
      </c>
      <c r="KI12" s="102">
        <v>79</v>
      </c>
      <c r="KJ12" s="102">
        <v>68</v>
      </c>
      <c r="KK12" s="102">
        <v>38</v>
      </c>
      <c r="KL12" s="103">
        <v>479</v>
      </c>
      <c r="KM12" s="104">
        <v>635</v>
      </c>
    </row>
    <row r="13" spans="2:299" s="70" customFormat="1" ht="21" customHeight="1" x14ac:dyDescent="0.2">
      <c r="B13" s="106" t="s">
        <v>9</v>
      </c>
      <c r="C13" s="96">
        <v>203</v>
      </c>
      <c r="D13" s="97">
        <v>109</v>
      </c>
      <c r="E13" s="98">
        <v>312</v>
      </c>
      <c r="F13" s="413">
        <v>0</v>
      </c>
      <c r="G13" s="97">
        <v>230</v>
      </c>
      <c r="H13" s="97">
        <v>146</v>
      </c>
      <c r="I13" s="97">
        <v>112</v>
      </c>
      <c r="J13" s="97">
        <v>85</v>
      </c>
      <c r="K13" s="97">
        <v>57</v>
      </c>
      <c r="L13" s="99">
        <v>630</v>
      </c>
      <c r="M13" s="100">
        <v>942</v>
      </c>
      <c r="N13" s="101">
        <v>4</v>
      </c>
      <c r="O13" s="102">
        <v>5</v>
      </c>
      <c r="P13" s="103">
        <v>9</v>
      </c>
      <c r="Q13" s="413">
        <v>0</v>
      </c>
      <c r="R13" s="102">
        <v>2</v>
      </c>
      <c r="S13" s="102">
        <v>3</v>
      </c>
      <c r="T13" s="102">
        <v>2</v>
      </c>
      <c r="U13" s="102">
        <v>1</v>
      </c>
      <c r="V13" s="102">
        <v>5</v>
      </c>
      <c r="W13" s="103">
        <v>13</v>
      </c>
      <c r="X13" s="104">
        <v>22</v>
      </c>
      <c r="Y13" s="101">
        <v>6</v>
      </c>
      <c r="Z13" s="102">
        <v>9</v>
      </c>
      <c r="AA13" s="103">
        <v>15</v>
      </c>
      <c r="AB13" s="413">
        <v>0</v>
      </c>
      <c r="AC13" s="102">
        <v>12</v>
      </c>
      <c r="AD13" s="102">
        <v>7</v>
      </c>
      <c r="AE13" s="102">
        <v>1</v>
      </c>
      <c r="AF13" s="102">
        <v>3</v>
      </c>
      <c r="AG13" s="102">
        <v>2</v>
      </c>
      <c r="AH13" s="103">
        <v>25</v>
      </c>
      <c r="AI13" s="104">
        <v>40</v>
      </c>
      <c r="AJ13" s="101">
        <v>26</v>
      </c>
      <c r="AK13" s="102">
        <v>11</v>
      </c>
      <c r="AL13" s="103">
        <v>37</v>
      </c>
      <c r="AM13" s="413">
        <v>0</v>
      </c>
      <c r="AN13" s="102">
        <v>18</v>
      </c>
      <c r="AO13" s="102">
        <v>9</v>
      </c>
      <c r="AP13" s="102">
        <v>14</v>
      </c>
      <c r="AQ13" s="102">
        <v>6</v>
      </c>
      <c r="AR13" s="102">
        <v>5</v>
      </c>
      <c r="AS13" s="103">
        <v>52</v>
      </c>
      <c r="AT13" s="104">
        <v>89</v>
      </c>
      <c r="AU13" s="101">
        <v>39</v>
      </c>
      <c r="AV13" s="102">
        <v>22</v>
      </c>
      <c r="AW13" s="103">
        <v>61</v>
      </c>
      <c r="AX13" s="413">
        <v>0</v>
      </c>
      <c r="AY13" s="102">
        <v>48</v>
      </c>
      <c r="AZ13" s="102">
        <v>21</v>
      </c>
      <c r="BA13" s="102">
        <v>22</v>
      </c>
      <c r="BB13" s="102">
        <v>15</v>
      </c>
      <c r="BC13" s="102">
        <v>5</v>
      </c>
      <c r="BD13" s="103">
        <v>111</v>
      </c>
      <c r="BE13" s="104">
        <v>172</v>
      </c>
      <c r="BF13" s="101">
        <v>73</v>
      </c>
      <c r="BG13" s="102">
        <v>39</v>
      </c>
      <c r="BH13" s="103">
        <v>112</v>
      </c>
      <c r="BI13" s="413">
        <v>0</v>
      </c>
      <c r="BJ13" s="102">
        <v>77</v>
      </c>
      <c r="BK13" s="102">
        <v>36</v>
      </c>
      <c r="BL13" s="102">
        <v>32</v>
      </c>
      <c r="BM13" s="102">
        <v>19</v>
      </c>
      <c r="BN13" s="102">
        <v>23</v>
      </c>
      <c r="BO13" s="103">
        <v>187</v>
      </c>
      <c r="BP13" s="104">
        <v>299</v>
      </c>
      <c r="BQ13" s="101">
        <v>55</v>
      </c>
      <c r="BR13" s="102">
        <v>23</v>
      </c>
      <c r="BS13" s="103">
        <v>78</v>
      </c>
      <c r="BT13" s="413">
        <v>0</v>
      </c>
      <c r="BU13" s="102">
        <v>73</v>
      </c>
      <c r="BV13" s="102">
        <v>70</v>
      </c>
      <c r="BW13" s="102">
        <v>41</v>
      </c>
      <c r="BX13" s="102">
        <v>41</v>
      </c>
      <c r="BY13" s="102">
        <v>17</v>
      </c>
      <c r="BZ13" s="103">
        <v>242</v>
      </c>
      <c r="CA13" s="104">
        <v>320</v>
      </c>
      <c r="CB13" s="101">
        <v>0</v>
      </c>
      <c r="CC13" s="102">
        <v>0</v>
      </c>
      <c r="CD13" s="103">
        <v>0</v>
      </c>
      <c r="CE13" s="413">
        <v>0</v>
      </c>
      <c r="CF13" s="102">
        <v>0</v>
      </c>
      <c r="CG13" s="102">
        <v>0</v>
      </c>
      <c r="CH13" s="102">
        <v>0</v>
      </c>
      <c r="CI13" s="102">
        <v>0</v>
      </c>
      <c r="CJ13" s="102">
        <v>0</v>
      </c>
      <c r="CK13" s="103">
        <v>0</v>
      </c>
      <c r="CL13" s="104">
        <v>0</v>
      </c>
      <c r="CM13" s="101">
        <v>203</v>
      </c>
      <c r="CN13" s="102">
        <v>109</v>
      </c>
      <c r="CO13" s="103">
        <v>312</v>
      </c>
      <c r="CP13" s="413">
        <v>0</v>
      </c>
      <c r="CQ13" s="102">
        <v>230</v>
      </c>
      <c r="CR13" s="102">
        <v>146</v>
      </c>
      <c r="CS13" s="102">
        <v>112</v>
      </c>
      <c r="CT13" s="102">
        <v>85</v>
      </c>
      <c r="CU13" s="102">
        <v>57</v>
      </c>
      <c r="CV13" s="103">
        <v>630</v>
      </c>
      <c r="CW13" s="104">
        <v>942</v>
      </c>
      <c r="CX13" s="105">
        <v>85</v>
      </c>
      <c r="CY13" s="97">
        <v>53</v>
      </c>
      <c r="CZ13" s="98">
        <v>138</v>
      </c>
      <c r="DA13" s="413">
        <v>0</v>
      </c>
      <c r="DB13" s="97">
        <v>72</v>
      </c>
      <c r="DC13" s="97">
        <v>64</v>
      </c>
      <c r="DD13" s="97">
        <v>45</v>
      </c>
      <c r="DE13" s="97">
        <v>45</v>
      </c>
      <c r="DF13" s="97">
        <v>19</v>
      </c>
      <c r="DG13" s="99">
        <v>245</v>
      </c>
      <c r="DH13" s="100">
        <v>383</v>
      </c>
      <c r="DI13" s="101">
        <v>1</v>
      </c>
      <c r="DJ13" s="102">
        <v>2</v>
      </c>
      <c r="DK13" s="103">
        <v>3</v>
      </c>
      <c r="DL13" s="413">
        <v>0</v>
      </c>
      <c r="DM13" s="102">
        <v>1</v>
      </c>
      <c r="DN13" s="102">
        <v>0</v>
      </c>
      <c r="DO13" s="102">
        <v>0</v>
      </c>
      <c r="DP13" s="102">
        <v>1</v>
      </c>
      <c r="DQ13" s="102">
        <v>1</v>
      </c>
      <c r="DR13" s="103">
        <v>3</v>
      </c>
      <c r="DS13" s="104">
        <v>6</v>
      </c>
      <c r="DT13" s="101">
        <v>3</v>
      </c>
      <c r="DU13" s="102">
        <v>9</v>
      </c>
      <c r="DV13" s="103">
        <v>12</v>
      </c>
      <c r="DW13" s="413">
        <v>0</v>
      </c>
      <c r="DX13" s="102">
        <v>4</v>
      </c>
      <c r="DY13" s="102">
        <v>0</v>
      </c>
      <c r="DZ13" s="102">
        <v>0</v>
      </c>
      <c r="EA13" s="102">
        <v>2</v>
      </c>
      <c r="EB13" s="102">
        <v>1</v>
      </c>
      <c r="EC13" s="103">
        <v>7</v>
      </c>
      <c r="ED13" s="104">
        <v>19</v>
      </c>
      <c r="EE13" s="101">
        <v>9</v>
      </c>
      <c r="EF13" s="102">
        <v>6</v>
      </c>
      <c r="EG13" s="103">
        <v>15</v>
      </c>
      <c r="EH13" s="413">
        <v>0</v>
      </c>
      <c r="EI13" s="102">
        <v>8</v>
      </c>
      <c r="EJ13" s="102">
        <v>6</v>
      </c>
      <c r="EK13" s="102">
        <v>3</v>
      </c>
      <c r="EL13" s="102">
        <v>3</v>
      </c>
      <c r="EM13" s="102">
        <v>0</v>
      </c>
      <c r="EN13" s="103">
        <v>20</v>
      </c>
      <c r="EO13" s="104">
        <v>35</v>
      </c>
      <c r="EP13" s="101">
        <v>28</v>
      </c>
      <c r="EQ13" s="102">
        <v>13</v>
      </c>
      <c r="ER13" s="103">
        <v>41</v>
      </c>
      <c r="ES13" s="413">
        <v>0</v>
      </c>
      <c r="ET13" s="102">
        <v>15</v>
      </c>
      <c r="EU13" s="102">
        <v>10</v>
      </c>
      <c r="EV13" s="102">
        <v>8</v>
      </c>
      <c r="EW13" s="102">
        <v>5</v>
      </c>
      <c r="EX13" s="102">
        <v>1</v>
      </c>
      <c r="EY13" s="103">
        <v>39</v>
      </c>
      <c r="EZ13" s="104">
        <v>80</v>
      </c>
      <c r="FA13" s="101">
        <v>29</v>
      </c>
      <c r="FB13" s="102">
        <v>10</v>
      </c>
      <c r="FC13" s="103">
        <v>39</v>
      </c>
      <c r="FD13" s="413">
        <v>0</v>
      </c>
      <c r="FE13" s="102">
        <v>22</v>
      </c>
      <c r="FF13" s="102">
        <v>18</v>
      </c>
      <c r="FG13" s="102">
        <v>12</v>
      </c>
      <c r="FH13" s="102">
        <v>8</v>
      </c>
      <c r="FI13" s="102">
        <v>4</v>
      </c>
      <c r="FJ13" s="103">
        <v>64</v>
      </c>
      <c r="FK13" s="104">
        <v>103</v>
      </c>
      <c r="FL13" s="101">
        <v>15</v>
      </c>
      <c r="FM13" s="102">
        <v>13</v>
      </c>
      <c r="FN13" s="103">
        <v>28</v>
      </c>
      <c r="FO13" s="413">
        <v>0</v>
      </c>
      <c r="FP13" s="102">
        <v>22</v>
      </c>
      <c r="FQ13" s="102">
        <v>30</v>
      </c>
      <c r="FR13" s="102">
        <v>22</v>
      </c>
      <c r="FS13" s="102">
        <v>26</v>
      </c>
      <c r="FT13" s="102">
        <v>12</v>
      </c>
      <c r="FU13" s="103">
        <v>112</v>
      </c>
      <c r="FV13" s="104">
        <v>140</v>
      </c>
      <c r="FW13" s="101">
        <v>0</v>
      </c>
      <c r="FX13" s="102">
        <v>0</v>
      </c>
      <c r="FY13" s="103">
        <v>0</v>
      </c>
      <c r="FZ13" s="413">
        <v>0</v>
      </c>
      <c r="GA13" s="102">
        <v>0</v>
      </c>
      <c r="GB13" s="102">
        <v>0</v>
      </c>
      <c r="GC13" s="102">
        <v>0</v>
      </c>
      <c r="GD13" s="102">
        <v>0</v>
      </c>
      <c r="GE13" s="102">
        <v>0</v>
      </c>
      <c r="GF13" s="103">
        <v>0</v>
      </c>
      <c r="GG13" s="104">
        <v>0</v>
      </c>
      <c r="GH13" s="101">
        <v>85</v>
      </c>
      <c r="GI13" s="102">
        <v>53</v>
      </c>
      <c r="GJ13" s="103">
        <v>138</v>
      </c>
      <c r="GK13" s="413">
        <v>0</v>
      </c>
      <c r="GL13" s="102">
        <v>72</v>
      </c>
      <c r="GM13" s="102">
        <v>64</v>
      </c>
      <c r="GN13" s="102">
        <v>45</v>
      </c>
      <c r="GO13" s="102">
        <v>45</v>
      </c>
      <c r="GP13" s="102">
        <v>19</v>
      </c>
      <c r="GQ13" s="103">
        <v>245</v>
      </c>
      <c r="GR13" s="104">
        <v>383</v>
      </c>
      <c r="GS13" s="105">
        <v>288</v>
      </c>
      <c r="GT13" s="97">
        <v>162</v>
      </c>
      <c r="GU13" s="98">
        <v>450</v>
      </c>
      <c r="GV13" s="413">
        <v>0</v>
      </c>
      <c r="GW13" s="97">
        <v>302</v>
      </c>
      <c r="GX13" s="97">
        <v>210</v>
      </c>
      <c r="GY13" s="97">
        <v>157</v>
      </c>
      <c r="GZ13" s="97">
        <v>130</v>
      </c>
      <c r="HA13" s="97">
        <v>76</v>
      </c>
      <c r="HB13" s="99">
        <v>875</v>
      </c>
      <c r="HC13" s="100">
        <v>1325</v>
      </c>
      <c r="HD13" s="101">
        <v>5</v>
      </c>
      <c r="HE13" s="102">
        <v>7</v>
      </c>
      <c r="HF13" s="103">
        <v>12</v>
      </c>
      <c r="HG13" s="413">
        <v>0</v>
      </c>
      <c r="HH13" s="102">
        <v>3</v>
      </c>
      <c r="HI13" s="102">
        <v>3</v>
      </c>
      <c r="HJ13" s="102">
        <v>2</v>
      </c>
      <c r="HK13" s="102">
        <v>2</v>
      </c>
      <c r="HL13" s="102">
        <v>6</v>
      </c>
      <c r="HM13" s="103">
        <v>16</v>
      </c>
      <c r="HN13" s="104">
        <v>28</v>
      </c>
      <c r="HO13" s="101">
        <v>9</v>
      </c>
      <c r="HP13" s="102">
        <v>18</v>
      </c>
      <c r="HQ13" s="103">
        <v>27</v>
      </c>
      <c r="HR13" s="413">
        <v>0</v>
      </c>
      <c r="HS13" s="102">
        <v>16</v>
      </c>
      <c r="HT13" s="102">
        <v>7</v>
      </c>
      <c r="HU13" s="102">
        <v>1</v>
      </c>
      <c r="HV13" s="102">
        <v>5</v>
      </c>
      <c r="HW13" s="102">
        <v>3</v>
      </c>
      <c r="HX13" s="103">
        <v>32</v>
      </c>
      <c r="HY13" s="104">
        <v>59</v>
      </c>
      <c r="HZ13" s="101">
        <v>35</v>
      </c>
      <c r="IA13" s="102">
        <v>17</v>
      </c>
      <c r="IB13" s="103">
        <v>52</v>
      </c>
      <c r="IC13" s="413">
        <v>0</v>
      </c>
      <c r="ID13" s="102">
        <v>26</v>
      </c>
      <c r="IE13" s="102">
        <v>15</v>
      </c>
      <c r="IF13" s="102">
        <v>17</v>
      </c>
      <c r="IG13" s="102">
        <v>9</v>
      </c>
      <c r="IH13" s="102">
        <v>5</v>
      </c>
      <c r="II13" s="103">
        <v>72</v>
      </c>
      <c r="IJ13" s="104">
        <v>124</v>
      </c>
      <c r="IK13" s="101">
        <v>67</v>
      </c>
      <c r="IL13" s="102">
        <v>35</v>
      </c>
      <c r="IM13" s="103">
        <v>102</v>
      </c>
      <c r="IN13" s="413">
        <v>0</v>
      </c>
      <c r="IO13" s="102">
        <v>63</v>
      </c>
      <c r="IP13" s="102">
        <v>31</v>
      </c>
      <c r="IQ13" s="102">
        <v>30</v>
      </c>
      <c r="IR13" s="102">
        <v>20</v>
      </c>
      <c r="IS13" s="102">
        <v>6</v>
      </c>
      <c r="IT13" s="103">
        <v>150</v>
      </c>
      <c r="IU13" s="104">
        <v>252</v>
      </c>
      <c r="IV13" s="101">
        <v>102</v>
      </c>
      <c r="IW13" s="102">
        <v>49</v>
      </c>
      <c r="IX13" s="103">
        <v>151</v>
      </c>
      <c r="IY13" s="413">
        <v>0</v>
      </c>
      <c r="IZ13" s="102">
        <v>99</v>
      </c>
      <c r="JA13" s="102">
        <v>54</v>
      </c>
      <c r="JB13" s="102">
        <v>44</v>
      </c>
      <c r="JC13" s="102">
        <v>27</v>
      </c>
      <c r="JD13" s="102">
        <v>27</v>
      </c>
      <c r="JE13" s="103">
        <v>251</v>
      </c>
      <c r="JF13" s="104">
        <v>402</v>
      </c>
      <c r="JG13" s="101">
        <v>70</v>
      </c>
      <c r="JH13" s="102">
        <v>36</v>
      </c>
      <c r="JI13" s="103">
        <v>106</v>
      </c>
      <c r="JJ13" s="413">
        <v>0</v>
      </c>
      <c r="JK13" s="102">
        <v>95</v>
      </c>
      <c r="JL13" s="102">
        <v>100</v>
      </c>
      <c r="JM13" s="102">
        <v>63</v>
      </c>
      <c r="JN13" s="102">
        <v>67</v>
      </c>
      <c r="JO13" s="102">
        <v>29</v>
      </c>
      <c r="JP13" s="103">
        <v>354</v>
      </c>
      <c r="JQ13" s="104">
        <v>460</v>
      </c>
      <c r="JR13" s="101">
        <v>0</v>
      </c>
      <c r="JS13" s="102">
        <v>0</v>
      </c>
      <c r="JT13" s="103">
        <v>0</v>
      </c>
      <c r="JU13" s="413">
        <v>0</v>
      </c>
      <c r="JV13" s="102">
        <v>0</v>
      </c>
      <c r="JW13" s="102">
        <v>0</v>
      </c>
      <c r="JX13" s="102">
        <v>0</v>
      </c>
      <c r="JY13" s="102">
        <v>0</v>
      </c>
      <c r="JZ13" s="102">
        <v>0</v>
      </c>
      <c r="KA13" s="103">
        <v>0</v>
      </c>
      <c r="KB13" s="104">
        <v>0</v>
      </c>
      <c r="KC13" s="101">
        <v>288</v>
      </c>
      <c r="KD13" s="102">
        <v>162</v>
      </c>
      <c r="KE13" s="103">
        <v>450</v>
      </c>
      <c r="KF13" s="413">
        <v>0</v>
      </c>
      <c r="KG13" s="102">
        <v>302</v>
      </c>
      <c r="KH13" s="102">
        <v>210</v>
      </c>
      <c r="KI13" s="102">
        <v>157</v>
      </c>
      <c r="KJ13" s="102">
        <v>130</v>
      </c>
      <c r="KK13" s="102">
        <v>76</v>
      </c>
      <c r="KL13" s="103">
        <v>875</v>
      </c>
      <c r="KM13" s="104">
        <v>1325</v>
      </c>
    </row>
    <row r="14" spans="2:299" s="70" customFormat="1" ht="21" customHeight="1" x14ac:dyDescent="0.2">
      <c r="B14" s="106" t="s">
        <v>10</v>
      </c>
      <c r="C14" s="96">
        <v>280</v>
      </c>
      <c r="D14" s="97">
        <v>199</v>
      </c>
      <c r="E14" s="98">
        <v>479</v>
      </c>
      <c r="F14" s="413">
        <v>0</v>
      </c>
      <c r="G14" s="97">
        <v>291</v>
      </c>
      <c r="H14" s="97">
        <v>159</v>
      </c>
      <c r="I14" s="97">
        <v>124</v>
      </c>
      <c r="J14" s="97">
        <v>90</v>
      </c>
      <c r="K14" s="97">
        <v>77</v>
      </c>
      <c r="L14" s="99">
        <v>741</v>
      </c>
      <c r="M14" s="100">
        <v>1220</v>
      </c>
      <c r="N14" s="101">
        <v>9</v>
      </c>
      <c r="O14" s="102">
        <v>8</v>
      </c>
      <c r="P14" s="103">
        <v>17</v>
      </c>
      <c r="Q14" s="413">
        <v>0</v>
      </c>
      <c r="R14" s="102">
        <v>7</v>
      </c>
      <c r="S14" s="102">
        <v>11</v>
      </c>
      <c r="T14" s="102">
        <v>5</v>
      </c>
      <c r="U14" s="102">
        <v>4</v>
      </c>
      <c r="V14" s="102">
        <v>2</v>
      </c>
      <c r="W14" s="103">
        <v>29</v>
      </c>
      <c r="X14" s="104">
        <v>46</v>
      </c>
      <c r="Y14" s="101">
        <v>16</v>
      </c>
      <c r="Z14" s="102">
        <v>15</v>
      </c>
      <c r="AA14" s="103">
        <v>31</v>
      </c>
      <c r="AB14" s="413">
        <v>0</v>
      </c>
      <c r="AC14" s="102">
        <v>22</v>
      </c>
      <c r="AD14" s="102">
        <v>14</v>
      </c>
      <c r="AE14" s="102">
        <v>12</v>
      </c>
      <c r="AF14" s="102">
        <v>11</v>
      </c>
      <c r="AG14" s="102">
        <v>10</v>
      </c>
      <c r="AH14" s="103">
        <v>69</v>
      </c>
      <c r="AI14" s="104">
        <v>100</v>
      </c>
      <c r="AJ14" s="101">
        <v>24</v>
      </c>
      <c r="AK14" s="102">
        <v>37</v>
      </c>
      <c r="AL14" s="103">
        <v>61</v>
      </c>
      <c r="AM14" s="413">
        <v>0</v>
      </c>
      <c r="AN14" s="102">
        <v>44</v>
      </c>
      <c r="AO14" s="102">
        <v>17</v>
      </c>
      <c r="AP14" s="102">
        <v>12</v>
      </c>
      <c r="AQ14" s="102">
        <v>11</v>
      </c>
      <c r="AR14" s="102">
        <v>16</v>
      </c>
      <c r="AS14" s="103">
        <v>100</v>
      </c>
      <c r="AT14" s="104">
        <v>161</v>
      </c>
      <c r="AU14" s="101">
        <v>70</v>
      </c>
      <c r="AV14" s="102">
        <v>40</v>
      </c>
      <c r="AW14" s="103">
        <v>110</v>
      </c>
      <c r="AX14" s="413">
        <v>0</v>
      </c>
      <c r="AY14" s="102">
        <v>66</v>
      </c>
      <c r="AZ14" s="102">
        <v>23</v>
      </c>
      <c r="BA14" s="102">
        <v>20</v>
      </c>
      <c r="BB14" s="102">
        <v>18</v>
      </c>
      <c r="BC14" s="102">
        <v>19</v>
      </c>
      <c r="BD14" s="103">
        <v>146</v>
      </c>
      <c r="BE14" s="104">
        <v>256</v>
      </c>
      <c r="BF14" s="101">
        <v>86</v>
      </c>
      <c r="BG14" s="102">
        <v>44</v>
      </c>
      <c r="BH14" s="103">
        <v>130</v>
      </c>
      <c r="BI14" s="413">
        <v>0</v>
      </c>
      <c r="BJ14" s="102">
        <v>73</v>
      </c>
      <c r="BK14" s="102">
        <v>46</v>
      </c>
      <c r="BL14" s="102">
        <v>33</v>
      </c>
      <c r="BM14" s="102">
        <v>17</v>
      </c>
      <c r="BN14" s="102">
        <v>17</v>
      </c>
      <c r="BO14" s="103">
        <v>186</v>
      </c>
      <c r="BP14" s="104">
        <v>316</v>
      </c>
      <c r="BQ14" s="101">
        <v>75</v>
      </c>
      <c r="BR14" s="102">
        <v>55</v>
      </c>
      <c r="BS14" s="103">
        <v>130</v>
      </c>
      <c r="BT14" s="413">
        <v>0</v>
      </c>
      <c r="BU14" s="102">
        <v>79</v>
      </c>
      <c r="BV14" s="102">
        <v>48</v>
      </c>
      <c r="BW14" s="102">
        <v>42</v>
      </c>
      <c r="BX14" s="102">
        <v>29</v>
      </c>
      <c r="BY14" s="102">
        <v>13</v>
      </c>
      <c r="BZ14" s="103">
        <v>211</v>
      </c>
      <c r="CA14" s="104">
        <v>341</v>
      </c>
      <c r="CB14" s="101">
        <v>0</v>
      </c>
      <c r="CC14" s="102">
        <v>0</v>
      </c>
      <c r="CD14" s="103">
        <v>0</v>
      </c>
      <c r="CE14" s="413">
        <v>0</v>
      </c>
      <c r="CF14" s="102">
        <v>0</v>
      </c>
      <c r="CG14" s="102">
        <v>0</v>
      </c>
      <c r="CH14" s="102">
        <v>0</v>
      </c>
      <c r="CI14" s="102">
        <v>0</v>
      </c>
      <c r="CJ14" s="102">
        <v>0</v>
      </c>
      <c r="CK14" s="103">
        <v>0</v>
      </c>
      <c r="CL14" s="104">
        <v>0</v>
      </c>
      <c r="CM14" s="101">
        <v>280</v>
      </c>
      <c r="CN14" s="102">
        <v>199</v>
      </c>
      <c r="CO14" s="103">
        <v>479</v>
      </c>
      <c r="CP14" s="413">
        <v>0</v>
      </c>
      <c r="CQ14" s="102">
        <v>291</v>
      </c>
      <c r="CR14" s="102">
        <v>159</v>
      </c>
      <c r="CS14" s="102">
        <v>124</v>
      </c>
      <c r="CT14" s="102">
        <v>90</v>
      </c>
      <c r="CU14" s="102">
        <v>77</v>
      </c>
      <c r="CV14" s="103">
        <v>741</v>
      </c>
      <c r="CW14" s="104">
        <v>1220</v>
      </c>
      <c r="CX14" s="105">
        <v>116</v>
      </c>
      <c r="CY14" s="97">
        <v>73</v>
      </c>
      <c r="CZ14" s="98">
        <v>189</v>
      </c>
      <c r="DA14" s="413">
        <v>0</v>
      </c>
      <c r="DB14" s="97">
        <v>125</v>
      </c>
      <c r="DC14" s="97">
        <v>62</v>
      </c>
      <c r="DD14" s="97">
        <v>48</v>
      </c>
      <c r="DE14" s="97">
        <v>51</v>
      </c>
      <c r="DF14" s="97">
        <v>35</v>
      </c>
      <c r="DG14" s="99">
        <v>321</v>
      </c>
      <c r="DH14" s="100">
        <v>510</v>
      </c>
      <c r="DI14" s="101">
        <v>6</v>
      </c>
      <c r="DJ14" s="102">
        <v>4</v>
      </c>
      <c r="DK14" s="103">
        <v>10</v>
      </c>
      <c r="DL14" s="413">
        <v>0</v>
      </c>
      <c r="DM14" s="102">
        <v>1</v>
      </c>
      <c r="DN14" s="102">
        <v>1</v>
      </c>
      <c r="DO14" s="102">
        <v>1</v>
      </c>
      <c r="DP14" s="102">
        <v>0</v>
      </c>
      <c r="DQ14" s="102">
        <v>0</v>
      </c>
      <c r="DR14" s="103">
        <v>3</v>
      </c>
      <c r="DS14" s="104">
        <v>13</v>
      </c>
      <c r="DT14" s="101">
        <v>8</v>
      </c>
      <c r="DU14" s="102">
        <v>5</v>
      </c>
      <c r="DV14" s="103">
        <v>13</v>
      </c>
      <c r="DW14" s="413">
        <v>0</v>
      </c>
      <c r="DX14" s="102">
        <v>8</v>
      </c>
      <c r="DY14" s="102">
        <v>2</v>
      </c>
      <c r="DZ14" s="102">
        <v>1</v>
      </c>
      <c r="EA14" s="102">
        <v>1</v>
      </c>
      <c r="EB14" s="102">
        <v>2</v>
      </c>
      <c r="EC14" s="103">
        <v>14</v>
      </c>
      <c r="ED14" s="104">
        <v>27</v>
      </c>
      <c r="EE14" s="101">
        <v>18</v>
      </c>
      <c r="EF14" s="102">
        <v>10</v>
      </c>
      <c r="EG14" s="103">
        <v>28</v>
      </c>
      <c r="EH14" s="413">
        <v>0</v>
      </c>
      <c r="EI14" s="102">
        <v>13</v>
      </c>
      <c r="EJ14" s="102">
        <v>6</v>
      </c>
      <c r="EK14" s="102">
        <v>3</v>
      </c>
      <c r="EL14" s="102">
        <v>2</v>
      </c>
      <c r="EM14" s="102">
        <v>2</v>
      </c>
      <c r="EN14" s="103">
        <v>26</v>
      </c>
      <c r="EO14" s="104">
        <v>54</v>
      </c>
      <c r="EP14" s="101">
        <v>25</v>
      </c>
      <c r="EQ14" s="102">
        <v>17</v>
      </c>
      <c r="ER14" s="103">
        <v>42</v>
      </c>
      <c r="ES14" s="413">
        <v>0</v>
      </c>
      <c r="ET14" s="102">
        <v>26</v>
      </c>
      <c r="EU14" s="102">
        <v>12</v>
      </c>
      <c r="EV14" s="102">
        <v>5</v>
      </c>
      <c r="EW14" s="102">
        <v>4</v>
      </c>
      <c r="EX14" s="102">
        <v>5</v>
      </c>
      <c r="EY14" s="103">
        <v>52</v>
      </c>
      <c r="EZ14" s="104">
        <v>94</v>
      </c>
      <c r="FA14" s="101">
        <v>33</v>
      </c>
      <c r="FB14" s="102">
        <v>23</v>
      </c>
      <c r="FC14" s="103">
        <v>56</v>
      </c>
      <c r="FD14" s="413">
        <v>0</v>
      </c>
      <c r="FE14" s="102">
        <v>35</v>
      </c>
      <c r="FF14" s="102">
        <v>16</v>
      </c>
      <c r="FG14" s="102">
        <v>13</v>
      </c>
      <c r="FH14" s="102">
        <v>11</v>
      </c>
      <c r="FI14" s="102">
        <v>8</v>
      </c>
      <c r="FJ14" s="103">
        <v>83</v>
      </c>
      <c r="FK14" s="104">
        <v>139</v>
      </c>
      <c r="FL14" s="101">
        <v>26</v>
      </c>
      <c r="FM14" s="102">
        <v>14</v>
      </c>
      <c r="FN14" s="103">
        <v>40</v>
      </c>
      <c r="FO14" s="413">
        <v>0</v>
      </c>
      <c r="FP14" s="102">
        <v>42</v>
      </c>
      <c r="FQ14" s="102">
        <v>25</v>
      </c>
      <c r="FR14" s="102">
        <v>25</v>
      </c>
      <c r="FS14" s="102">
        <v>33</v>
      </c>
      <c r="FT14" s="102">
        <v>18</v>
      </c>
      <c r="FU14" s="103">
        <v>143</v>
      </c>
      <c r="FV14" s="104">
        <v>183</v>
      </c>
      <c r="FW14" s="101">
        <v>0</v>
      </c>
      <c r="FX14" s="102">
        <v>0</v>
      </c>
      <c r="FY14" s="103">
        <v>0</v>
      </c>
      <c r="FZ14" s="413">
        <v>0</v>
      </c>
      <c r="GA14" s="102">
        <v>0</v>
      </c>
      <c r="GB14" s="102">
        <v>0</v>
      </c>
      <c r="GC14" s="102">
        <v>0</v>
      </c>
      <c r="GD14" s="102">
        <v>0</v>
      </c>
      <c r="GE14" s="102">
        <v>0</v>
      </c>
      <c r="GF14" s="103">
        <v>0</v>
      </c>
      <c r="GG14" s="104">
        <v>0</v>
      </c>
      <c r="GH14" s="101">
        <v>116</v>
      </c>
      <c r="GI14" s="102">
        <v>73</v>
      </c>
      <c r="GJ14" s="103">
        <v>189</v>
      </c>
      <c r="GK14" s="413">
        <v>0</v>
      </c>
      <c r="GL14" s="102">
        <v>125</v>
      </c>
      <c r="GM14" s="102">
        <v>62</v>
      </c>
      <c r="GN14" s="102">
        <v>48</v>
      </c>
      <c r="GO14" s="102">
        <v>51</v>
      </c>
      <c r="GP14" s="102">
        <v>35</v>
      </c>
      <c r="GQ14" s="103">
        <v>321</v>
      </c>
      <c r="GR14" s="104">
        <v>510</v>
      </c>
      <c r="GS14" s="105">
        <v>396</v>
      </c>
      <c r="GT14" s="97">
        <v>272</v>
      </c>
      <c r="GU14" s="98">
        <v>668</v>
      </c>
      <c r="GV14" s="413">
        <v>0</v>
      </c>
      <c r="GW14" s="97">
        <v>416</v>
      </c>
      <c r="GX14" s="97">
        <v>221</v>
      </c>
      <c r="GY14" s="97">
        <v>172</v>
      </c>
      <c r="GZ14" s="97">
        <v>141</v>
      </c>
      <c r="HA14" s="97">
        <v>112</v>
      </c>
      <c r="HB14" s="99">
        <v>1062</v>
      </c>
      <c r="HC14" s="100">
        <v>1730</v>
      </c>
      <c r="HD14" s="101">
        <v>15</v>
      </c>
      <c r="HE14" s="102">
        <v>12</v>
      </c>
      <c r="HF14" s="103">
        <v>27</v>
      </c>
      <c r="HG14" s="413">
        <v>0</v>
      </c>
      <c r="HH14" s="102">
        <v>8</v>
      </c>
      <c r="HI14" s="102">
        <v>12</v>
      </c>
      <c r="HJ14" s="102">
        <v>6</v>
      </c>
      <c r="HK14" s="102">
        <v>4</v>
      </c>
      <c r="HL14" s="102">
        <v>2</v>
      </c>
      <c r="HM14" s="103">
        <v>32</v>
      </c>
      <c r="HN14" s="104">
        <v>59</v>
      </c>
      <c r="HO14" s="101">
        <v>24</v>
      </c>
      <c r="HP14" s="102">
        <v>20</v>
      </c>
      <c r="HQ14" s="103">
        <v>44</v>
      </c>
      <c r="HR14" s="413">
        <v>0</v>
      </c>
      <c r="HS14" s="102">
        <v>30</v>
      </c>
      <c r="HT14" s="102">
        <v>16</v>
      </c>
      <c r="HU14" s="102">
        <v>13</v>
      </c>
      <c r="HV14" s="102">
        <v>12</v>
      </c>
      <c r="HW14" s="102">
        <v>12</v>
      </c>
      <c r="HX14" s="103">
        <v>83</v>
      </c>
      <c r="HY14" s="104">
        <v>127</v>
      </c>
      <c r="HZ14" s="101">
        <v>42</v>
      </c>
      <c r="IA14" s="102">
        <v>47</v>
      </c>
      <c r="IB14" s="103">
        <v>89</v>
      </c>
      <c r="IC14" s="413">
        <v>0</v>
      </c>
      <c r="ID14" s="102">
        <v>57</v>
      </c>
      <c r="IE14" s="102">
        <v>23</v>
      </c>
      <c r="IF14" s="102">
        <v>15</v>
      </c>
      <c r="IG14" s="102">
        <v>13</v>
      </c>
      <c r="IH14" s="102">
        <v>18</v>
      </c>
      <c r="II14" s="103">
        <v>126</v>
      </c>
      <c r="IJ14" s="104">
        <v>215</v>
      </c>
      <c r="IK14" s="101">
        <v>95</v>
      </c>
      <c r="IL14" s="102">
        <v>57</v>
      </c>
      <c r="IM14" s="103">
        <v>152</v>
      </c>
      <c r="IN14" s="413">
        <v>0</v>
      </c>
      <c r="IO14" s="102">
        <v>92</v>
      </c>
      <c r="IP14" s="102">
        <v>35</v>
      </c>
      <c r="IQ14" s="102">
        <v>25</v>
      </c>
      <c r="IR14" s="102">
        <v>22</v>
      </c>
      <c r="IS14" s="102">
        <v>24</v>
      </c>
      <c r="IT14" s="103">
        <v>198</v>
      </c>
      <c r="IU14" s="104">
        <v>350</v>
      </c>
      <c r="IV14" s="101">
        <v>119</v>
      </c>
      <c r="IW14" s="102">
        <v>67</v>
      </c>
      <c r="IX14" s="103">
        <v>186</v>
      </c>
      <c r="IY14" s="413">
        <v>0</v>
      </c>
      <c r="IZ14" s="102">
        <v>108</v>
      </c>
      <c r="JA14" s="102">
        <v>62</v>
      </c>
      <c r="JB14" s="102">
        <v>46</v>
      </c>
      <c r="JC14" s="102">
        <v>28</v>
      </c>
      <c r="JD14" s="102">
        <v>25</v>
      </c>
      <c r="JE14" s="103">
        <v>269</v>
      </c>
      <c r="JF14" s="104">
        <v>455</v>
      </c>
      <c r="JG14" s="101">
        <v>101</v>
      </c>
      <c r="JH14" s="102">
        <v>69</v>
      </c>
      <c r="JI14" s="103">
        <v>170</v>
      </c>
      <c r="JJ14" s="413">
        <v>0</v>
      </c>
      <c r="JK14" s="102">
        <v>121</v>
      </c>
      <c r="JL14" s="102">
        <v>73</v>
      </c>
      <c r="JM14" s="102">
        <v>67</v>
      </c>
      <c r="JN14" s="102">
        <v>62</v>
      </c>
      <c r="JO14" s="102">
        <v>31</v>
      </c>
      <c r="JP14" s="103">
        <v>354</v>
      </c>
      <c r="JQ14" s="104">
        <v>524</v>
      </c>
      <c r="JR14" s="101">
        <v>0</v>
      </c>
      <c r="JS14" s="102">
        <v>0</v>
      </c>
      <c r="JT14" s="103">
        <v>0</v>
      </c>
      <c r="JU14" s="413">
        <v>0</v>
      </c>
      <c r="JV14" s="102">
        <v>0</v>
      </c>
      <c r="JW14" s="102">
        <v>0</v>
      </c>
      <c r="JX14" s="102">
        <v>0</v>
      </c>
      <c r="JY14" s="102">
        <v>0</v>
      </c>
      <c r="JZ14" s="102">
        <v>0</v>
      </c>
      <c r="KA14" s="103">
        <v>0</v>
      </c>
      <c r="KB14" s="104">
        <v>0</v>
      </c>
      <c r="KC14" s="101">
        <v>396</v>
      </c>
      <c r="KD14" s="102">
        <v>272</v>
      </c>
      <c r="KE14" s="103">
        <v>668</v>
      </c>
      <c r="KF14" s="413">
        <v>0</v>
      </c>
      <c r="KG14" s="102">
        <v>416</v>
      </c>
      <c r="KH14" s="102">
        <v>221</v>
      </c>
      <c r="KI14" s="102">
        <v>172</v>
      </c>
      <c r="KJ14" s="102">
        <v>141</v>
      </c>
      <c r="KK14" s="102">
        <v>112</v>
      </c>
      <c r="KL14" s="103">
        <v>1062</v>
      </c>
      <c r="KM14" s="104">
        <v>1730</v>
      </c>
    </row>
    <row r="15" spans="2:299" s="70" customFormat="1" ht="21" customHeight="1" x14ac:dyDescent="0.2">
      <c r="B15" s="106" t="s">
        <v>11</v>
      </c>
      <c r="C15" s="96">
        <v>53</v>
      </c>
      <c r="D15" s="97">
        <v>40</v>
      </c>
      <c r="E15" s="98">
        <v>93</v>
      </c>
      <c r="F15" s="413">
        <v>0</v>
      </c>
      <c r="G15" s="97">
        <v>101</v>
      </c>
      <c r="H15" s="97">
        <v>68</v>
      </c>
      <c r="I15" s="97">
        <v>41</v>
      </c>
      <c r="J15" s="97">
        <v>26</v>
      </c>
      <c r="K15" s="97">
        <v>18</v>
      </c>
      <c r="L15" s="99">
        <v>254</v>
      </c>
      <c r="M15" s="100">
        <v>347</v>
      </c>
      <c r="N15" s="101">
        <v>0</v>
      </c>
      <c r="O15" s="102">
        <v>1</v>
      </c>
      <c r="P15" s="103">
        <v>1</v>
      </c>
      <c r="Q15" s="413">
        <v>0</v>
      </c>
      <c r="R15" s="102">
        <v>3</v>
      </c>
      <c r="S15" s="102">
        <v>5</v>
      </c>
      <c r="T15" s="102">
        <v>0</v>
      </c>
      <c r="U15" s="102">
        <v>2</v>
      </c>
      <c r="V15" s="102">
        <v>1</v>
      </c>
      <c r="W15" s="103">
        <v>11</v>
      </c>
      <c r="X15" s="104">
        <v>12</v>
      </c>
      <c r="Y15" s="101">
        <v>6</v>
      </c>
      <c r="Z15" s="102">
        <v>1</v>
      </c>
      <c r="AA15" s="103">
        <v>7</v>
      </c>
      <c r="AB15" s="413">
        <v>0</v>
      </c>
      <c r="AC15" s="102">
        <v>10</v>
      </c>
      <c r="AD15" s="102">
        <v>0</v>
      </c>
      <c r="AE15" s="102">
        <v>3</v>
      </c>
      <c r="AF15" s="102">
        <v>2</v>
      </c>
      <c r="AG15" s="102">
        <v>0</v>
      </c>
      <c r="AH15" s="103">
        <v>15</v>
      </c>
      <c r="AI15" s="104">
        <v>22</v>
      </c>
      <c r="AJ15" s="101">
        <v>7</v>
      </c>
      <c r="AK15" s="102">
        <v>7</v>
      </c>
      <c r="AL15" s="103">
        <v>14</v>
      </c>
      <c r="AM15" s="413">
        <v>0</v>
      </c>
      <c r="AN15" s="102">
        <v>18</v>
      </c>
      <c r="AO15" s="102">
        <v>5</v>
      </c>
      <c r="AP15" s="102">
        <v>6</v>
      </c>
      <c r="AQ15" s="102">
        <v>3</v>
      </c>
      <c r="AR15" s="102">
        <v>3</v>
      </c>
      <c r="AS15" s="103">
        <v>35</v>
      </c>
      <c r="AT15" s="104">
        <v>49</v>
      </c>
      <c r="AU15" s="101">
        <v>12</v>
      </c>
      <c r="AV15" s="102">
        <v>9</v>
      </c>
      <c r="AW15" s="103">
        <v>21</v>
      </c>
      <c r="AX15" s="413">
        <v>0</v>
      </c>
      <c r="AY15" s="102">
        <v>22</v>
      </c>
      <c r="AZ15" s="102">
        <v>16</v>
      </c>
      <c r="BA15" s="102">
        <v>9</v>
      </c>
      <c r="BB15" s="102">
        <v>8</v>
      </c>
      <c r="BC15" s="102">
        <v>6</v>
      </c>
      <c r="BD15" s="103">
        <v>61</v>
      </c>
      <c r="BE15" s="104">
        <v>82</v>
      </c>
      <c r="BF15" s="101">
        <v>17</v>
      </c>
      <c r="BG15" s="102">
        <v>12</v>
      </c>
      <c r="BH15" s="103">
        <v>29</v>
      </c>
      <c r="BI15" s="413">
        <v>0</v>
      </c>
      <c r="BJ15" s="102">
        <v>26</v>
      </c>
      <c r="BK15" s="102">
        <v>23</v>
      </c>
      <c r="BL15" s="102">
        <v>11</v>
      </c>
      <c r="BM15" s="102">
        <v>6</v>
      </c>
      <c r="BN15" s="102">
        <v>3</v>
      </c>
      <c r="BO15" s="103">
        <v>69</v>
      </c>
      <c r="BP15" s="104">
        <v>98</v>
      </c>
      <c r="BQ15" s="101">
        <v>11</v>
      </c>
      <c r="BR15" s="102">
        <v>10</v>
      </c>
      <c r="BS15" s="103">
        <v>21</v>
      </c>
      <c r="BT15" s="413">
        <v>0</v>
      </c>
      <c r="BU15" s="102">
        <v>22</v>
      </c>
      <c r="BV15" s="102">
        <v>19</v>
      </c>
      <c r="BW15" s="102">
        <v>12</v>
      </c>
      <c r="BX15" s="102">
        <v>5</v>
      </c>
      <c r="BY15" s="102">
        <v>5</v>
      </c>
      <c r="BZ15" s="103">
        <v>63</v>
      </c>
      <c r="CA15" s="104">
        <v>84</v>
      </c>
      <c r="CB15" s="101">
        <v>0</v>
      </c>
      <c r="CC15" s="102">
        <v>0</v>
      </c>
      <c r="CD15" s="103">
        <v>0</v>
      </c>
      <c r="CE15" s="413">
        <v>0</v>
      </c>
      <c r="CF15" s="102">
        <v>0</v>
      </c>
      <c r="CG15" s="102">
        <v>0</v>
      </c>
      <c r="CH15" s="102">
        <v>0</v>
      </c>
      <c r="CI15" s="102">
        <v>0</v>
      </c>
      <c r="CJ15" s="102">
        <v>0</v>
      </c>
      <c r="CK15" s="103">
        <v>0</v>
      </c>
      <c r="CL15" s="104">
        <v>0</v>
      </c>
      <c r="CM15" s="101">
        <v>53</v>
      </c>
      <c r="CN15" s="102">
        <v>40</v>
      </c>
      <c r="CO15" s="103">
        <v>93</v>
      </c>
      <c r="CP15" s="413">
        <v>0</v>
      </c>
      <c r="CQ15" s="102">
        <v>101</v>
      </c>
      <c r="CR15" s="102">
        <v>68</v>
      </c>
      <c r="CS15" s="102">
        <v>41</v>
      </c>
      <c r="CT15" s="102">
        <v>26</v>
      </c>
      <c r="CU15" s="102">
        <v>18</v>
      </c>
      <c r="CV15" s="103">
        <v>254</v>
      </c>
      <c r="CW15" s="104">
        <v>347</v>
      </c>
      <c r="CX15" s="105">
        <v>22</v>
      </c>
      <c r="CY15" s="97">
        <v>21</v>
      </c>
      <c r="CZ15" s="98">
        <v>43</v>
      </c>
      <c r="DA15" s="413">
        <v>0</v>
      </c>
      <c r="DB15" s="97">
        <v>45</v>
      </c>
      <c r="DC15" s="97">
        <v>21</v>
      </c>
      <c r="DD15" s="97">
        <v>23</v>
      </c>
      <c r="DE15" s="97">
        <v>29</v>
      </c>
      <c r="DF15" s="97">
        <v>10</v>
      </c>
      <c r="DG15" s="99">
        <v>128</v>
      </c>
      <c r="DH15" s="100">
        <v>171</v>
      </c>
      <c r="DI15" s="101">
        <v>0</v>
      </c>
      <c r="DJ15" s="102">
        <v>2</v>
      </c>
      <c r="DK15" s="103">
        <v>2</v>
      </c>
      <c r="DL15" s="413">
        <v>0</v>
      </c>
      <c r="DM15" s="102">
        <v>1</v>
      </c>
      <c r="DN15" s="102">
        <v>1</v>
      </c>
      <c r="DO15" s="102">
        <v>1</v>
      </c>
      <c r="DP15" s="102">
        <v>0</v>
      </c>
      <c r="DQ15" s="102">
        <v>0</v>
      </c>
      <c r="DR15" s="103">
        <v>3</v>
      </c>
      <c r="DS15" s="104">
        <v>5</v>
      </c>
      <c r="DT15" s="101">
        <v>1</v>
      </c>
      <c r="DU15" s="102">
        <v>1</v>
      </c>
      <c r="DV15" s="103">
        <v>2</v>
      </c>
      <c r="DW15" s="413">
        <v>0</v>
      </c>
      <c r="DX15" s="102">
        <v>3</v>
      </c>
      <c r="DY15" s="102">
        <v>1</v>
      </c>
      <c r="DZ15" s="102">
        <v>1</v>
      </c>
      <c r="EA15" s="102">
        <v>1</v>
      </c>
      <c r="EB15" s="102">
        <v>1</v>
      </c>
      <c r="EC15" s="103">
        <v>7</v>
      </c>
      <c r="ED15" s="104">
        <v>9</v>
      </c>
      <c r="EE15" s="101">
        <v>2</v>
      </c>
      <c r="EF15" s="102">
        <v>5</v>
      </c>
      <c r="EG15" s="103">
        <v>7</v>
      </c>
      <c r="EH15" s="413">
        <v>0</v>
      </c>
      <c r="EI15" s="102">
        <v>3</v>
      </c>
      <c r="EJ15" s="102">
        <v>2</v>
      </c>
      <c r="EK15" s="102">
        <v>1</v>
      </c>
      <c r="EL15" s="102">
        <v>2</v>
      </c>
      <c r="EM15" s="102">
        <v>1</v>
      </c>
      <c r="EN15" s="103">
        <v>9</v>
      </c>
      <c r="EO15" s="104">
        <v>16</v>
      </c>
      <c r="EP15" s="101">
        <v>5</v>
      </c>
      <c r="EQ15" s="102">
        <v>3</v>
      </c>
      <c r="ER15" s="103">
        <v>8</v>
      </c>
      <c r="ES15" s="413">
        <v>0</v>
      </c>
      <c r="ET15" s="102">
        <v>8</v>
      </c>
      <c r="EU15" s="102">
        <v>4</v>
      </c>
      <c r="EV15" s="102">
        <v>4</v>
      </c>
      <c r="EW15" s="102">
        <v>3</v>
      </c>
      <c r="EX15" s="102">
        <v>1</v>
      </c>
      <c r="EY15" s="103">
        <v>20</v>
      </c>
      <c r="EZ15" s="104">
        <v>28</v>
      </c>
      <c r="FA15" s="101">
        <v>11</v>
      </c>
      <c r="FB15" s="102">
        <v>5</v>
      </c>
      <c r="FC15" s="103">
        <v>16</v>
      </c>
      <c r="FD15" s="413">
        <v>0</v>
      </c>
      <c r="FE15" s="102">
        <v>13</v>
      </c>
      <c r="FF15" s="102">
        <v>5</v>
      </c>
      <c r="FG15" s="102">
        <v>5</v>
      </c>
      <c r="FH15" s="102">
        <v>5</v>
      </c>
      <c r="FI15" s="102">
        <v>2</v>
      </c>
      <c r="FJ15" s="103">
        <v>30</v>
      </c>
      <c r="FK15" s="104">
        <v>46</v>
      </c>
      <c r="FL15" s="101">
        <v>3</v>
      </c>
      <c r="FM15" s="102">
        <v>5</v>
      </c>
      <c r="FN15" s="103">
        <v>8</v>
      </c>
      <c r="FO15" s="413">
        <v>0</v>
      </c>
      <c r="FP15" s="102">
        <v>17</v>
      </c>
      <c r="FQ15" s="102">
        <v>8</v>
      </c>
      <c r="FR15" s="102">
        <v>11</v>
      </c>
      <c r="FS15" s="102">
        <v>18</v>
      </c>
      <c r="FT15" s="102">
        <v>5</v>
      </c>
      <c r="FU15" s="103">
        <v>59</v>
      </c>
      <c r="FV15" s="104">
        <v>67</v>
      </c>
      <c r="FW15" s="101">
        <v>0</v>
      </c>
      <c r="FX15" s="102">
        <v>0</v>
      </c>
      <c r="FY15" s="103">
        <v>0</v>
      </c>
      <c r="FZ15" s="413">
        <v>0</v>
      </c>
      <c r="GA15" s="102">
        <v>0</v>
      </c>
      <c r="GB15" s="102">
        <v>0</v>
      </c>
      <c r="GC15" s="102">
        <v>0</v>
      </c>
      <c r="GD15" s="102">
        <v>0</v>
      </c>
      <c r="GE15" s="102">
        <v>0</v>
      </c>
      <c r="GF15" s="103">
        <v>0</v>
      </c>
      <c r="GG15" s="104">
        <v>0</v>
      </c>
      <c r="GH15" s="101">
        <v>22</v>
      </c>
      <c r="GI15" s="102">
        <v>21</v>
      </c>
      <c r="GJ15" s="103">
        <v>43</v>
      </c>
      <c r="GK15" s="413">
        <v>0</v>
      </c>
      <c r="GL15" s="102">
        <v>45</v>
      </c>
      <c r="GM15" s="102">
        <v>21</v>
      </c>
      <c r="GN15" s="102">
        <v>23</v>
      </c>
      <c r="GO15" s="102">
        <v>29</v>
      </c>
      <c r="GP15" s="102">
        <v>10</v>
      </c>
      <c r="GQ15" s="103">
        <v>128</v>
      </c>
      <c r="GR15" s="104">
        <v>171</v>
      </c>
      <c r="GS15" s="105">
        <v>75</v>
      </c>
      <c r="GT15" s="97">
        <v>61</v>
      </c>
      <c r="GU15" s="98">
        <v>136</v>
      </c>
      <c r="GV15" s="413">
        <v>0</v>
      </c>
      <c r="GW15" s="97">
        <v>146</v>
      </c>
      <c r="GX15" s="97">
        <v>89</v>
      </c>
      <c r="GY15" s="97">
        <v>64</v>
      </c>
      <c r="GZ15" s="97">
        <v>55</v>
      </c>
      <c r="HA15" s="97">
        <v>28</v>
      </c>
      <c r="HB15" s="99">
        <v>382</v>
      </c>
      <c r="HC15" s="100">
        <v>518</v>
      </c>
      <c r="HD15" s="101">
        <v>0</v>
      </c>
      <c r="HE15" s="102">
        <v>3</v>
      </c>
      <c r="HF15" s="103">
        <v>3</v>
      </c>
      <c r="HG15" s="413">
        <v>0</v>
      </c>
      <c r="HH15" s="102">
        <v>4</v>
      </c>
      <c r="HI15" s="102">
        <v>6</v>
      </c>
      <c r="HJ15" s="102">
        <v>1</v>
      </c>
      <c r="HK15" s="102">
        <v>2</v>
      </c>
      <c r="HL15" s="102">
        <v>1</v>
      </c>
      <c r="HM15" s="103">
        <v>14</v>
      </c>
      <c r="HN15" s="104">
        <v>17</v>
      </c>
      <c r="HO15" s="101">
        <v>7</v>
      </c>
      <c r="HP15" s="102">
        <v>2</v>
      </c>
      <c r="HQ15" s="103">
        <v>9</v>
      </c>
      <c r="HR15" s="413">
        <v>0</v>
      </c>
      <c r="HS15" s="102">
        <v>13</v>
      </c>
      <c r="HT15" s="102">
        <v>1</v>
      </c>
      <c r="HU15" s="102">
        <v>4</v>
      </c>
      <c r="HV15" s="102">
        <v>3</v>
      </c>
      <c r="HW15" s="102">
        <v>1</v>
      </c>
      <c r="HX15" s="103">
        <v>22</v>
      </c>
      <c r="HY15" s="104">
        <v>31</v>
      </c>
      <c r="HZ15" s="101">
        <v>9</v>
      </c>
      <c r="IA15" s="102">
        <v>12</v>
      </c>
      <c r="IB15" s="103">
        <v>21</v>
      </c>
      <c r="IC15" s="413">
        <v>0</v>
      </c>
      <c r="ID15" s="102">
        <v>21</v>
      </c>
      <c r="IE15" s="102">
        <v>7</v>
      </c>
      <c r="IF15" s="102">
        <v>7</v>
      </c>
      <c r="IG15" s="102">
        <v>5</v>
      </c>
      <c r="IH15" s="102">
        <v>4</v>
      </c>
      <c r="II15" s="103">
        <v>44</v>
      </c>
      <c r="IJ15" s="104">
        <v>65</v>
      </c>
      <c r="IK15" s="101">
        <v>17</v>
      </c>
      <c r="IL15" s="102">
        <v>12</v>
      </c>
      <c r="IM15" s="103">
        <v>29</v>
      </c>
      <c r="IN15" s="413">
        <v>0</v>
      </c>
      <c r="IO15" s="102">
        <v>30</v>
      </c>
      <c r="IP15" s="102">
        <v>20</v>
      </c>
      <c r="IQ15" s="102">
        <v>13</v>
      </c>
      <c r="IR15" s="102">
        <v>11</v>
      </c>
      <c r="IS15" s="102">
        <v>7</v>
      </c>
      <c r="IT15" s="103">
        <v>81</v>
      </c>
      <c r="IU15" s="104">
        <v>110</v>
      </c>
      <c r="IV15" s="101">
        <v>28</v>
      </c>
      <c r="IW15" s="102">
        <v>17</v>
      </c>
      <c r="IX15" s="103">
        <v>45</v>
      </c>
      <c r="IY15" s="413">
        <v>0</v>
      </c>
      <c r="IZ15" s="102">
        <v>39</v>
      </c>
      <c r="JA15" s="102">
        <v>28</v>
      </c>
      <c r="JB15" s="102">
        <v>16</v>
      </c>
      <c r="JC15" s="102">
        <v>11</v>
      </c>
      <c r="JD15" s="102">
        <v>5</v>
      </c>
      <c r="JE15" s="103">
        <v>99</v>
      </c>
      <c r="JF15" s="104">
        <v>144</v>
      </c>
      <c r="JG15" s="101">
        <v>14</v>
      </c>
      <c r="JH15" s="102">
        <v>15</v>
      </c>
      <c r="JI15" s="103">
        <v>29</v>
      </c>
      <c r="JJ15" s="413">
        <v>0</v>
      </c>
      <c r="JK15" s="102">
        <v>39</v>
      </c>
      <c r="JL15" s="102">
        <v>27</v>
      </c>
      <c r="JM15" s="102">
        <v>23</v>
      </c>
      <c r="JN15" s="102">
        <v>23</v>
      </c>
      <c r="JO15" s="102">
        <v>10</v>
      </c>
      <c r="JP15" s="103">
        <v>122</v>
      </c>
      <c r="JQ15" s="104">
        <v>151</v>
      </c>
      <c r="JR15" s="101">
        <v>0</v>
      </c>
      <c r="JS15" s="102">
        <v>0</v>
      </c>
      <c r="JT15" s="103">
        <v>0</v>
      </c>
      <c r="JU15" s="413">
        <v>0</v>
      </c>
      <c r="JV15" s="102">
        <v>0</v>
      </c>
      <c r="JW15" s="102">
        <v>0</v>
      </c>
      <c r="JX15" s="102">
        <v>0</v>
      </c>
      <c r="JY15" s="102">
        <v>0</v>
      </c>
      <c r="JZ15" s="102">
        <v>0</v>
      </c>
      <c r="KA15" s="103">
        <v>0</v>
      </c>
      <c r="KB15" s="104">
        <v>0</v>
      </c>
      <c r="KC15" s="101">
        <v>75</v>
      </c>
      <c r="KD15" s="102">
        <v>61</v>
      </c>
      <c r="KE15" s="103">
        <v>136</v>
      </c>
      <c r="KF15" s="413">
        <v>0</v>
      </c>
      <c r="KG15" s="102">
        <v>146</v>
      </c>
      <c r="KH15" s="102">
        <v>89</v>
      </c>
      <c r="KI15" s="102">
        <v>64</v>
      </c>
      <c r="KJ15" s="102">
        <v>55</v>
      </c>
      <c r="KK15" s="102">
        <v>28</v>
      </c>
      <c r="KL15" s="103">
        <v>382</v>
      </c>
      <c r="KM15" s="104">
        <v>518</v>
      </c>
    </row>
    <row r="16" spans="2:299" s="70" customFormat="1" ht="21" customHeight="1" x14ac:dyDescent="0.2">
      <c r="B16" s="106" t="s">
        <v>12</v>
      </c>
      <c r="C16" s="96">
        <v>125</v>
      </c>
      <c r="D16" s="97">
        <v>122</v>
      </c>
      <c r="E16" s="98">
        <v>247</v>
      </c>
      <c r="F16" s="413">
        <v>0</v>
      </c>
      <c r="G16" s="97">
        <v>114</v>
      </c>
      <c r="H16" s="97">
        <v>109</v>
      </c>
      <c r="I16" s="97">
        <v>46</v>
      </c>
      <c r="J16" s="97">
        <v>66</v>
      </c>
      <c r="K16" s="97">
        <v>30</v>
      </c>
      <c r="L16" s="99">
        <v>365</v>
      </c>
      <c r="M16" s="100">
        <v>612</v>
      </c>
      <c r="N16" s="107">
        <v>6</v>
      </c>
      <c r="O16" s="102">
        <v>4</v>
      </c>
      <c r="P16" s="103">
        <v>10</v>
      </c>
      <c r="Q16" s="413">
        <v>0</v>
      </c>
      <c r="R16" s="102">
        <v>0</v>
      </c>
      <c r="S16" s="102">
        <v>1</v>
      </c>
      <c r="T16" s="102">
        <v>3</v>
      </c>
      <c r="U16" s="102">
        <v>0</v>
      </c>
      <c r="V16" s="102">
        <v>3</v>
      </c>
      <c r="W16" s="103">
        <v>7</v>
      </c>
      <c r="X16" s="104">
        <v>17</v>
      </c>
      <c r="Y16" s="101">
        <v>10</v>
      </c>
      <c r="Z16" s="102">
        <v>11</v>
      </c>
      <c r="AA16" s="103">
        <v>21</v>
      </c>
      <c r="AB16" s="413">
        <v>0</v>
      </c>
      <c r="AC16" s="102">
        <v>6</v>
      </c>
      <c r="AD16" s="102">
        <v>5</v>
      </c>
      <c r="AE16" s="102">
        <v>4</v>
      </c>
      <c r="AF16" s="102">
        <v>3</v>
      </c>
      <c r="AG16" s="102">
        <v>1</v>
      </c>
      <c r="AH16" s="103">
        <v>19</v>
      </c>
      <c r="AI16" s="104">
        <v>40</v>
      </c>
      <c r="AJ16" s="107">
        <v>9</v>
      </c>
      <c r="AK16" s="102">
        <v>13</v>
      </c>
      <c r="AL16" s="103">
        <v>22</v>
      </c>
      <c r="AM16" s="413">
        <v>0</v>
      </c>
      <c r="AN16" s="102">
        <v>12</v>
      </c>
      <c r="AO16" s="102">
        <v>14</v>
      </c>
      <c r="AP16" s="102">
        <v>3</v>
      </c>
      <c r="AQ16" s="102">
        <v>6</v>
      </c>
      <c r="AR16" s="102">
        <v>2</v>
      </c>
      <c r="AS16" s="103">
        <v>37</v>
      </c>
      <c r="AT16" s="104">
        <v>59</v>
      </c>
      <c r="AU16" s="101">
        <v>26</v>
      </c>
      <c r="AV16" s="102">
        <v>33</v>
      </c>
      <c r="AW16" s="103">
        <v>59</v>
      </c>
      <c r="AX16" s="413">
        <v>0</v>
      </c>
      <c r="AY16" s="102">
        <v>22</v>
      </c>
      <c r="AZ16" s="102">
        <v>27</v>
      </c>
      <c r="BA16" s="102">
        <v>11</v>
      </c>
      <c r="BB16" s="102">
        <v>13</v>
      </c>
      <c r="BC16" s="102">
        <v>11</v>
      </c>
      <c r="BD16" s="103">
        <v>84</v>
      </c>
      <c r="BE16" s="104">
        <v>143</v>
      </c>
      <c r="BF16" s="107">
        <v>44</v>
      </c>
      <c r="BG16" s="102">
        <v>29</v>
      </c>
      <c r="BH16" s="103">
        <v>73</v>
      </c>
      <c r="BI16" s="413">
        <v>0</v>
      </c>
      <c r="BJ16" s="102">
        <v>37</v>
      </c>
      <c r="BK16" s="102">
        <v>29</v>
      </c>
      <c r="BL16" s="102">
        <v>14</v>
      </c>
      <c r="BM16" s="102">
        <v>22</v>
      </c>
      <c r="BN16" s="102">
        <v>6</v>
      </c>
      <c r="BO16" s="103">
        <v>108</v>
      </c>
      <c r="BP16" s="104">
        <v>181</v>
      </c>
      <c r="BQ16" s="101">
        <v>30</v>
      </c>
      <c r="BR16" s="102">
        <v>32</v>
      </c>
      <c r="BS16" s="103">
        <v>62</v>
      </c>
      <c r="BT16" s="413">
        <v>0</v>
      </c>
      <c r="BU16" s="102">
        <v>37</v>
      </c>
      <c r="BV16" s="102">
        <v>33</v>
      </c>
      <c r="BW16" s="102">
        <v>11</v>
      </c>
      <c r="BX16" s="102">
        <v>22</v>
      </c>
      <c r="BY16" s="102">
        <v>7</v>
      </c>
      <c r="BZ16" s="103">
        <v>110</v>
      </c>
      <c r="CA16" s="104">
        <v>172</v>
      </c>
      <c r="CB16" s="101">
        <v>0</v>
      </c>
      <c r="CC16" s="102">
        <v>0</v>
      </c>
      <c r="CD16" s="103">
        <v>0</v>
      </c>
      <c r="CE16" s="413">
        <v>0</v>
      </c>
      <c r="CF16" s="102">
        <v>0</v>
      </c>
      <c r="CG16" s="102">
        <v>0</v>
      </c>
      <c r="CH16" s="102">
        <v>0</v>
      </c>
      <c r="CI16" s="102">
        <v>0</v>
      </c>
      <c r="CJ16" s="102">
        <v>0</v>
      </c>
      <c r="CK16" s="103">
        <v>0</v>
      </c>
      <c r="CL16" s="104">
        <v>0</v>
      </c>
      <c r="CM16" s="101">
        <v>125</v>
      </c>
      <c r="CN16" s="102">
        <v>122</v>
      </c>
      <c r="CO16" s="103">
        <v>247</v>
      </c>
      <c r="CP16" s="413">
        <v>0</v>
      </c>
      <c r="CQ16" s="102">
        <v>114</v>
      </c>
      <c r="CR16" s="102">
        <v>109</v>
      </c>
      <c r="CS16" s="102">
        <v>46</v>
      </c>
      <c r="CT16" s="102">
        <v>66</v>
      </c>
      <c r="CU16" s="102">
        <v>30</v>
      </c>
      <c r="CV16" s="103">
        <v>365</v>
      </c>
      <c r="CW16" s="104">
        <v>612</v>
      </c>
      <c r="CX16" s="105">
        <v>30</v>
      </c>
      <c r="CY16" s="97">
        <v>44</v>
      </c>
      <c r="CZ16" s="98">
        <v>74</v>
      </c>
      <c r="DA16" s="413">
        <v>0</v>
      </c>
      <c r="DB16" s="97">
        <v>41</v>
      </c>
      <c r="DC16" s="97">
        <v>30</v>
      </c>
      <c r="DD16" s="97">
        <v>15</v>
      </c>
      <c r="DE16" s="97">
        <v>35</v>
      </c>
      <c r="DF16" s="97">
        <v>15</v>
      </c>
      <c r="DG16" s="99">
        <v>136</v>
      </c>
      <c r="DH16" s="100">
        <v>210</v>
      </c>
      <c r="DI16" s="107">
        <v>0</v>
      </c>
      <c r="DJ16" s="102">
        <v>0</v>
      </c>
      <c r="DK16" s="103">
        <v>0</v>
      </c>
      <c r="DL16" s="413">
        <v>0</v>
      </c>
      <c r="DM16" s="102">
        <v>0</v>
      </c>
      <c r="DN16" s="102">
        <v>0</v>
      </c>
      <c r="DO16" s="102">
        <v>2</v>
      </c>
      <c r="DP16" s="102">
        <v>0</v>
      </c>
      <c r="DQ16" s="102">
        <v>0</v>
      </c>
      <c r="DR16" s="103">
        <v>2</v>
      </c>
      <c r="DS16" s="104">
        <v>2</v>
      </c>
      <c r="DT16" s="101">
        <v>3</v>
      </c>
      <c r="DU16" s="102">
        <v>2</v>
      </c>
      <c r="DV16" s="103">
        <v>5</v>
      </c>
      <c r="DW16" s="413">
        <v>0</v>
      </c>
      <c r="DX16" s="102">
        <v>1</v>
      </c>
      <c r="DY16" s="102">
        <v>0</v>
      </c>
      <c r="DZ16" s="102">
        <v>0</v>
      </c>
      <c r="EA16" s="102">
        <v>0</v>
      </c>
      <c r="EB16" s="102">
        <v>0</v>
      </c>
      <c r="EC16" s="103">
        <v>1</v>
      </c>
      <c r="ED16" s="104">
        <v>6</v>
      </c>
      <c r="EE16" s="107">
        <v>7</v>
      </c>
      <c r="EF16" s="102">
        <v>5</v>
      </c>
      <c r="EG16" s="103">
        <v>12</v>
      </c>
      <c r="EH16" s="413">
        <v>0</v>
      </c>
      <c r="EI16" s="102">
        <v>4</v>
      </c>
      <c r="EJ16" s="102">
        <v>3</v>
      </c>
      <c r="EK16" s="102">
        <v>0</v>
      </c>
      <c r="EL16" s="102">
        <v>2</v>
      </c>
      <c r="EM16" s="102">
        <v>1</v>
      </c>
      <c r="EN16" s="103">
        <v>10</v>
      </c>
      <c r="EO16" s="104">
        <v>22</v>
      </c>
      <c r="EP16" s="101">
        <v>10</v>
      </c>
      <c r="EQ16" s="102">
        <v>11</v>
      </c>
      <c r="ER16" s="103">
        <v>21</v>
      </c>
      <c r="ES16" s="413">
        <v>0</v>
      </c>
      <c r="ET16" s="102">
        <v>5</v>
      </c>
      <c r="EU16" s="102">
        <v>7</v>
      </c>
      <c r="EV16" s="102">
        <v>3</v>
      </c>
      <c r="EW16" s="102">
        <v>7</v>
      </c>
      <c r="EX16" s="102">
        <v>5</v>
      </c>
      <c r="EY16" s="103">
        <v>27</v>
      </c>
      <c r="EZ16" s="104">
        <v>48</v>
      </c>
      <c r="FA16" s="107">
        <v>7</v>
      </c>
      <c r="FB16" s="102">
        <v>12</v>
      </c>
      <c r="FC16" s="103">
        <v>19</v>
      </c>
      <c r="FD16" s="413">
        <v>0</v>
      </c>
      <c r="FE16" s="102">
        <v>16</v>
      </c>
      <c r="FF16" s="102">
        <v>11</v>
      </c>
      <c r="FG16" s="102">
        <v>4</v>
      </c>
      <c r="FH16" s="102">
        <v>8</v>
      </c>
      <c r="FI16" s="102">
        <v>6</v>
      </c>
      <c r="FJ16" s="103">
        <v>45</v>
      </c>
      <c r="FK16" s="104">
        <v>64</v>
      </c>
      <c r="FL16" s="101">
        <v>3</v>
      </c>
      <c r="FM16" s="102">
        <v>14</v>
      </c>
      <c r="FN16" s="103">
        <v>17</v>
      </c>
      <c r="FO16" s="413">
        <v>0</v>
      </c>
      <c r="FP16" s="102">
        <v>15</v>
      </c>
      <c r="FQ16" s="102">
        <v>9</v>
      </c>
      <c r="FR16" s="102">
        <v>6</v>
      </c>
      <c r="FS16" s="102">
        <v>18</v>
      </c>
      <c r="FT16" s="102">
        <v>3</v>
      </c>
      <c r="FU16" s="103">
        <v>51</v>
      </c>
      <c r="FV16" s="104">
        <v>68</v>
      </c>
      <c r="FW16" s="101">
        <v>0</v>
      </c>
      <c r="FX16" s="102">
        <v>0</v>
      </c>
      <c r="FY16" s="103">
        <v>0</v>
      </c>
      <c r="FZ16" s="413">
        <v>0</v>
      </c>
      <c r="GA16" s="102">
        <v>0</v>
      </c>
      <c r="GB16" s="102">
        <v>0</v>
      </c>
      <c r="GC16" s="102">
        <v>0</v>
      </c>
      <c r="GD16" s="102">
        <v>0</v>
      </c>
      <c r="GE16" s="102">
        <v>0</v>
      </c>
      <c r="GF16" s="103">
        <v>0</v>
      </c>
      <c r="GG16" s="104">
        <v>0</v>
      </c>
      <c r="GH16" s="101">
        <v>30</v>
      </c>
      <c r="GI16" s="102">
        <v>44</v>
      </c>
      <c r="GJ16" s="103">
        <v>74</v>
      </c>
      <c r="GK16" s="413">
        <v>0</v>
      </c>
      <c r="GL16" s="102">
        <v>41</v>
      </c>
      <c r="GM16" s="102">
        <v>30</v>
      </c>
      <c r="GN16" s="102">
        <v>15</v>
      </c>
      <c r="GO16" s="102">
        <v>35</v>
      </c>
      <c r="GP16" s="102">
        <v>15</v>
      </c>
      <c r="GQ16" s="103">
        <v>136</v>
      </c>
      <c r="GR16" s="104">
        <v>210</v>
      </c>
      <c r="GS16" s="105">
        <v>155</v>
      </c>
      <c r="GT16" s="97">
        <v>166</v>
      </c>
      <c r="GU16" s="98">
        <v>321</v>
      </c>
      <c r="GV16" s="413">
        <v>0</v>
      </c>
      <c r="GW16" s="97">
        <v>155</v>
      </c>
      <c r="GX16" s="97">
        <v>139</v>
      </c>
      <c r="GY16" s="97">
        <v>61</v>
      </c>
      <c r="GZ16" s="97">
        <v>101</v>
      </c>
      <c r="HA16" s="97">
        <v>45</v>
      </c>
      <c r="HB16" s="99">
        <v>501</v>
      </c>
      <c r="HC16" s="100">
        <v>822</v>
      </c>
      <c r="HD16" s="107">
        <v>6</v>
      </c>
      <c r="HE16" s="102">
        <v>4</v>
      </c>
      <c r="HF16" s="103">
        <v>10</v>
      </c>
      <c r="HG16" s="413">
        <v>0</v>
      </c>
      <c r="HH16" s="102">
        <v>0</v>
      </c>
      <c r="HI16" s="102">
        <v>1</v>
      </c>
      <c r="HJ16" s="102">
        <v>5</v>
      </c>
      <c r="HK16" s="102">
        <v>0</v>
      </c>
      <c r="HL16" s="102">
        <v>3</v>
      </c>
      <c r="HM16" s="103">
        <v>9</v>
      </c>
      <c r="HN16" s="104">
        <v>19</v>
      </c>
      <c r="HO16" s="101">
        <v>13</v>
      </c>
      <c r="HP16" s="102">
        <v>13</v>
      </c>
      <c r="HQ16" s="103">
        <v>26</v>
      </c>
      <c r="HR16" s="413">
        <v>0</v>
      </c>
      <c r="HS16" s="102">
        <v>7</v>
      </c>
      <c r="HT16" s="102">
        <v>5</v>
      </c>
      <c r="HU16" s="102">
        <v>4</v>
      </c>
      <c r="HV16" s="102">
        <v>3</v>
      </c>
      <c r="HW16" s="102">
        <v>1</v>
      </c>
      <c r="HX16" s="103">
        <v>20</v>
      </c>
      <c r="HY16" s="104">
        <v>46</v>
      </c>
      <c r="HZ16" s="107">
        <v>16</v>
      </c>
      <c r="IA16" s="102">
        <v>18</v>
      </c>
      <c r="IB16" s="103">
        <v>34</v>
      </c>
      <c r="IC16" s="413">
        <v>0</v>
      </c>
      <c r="ID16" s="102">
        <v>16</v>
      </c>
      <c r="IE16" s="102">
        <v>17</v>
      </c>
      <c r="IF16" s="102">
        <v>3</v>
      </c>
      <c r="IG16" s="102">
        <v>8</v>
      </c>
      <c r="IH16" s="102">
        <v>3</v>
      </c>
      <c r="II16" s="103">
        <v>47</v>
      </c>
      <c r="IJ16" s="104">
        <v>81</v>
      </c>
      <c r="IK16" s="101">
        <v>36</v>
      </c>
      <c r="IL16" s="102">
        <v>44</v>
      </c>
      <c r="IM16" s="103">
        <v>80</v>
      </c>
      <c r="IN16" s="413">
        <v>0</v>
      </c>
      <c r="IO16" s="102">
        <v>27</v>
      </c>
      <c r="IP16" s="102">
        <v>34</v>
      </c>
      <c r="IQ16" s="102">
        <v>14</v>
      </c>
      <c r="IR16" s="102">
        <v>20</v>
      </c>
      <c r="IS16" s="102">
        <v>16</v>
      </c>
      <c r="IT16" s="103">
        <v>111</v>
      </c>
      <c r="IU16" s="104">
        <v>191</v>
      </c>
      <c r="IV16" s="107">
        <v>51</v>
      </c>
      <c r="IW16" s="102">
        <v>41</v>
      </c>
      <c r="IX16" s="103">
        <v>92</v>
      </c>
      <c r="IY16" s="413">
        <v>0</v>
      </c>
      <c r="IZ16" s="102">
        <v>53</v>
      </c>
      <c r="JA16" s="102">
        <v>40</v>
      </c>
      <c r="JB16" s="102">
        <v>18</v>
      </c>
      <c r="JC16" s="102">
        <v>30</v>
      </c>
      <c r="JD16" s="102">
        <v>12</v>
      </c>
      <c r="JE16" s="103">
        <v>153</v>
      </c>
      <c r="JF16" s="104">
        <v>245</v>
      </c>
      <c r="JG16" s="101">
        <v>33</v>
      </c>
      <c r="JH16" s="102">
        <v>46</v>
      </c>
      <c r="JI16" s="103">
        <v>79</v>
      </c>
      <c r="JJ16" s="413">
        <v>0</v>
      </c>
      <c r="JK16" s="102">
        <v>52</v>
      </c>
      <c r="JL16" s="102">
        <v>42</v>
      </c>
      <c r="JM16" s="102">
        <v>17</v>
      </c>
      <c r="JN16" s="102">
        <v>40</v>
      </c>
      <c r="JO16" s="102">
        <v>10</v>
      </c>
      <c r="JP16" s="103">
        <v>161</v>
      </c>
      <c r="JQ16" s="104">
        <v>240</v>
      </c>
      <c r="JR16" s="101">
        <v>0</v>
      </c>
      <c r="JS16" s="102">
        <v>0</v>
      </c>
      <c r="JT16" s="103">
        <v>0</v>
      </c>
      <c r="JU16" s="413">
        <v>0</v>
      </c>
      <c r="JV16" s="102">
        <v>0</v>
      </c>
      <c r="JW16" s="102">
        <v>0</v>
      </c>
      <c r="JX16" s="102">
        <v>0</v>
      </c>
      <c r="JY16" s="102">
        <v>0</v>
      </c>
      <c r="JZ16" s="102">
        <v>0</v>
      </c>
      <c r="KA16" s="103">
        <v>0</v>
      </c>
      <c r="KB16" s="104">
        <v>0</v>
      </c>
      <c r="KC16" s="101">
        <v>155</v>
      </c>
      <c r="KD16" s="102">
        <v>166</v>
      </c>
      <c r="KE16" s="103">
        <v>321</v>
      </c>
      <c r="KF16" s="413">
        <v>0</v>
      </c>
      <c r="KG16" s="102">
        <v>155</v>
      </c>
      <c r="KH16" s="102">
        <v>139</v>
      </c>
      <c r="KI16" s="102">
        <v>61</v>
      </c>
      <c r="KJ16" s="102">
        <v>101</v>
      </c>
      <c r="KK16" s="102">
        <v>45</v>
      </c>
      <c r="KL16" s="103">
        <v>501</v>
      </c>
      <c r="KM16" s="104">
        <v>822</v>
      </c>
    </row>
    <row r="17" spans="2:299" s="70" customFormat="1" ht="21" customHeight="1" x14ac:dyDescent="0.2">
      <c r="B17" s="106" t="s">
        <v>13</v>
      </c>
      <c r="C17" s="96">
        <v>47</v>
      </c>
      <c r="D17" s="97">
        <v>43</v>
      </c>
      <c r="E17" s="98">
        <v>90</v>
      </c>
      <c r="F17" s="413">
        <v>0</v>
      </c>
      <c r="G17" s="97">
        <v>85</v>
      </c>
      <c r="H17" s="97">
        <v>54</v>
      </c>
      <c r="I17" s="97">
        <v>26</v>
      </c>
      <c r="J17" s="97">
        <v>22</v>
      </c>
      <c r="K17" s="97">
        <v>24</v>
      </c>
      <c r="L17" s="99">
        <v>211</v>
      </c>
      <c r="M17" s="100">
        <v>301</v>
      </c>
      <c r="N17" s="101">
        <v>1</v>
      </c>
      <c r="O17" s="102">
        <v>1</v>
      </c>
      <c r="P17" s="103">
        <v>2</v>
      </c>
      <c r="Q17" s="413">
        <v>0</v>
      </c>
      <c r="R17" s="102">
        <v>2</v>
      </c>
      <c r="S17" s="102">
        <v>1</v>
      </c>
      <c r="T17" s="102">
        <v>0</v>
      </c>
      <c r="U17" s="102">
        <v>0</v>
      </c>
      <c r="V17" s="102">
        <v>2</v>
      </c>
      <c r="W17" s="103">
        <v>5</v>
      </c>
      <c r="X17" s="104">
        <v>7</v>
      </c>
      <c r="Y17" s="101">
        <v>2</v>
      </c>
      <c r="Z17" s="102">
        <v>1</v>
      </c>
      <c r="AA17" s="103">
        <v>3</v>
      </c>
      <c r="AB17" s="413">
        <v>0</v>
      </c>
      <c r="AC17" s="102">
        <v>3</v>
      </c>
      <c r="AD17" s="102">
        <v>2</v>
      </c>
      <c r="AE17" s="102">
        <v>2</v>
      </c>
      <c r="AF17" s="102">
        <v>1</v>
      </c>
      <c r="AG17" s="102">
        <v>0</v>
      </c>
      <c r="AH17" s="103">
        <v>8</v>
      </c>
      <c r="AI17" s="104">
        <v>11</v>
      </c>
      <c r="AJ17" s="101">
        <v>5</v>
      </c>
      <c r="AK17" s="102">
        <v>3</v>
      </c>
      <c r="AL17" s="103">
        <v>8</v>
      </c>
      <c r="AM17" s="413">
        <v>0</v>
      </c>
      <c r="AN17" s="102">
        <v>10</v>
      </c>
      <c r="AO17" s="102">
        <v>10</v>
      </c>
      <c r="AP17" s="102">
        <v>0</v>
      </c>
      <c r="AQ17" s="102">
        <v>3</v>
      </c>
      <c r="AR17" s="102">
        <v>1</v>
      </c>
      <c r="AS17" s="103">
        <v>24</v>
      </c>
      <c r="AT17" s="104">
        <v>32</v>
      </c>
      <c r="AU17" s="101">
        <v>10</v>
      </c>
      <c r="AV17" s="102">
        <v>8</v>
      </c>
      <c r="AW17" s="103">
        <v>18</v>
      </c>
      <c r="AX17" s="413">
        <v>0</v>
      </c>
      <c r="AY17" s="102">
        <v>22</v>
      </c>
      <c r="AZ17" s="102">
        <v>8</v>
      </c>
      <c r="BA17" s="102">
        <v>5</v>
      </c>
      <c r="BB17" s="102">
        <v>3</v>
      </c>
      <c r="BC17" s="102">
        <v>6</v>
      </c>
      <c r="BD17" s="103">
        <v>44</v>
      </c>
      <c r="BE17" s="104">
        <v>62</v>
      </c>
      <c r="BF17" s="101">
        <v>12</v>
      </c>
      <c r="BG17" s="102">
        <v>19</v>
      </c>
      <c r="BH17" s="103">
        <v>31</v>
      </c>
      <c r="BI17" s="413">
        <v>0</v>
      </c>
      <c r="BJ17" s="102">
        <v>26</v>
      </c>
      <c r="BK17" s="102">
        <v>19</v>
      </c>
      <c r="BL17" s="102">
        <v>9</v>
      </c>
      <c r="BM17" s="102">
        <v>4</v>
      </c>
      <c r="BN17" s="102">
        <v>9</v>
      </c>
      <c r="BO17" s="103">
        <v>67</v>
      </c>
      <c r="BP17" s="104">
        <v>98</v>
      </c>
      <c r="BQ17" s="101">
        <v>17</v>
      </c>
      <c r="BR17" s="102">
        <v>11</v>
      </c>
      <c r="BS17" s="103">
        <v>28</v>
      </c>
      <c r="BT17" s="413">
        <v>0</v>
      </c>
      <c r="BU17" s="102">
        <v>22</v>
      </c>
      <c r="BV17" s="102">
        <v>14</v>
      </c>
      <c r="BW17" s="102">
        <v>10</v>
      </c>
      <c r="BX17" s="102">
        <v>11</v>
      </c>
      <c r="BY17" s="102">
        <v>6</v>
      </c>
      <c r="BZ17" s="103">
        <v>63</v>
      </c>
      <c r="CA17" s="104">
        <v>91</v>
      </c>
      <c r="CB17" s="101">
        <v>0</v>
      </c>
      <c r="CC17" s="102">
        <v>0</v>
      </c>
      <c r="CD17" s="103">
        <v>0</v>
      </c>
      <c r="CE17" s="413">
        <v>0</v>
      </c>
      <c r="CF17" s="102">
        <v>0</v>
      </c>
      <c r="CG17" s="102">
        <v>0</v>
      </c>
      <c r="CH17" s="102">
        <v>0</v>
      </c>
      <c r="CI17" s="102">
        <v>0</v>
      </c>
      <c r="CJ17" s="102">
        <v>0</v>
      </c>
      <c r="CK17" s="103">
        <v>0</v>
      </c>
      <c r="CL17" s="104">
        <v>0</v>
      </c>
      <c r="CM17" s="101">
        <v>47</v>
      </c>
      <c r="CN17" s="102">
        <v>43</v>
      </c>
      <c r="CO17" s="103">
        <v>90</v>
      </c>
      <c r="CP17" s="413">
        <v>0</v>
      </c>
      <c r="CQ17" s="102">
        <v>85</v>
      </c>
      <c r="CR17" s="102">
        <v>54</v>
      </c>
      <c r="CS17" s="102">
        <v>26</v>
      </c>
      <c r="CT17" s="102">
        <v>22</v>
      </c>
      <c r="CU17" s="102">
        <v>24</v>
      </c>
      <c r="CV17" s="103">
        <v>211</v>
      </c>
      <c r="CW17" s="104">
        <v>301</v>
      </c>
      <c r="CX17" s="105">
        <v>18</v>
      </c>
      <c r="CY17" s="97">
        <v>20</v>
      </c>
      <c r="CZ17" s="98">
        <v>38</v>
      </c>
      <c r="DA17" s="413">
        <v>0</v>
      </c>
      <c r="DB17" s="97">
        <v>29</v>
      </c>
      <c r="DC17" s="97">
        <v>17</v>
      </c>
      <c r="DD17" s="97">
        <v>13</v>
      </c>
      <c r="DE17" s="97">
        <v>12</v>
      </c>
      <c r="DF17" s="97">
        <v>9</v>
      </c>
      <c r="DG17" s="99">
        <v>80</v>
      </c>
      <c r="DH17" s="100">
        <v>118</v>
      </c>
      <c r="DI17" s="101">
        <v>1</v>
      </c>
      <c r="DJ17" s="102">
        <v>2</v>
      </c>
      <c r="DK17" s="103">
        <v>3</v>
      </c>
      <c r="DL17" s="413">
        <v>0</v>
      </c>
      <c r="DM17" s="102">
        <v>0</v>
      </c>
      <c r="DN17" s="102">
        <v>0</v>
      </c>
      <c r="DO17" s="102">
        <v>0</v>
      </c>
      <c r="DP17" s="102">
        <v>0</v>
      </c>
      <c r="DQ17" s="102">
        <v>0</v>
      </c>
      <c r="DR17" s="103">
        <v>0</v>
      </c>
      <c r="DS17" s="104">
        <v>3</v>
      </c>
      <c r="DT17" s="101">
        <v>2</v>
      </c>
      <c r="DU17" s="102">
        <v>0</v>
      </c>
      <c r="DV17" s="103">
        <v>2</v>
      </c>
      <c r="DW17" s="413">
        <v>0</v>
      </c>
      <c r="DX17" s="102">
        <v>1</v>
      </c>
      <c r="DY17" s="102">
        <v>0</v>
      </c>
      <c r="DZ17" s="102">
        <v>1</v>
      </c>
      <c r="EA17" s="102">
        <v>1</v>
      </c>
      <c r="EB17" s="102">
        <v>1</v>
      </c>
      <c r="EC17" s="103">
        <v>4</v>
      </c>
      <c r="ED17" s="104">
        <v>6</v>
      </c>
      <c r="EE17" s="101">
        <v>2</v>
      </c>
      <c r="EF17" s="102">
        <v>0</v>
      </c>
      <c r="EG17" s="103">
        <v>2</v>
      </c>
      <c r="EH17" s="413">
        <v>0</v>
      </c>
      <c r="EI17" s="102">
        <v>8</v>
      </c>
      <c r="EJ17" s="102">
        <v>0</v>
      </c>
      <c r="EK17" s="102">
        <v>1</v>
      </c>
      <c r="EL17" s="102">
        <v>0</v>
      </c>
      <c r="EM17" s="102">
        <v>0</v>
      </c>
      <c r="EN17" s="103">
        <v>9</v>
      </c>
      <c r="EO17" s="104">
        <v>11</v>
      </c>
      <c r="EP17" s="101">
        <v>7</v>
      </c>
      <c r="EQ17" s="102">
        <v>6</v>
      </c>
      <c r="ER17" s="103">
        <v>13</v>
      </c>
      <c r="ES17" s="413">
        <v>0</v>
      </c>
      <c r="ET17" s="102">
        <v>4</v>
      </c>
      <c r="EU17" s="102">
        <v>2</v>
      </c>
      <c r="EV17" s="102">
        <v>1</v>
      </c>
      <c r="EW17" s="102">
        <v>1</v>
      </c>
      <c r="EX17" s="102">
        <v>1</v>
      </c>
      <c r="EY17" s="103">
        <v>9</v>
      </c>
      <c r="EZ17" s="104">
        <v>22</v>
      </c>
      <c r="FA17" s="101">
        <v>5</v>
      </c>
      <c r="FB17" s="102">
        <v>7</v>
      </c>
      <c r="FC17" s="103">
        <v>12</v>
      </c>
      <c r="FD17" s="413">
        <v>0</v>
      </c>
      <c r="FE17" s="102">
        <v>8</v>
      </c>
      <c r="FF17" s="102">
        <v>7</v>
      </c>
      <c r="FG17" s="102">
        <v>1</v>
      </c>
      <c r="FH17" s="102">
        <v>3</v>
      </c>
      <c r="FI17" s="102">
        <v>1</v>
      </c>
      <c r="FJ17" s="103">
        <v>20</v>
      </c>
      <c r="FK17" s="104">
        <v>32</v>
      </c>
      <c r="FL17" s="101">
        <v>1</v>
      </c>
      <c r="FM17" s="102">
        <v>5</v>
      </c>
      <c r="FN17" s="103">
        <v>6</v>
      </c>
      <c r="FO17" s="413">
        <v>0</v>
      </c>
      <c r="FP17" s="102">
        <v>8</v>
      </c>
      <c r="FQ17" s="102">
        <v>8</v>
      </c>
      <c r="FR17" s="102">
        <v>9</v>
      </c>
      <c r="FS17" s="102">
        <v>7</v>
      </c>
      <c r="FT17" s="102">
        <v>6</v>
      </c>
      <c r="FU17" s="103">
        <v>38</v>
      </c>
      <c r="FV17" s="104">
        <v>44</v>
      </c>
      <c r="FW17" s="101">
        <v>0</v>
      </c>
      <c r="FX17" s="102">
        <v>0</v>
      </c>
      <c r="FY17" s="103">
        <v>0</v>
      </c>
      <c r="FZ17" s="413">
        <v>0</v>
      </c>
      <c r="GA17" s="102">
        <v>0</v>
      </c>
      <c r="GB17" s="102">
        <v>0</v>
      </c>
      <c r="GC17" s="102">
        <v>0</v>
      </c>
      <c r="GD17" s="102">
        <v>0</v>
      </c>
      <c r="GE17" s="102">
        <v>0</v>
      </c>
      <c r="GF17" s="103">
        <v>0</v>
      </c>
      <c r="GG17" s="104">
        <v>0</v>
      </c>
      <c r="GH17" s="101">
        <v>18</v>
      </c>
      <c r="GI17" s="102">
        <v>20</v>
      </c>
      <c r="GJ17" s="103">
        <v>38</v>
      </c>
      <c r="GK17" s="413">
        <v>0</v>
      </c>
      <c r="GL17" s="102">
        <v>29</v>
      </c>
      <c r="GM17" s="102">
        <v>17</v>
      </c>
      <c r="GN17" s="102">
        <v>13</v>
      </c>
      <c r="GO17" s="102">
        <v>12</v>
      </c>
      <c r="GP17" s="102">
        <v>9</v>
      </c>
      <c r="GQ17" s="103">
        <v>80</v>
      </c>
      <c r="GR17" s="104">
        <v>118</v>
      </c>
      <c r="GS17" s="105">
        <v>65</v>
      </c>
      <c r="GT17" s="97">
        <v>63</v>
      </c>
      <c r="GU17" s="98">
        <v>128</v>
      </c>
      <c r="GV17" s="413">
        <v>0</v>
      </c>
      <c r="GW17" s="97">
        <v>114</v>
      </c>
      <c r="GX17" s="97">
        <v>71</v>
      </c>
      <c r="GY17" s="97">
        <v>39</v>
      </c>
      <c r="GZ17" s="97">
        <v>34</v>
      </c>
      <c r="HA17" s="97">
        <v>33</v>
      </c>
      <c r="HB17" s="99">
        <v>291</v>
      </c>
      <c r="HC17" s="100">
        <v>419</v>
      </c>
      <c r="HD17" s="101">
        <v>2</v>
      </c>
      <c r="HE17" s="102">
        <v>3</v>
      </c>
      <c r="HF17" s="103">
        <v>5</v>
      </c>
      <c r="HG17" s="413">
        <v>0</v>
      </c>
      <c r="HH17" s="102">
        <v>2</v>
      </c>
      <c r="HI17" s="102">
        <v>1</v>
      </c>
      <c r="HJ17" s="102">
        <v>0</v>
      </c>
      <c r="HK17" s="102">
        <v>0</v>
      </c>
      <c r="HL17" s="102">
        <v>2</v>
      </c>
      <c r="HM17" s="103">
        <v>5</v>
      </c>
      <c r="HN17" s="104">
        <v>10</v>
      </c>
      <c r="HO17" s="101">
        <v>4</v>
      </c>
      <c r="HP17" s="102">
        <v>1</v>
      </c>
      <c r="HQ17" s="103">
        <v>5</v>
      </c>
      <c r="HR17" s="413">
        <v>0</v>
      </c>
      <c r="HS17" s="102">
        <v>4</v>
      </c>
      <c r="HT17" s="102">
        <v>2</v>
      </c>
      <c r="HU17" s="102">
        <v>3</v>
      </c>
      <c r="HV17" s="102">
        <v>2</v>
      </c>
      <c r="HW17" s="102">
        <v>1</v>
      </c>
      <c r="HX17" s="103">
        <v>12</v>
      </c>
      <c r="HY17" s="104">
        <v>17</v>
      </c>
      <c r="HZ17" s="101">
        <v>7</v>
      </c>
      <c r="IA17" s="102">
        <v>3</v>
      </c>
      <c r="IB17" s="103">
        <v>10</v>
      </c>
      <c r="IC17" s="413">
        <v>0</v>
      </c>
      <c r="ID17" s="102">
        <v>18</v>
      </c>
      <c r="IE17" s="102">
        <v>10</v>
      </c>
      <c r="IF17" s="102">
        <v>1</v>
      </c>
      <c r="IG17" s="102">
        <v>3</v>
      </c>
      <c r="IH17" s="102">
        <v>1</v>
      </c>
      <c r="II17" s="103">
        <v>33</v>
      </c>
      <c r="IJ17" s="104">
        <v>43</v>
      </c>
      <c r="IK17" s="101">
        <v>17</v>
      </c>
      <c r="IL17" s="102">
        <v>14</v>
      </c>
      <c r="IM17" s="103">
        <v>31</v>
      </c>
      <c r="IN17" s="413">
        <v>0</v>
      </c>
      <c r="IO17" s="102">
        <v>26</v>
      </c>
      <c r="IP17" s="102">
        <v>10</v>
      </c>
      <c r="IQ17" s="102">
        <v>6</v>
      </c>
      <c r="IR17" s="102">
        <v>4</v>
      </c>
      <c r="IS17" s="102">
        <v>7</v>
      </c>
      <c r="IT17" s="103">
        <v>53</v>
      </c>
      <c r="IU17" s="104">
        <v>84</v>
      </c>
      <c r="IV17" s="101">
        <v>17</v>
      </c>
      <c r="IW17" s="102">
        <v>26</v>
      </c>
      <c r="IX17" s="103">
        <v>43</v>
      </c>
      <c r="IY17" s="413">
        <v>0</v>
      </c>
      <c r="IZ17" s="102">
        <v>34</v>
      </c>
      <c r="JA17" s="102">
        <v>26</v>
      </c>
      <c r="JB17" s="102">
        <v>10</v>
      </c>
      <c r="JC17" s="102">
        <v>7</v>
      </c>
      <c r="JD17" s="102">
        <v>10</v>
      </c>
      <c r="JE17" s="103">
        <v>87</v>
      </c>
      <c r="JF17" s="104">
        <v>130</v>
      </c>
      <c r="JG17" s="101">
        <v>18</v>
      </c>
      <c r="JH17" s="102">
        <v>16</v>
      </c>
      <c r="JI17" s="103">
        <v>34</v>
      </c>
      <c r="JJ17" s="413">
        <v>0</v>
      </c>
      <c r="JK17" s="102">
        <v>30</v>
      </c>
      <c r="JL17" s="102">
        <v>22</v>
      </c>
      <c r="JM17" s="102">
        <v>19</v>
      </c>
      <c r="JN17" s="102">
        <v>18</v>
      </c>
      <c r="JO17" s="102">
        <v>12</v>
      </c>
      <c r="JP17" s="103">
        <v>101</v>
      </c>
      <c r="JQ17" s="104">
        <v>135</v>
      </c>
      <c r="JR17" s="101">
        <v>0</v>
      </c>
      <c r="JS17" s="102">
        <v>0</v>
      </c>
      <c r="JT17" s="103">
        <v>0</v>
      </c>
      <c r="JU17" s="413">
        <v>0</v>
      </c>
      <c r="JV17" s="102">
        <v>0</v>
      </c>
      <c r="JW17" s="102">
        <v>0</v>
      </c>
      <c r="JX17" s="102">
        <v>0</v>
      </c>
      <c r="JY17" s="102">
        <v>0</v>
      </c>
      <c r="JZ17" s="102">
        <v>0</v>
      </c>
      <c r="KA17" s="103">
        <v>0</v>
      </c>
      <c r="KB17" s="104">
        <v>0</v>
      </c>
      <c r="KC17" s="101">
        <v>65</v>
      </c>
      <c r="KD17" s="102">
        <v>63</v>
      </c>
      <c r="KE17" s="103">
        <v>128</v>
      </c>
      <c r="KF17" s="413">
        <v>0</v>
      </c>
      <c r="KG17" s="102">
        <v>114</v>
      </c>
      <c r="KH17" s="102">
        <v>71</v>
      </c>
      <c r="KI17" s="102">
        <v>39</v>
      </c>
      <c r="KJ17" s="102">
        <v>34</v>
      </c>
      <c r="KK17" s="102">
        <v>33</v>
      </c>
      <c r="KL17" s="103">
        <v>291</v>
      </c>
      <c r="KM17" s="104">
        <v>419</v>
      </c>
    </row>
    <row r="18" spans="2:299" s="70" customFormat="1" ht="21" customHeight="1" x14ac:dyDescent="0.2">
      <c r="B18" s="106" t="s">
        <v>15</v>
      </c>
      <c r="C18" s="96">
        <v>3</v>
      </c>
      <c r="D18" s="97">
        <v>11</v>
      </c>
      <c r="E18" s="98">
        <v>14</v>
      </c>
      <c r="F18" s="413">
        <v>0</v>
      </c>
      <c r="G18" s="97">
        <v>19</v>
      </c>
      <c r="H18" s="97">
        <v>15</v>
      </c>
      <c r="I18" s="97">
        <v>6</v>
      </c>
      <c r="J18" s="97">
        <v>7</v>
      </c>
      <c r="K18" s="97">
        <v>11</v>
      </c>
      <c r="L18" s="99">
        <v>58</v>
      </c>
      <c r="M18" s="100">
        <v>72</v>
      </c>
      <c r="N18" s="101">
        <v>1</v>
      </c>
      <c r="O18" s="102">
        <v>2</v>
      </c>
      <c r="P18" s="103">
        <v>3</v>
      </c>
      <c r="Q18" s="413">
        <v>0</v>
      </c>
      <c r="R18" s="102">
        <v>0</v>
      </c>
      <c r="S18" s="102">
        <v>0</v>
      </c>
      <c r="T18" s="102">
        <v>0</v>
      </c>
      <c r="U18" s="102">
        <v>0</v>
      </c>
      <c r="V18" s="102">
        <v>1</v>
      </c>
      <c r="W18" s="103">
        <v>1</v>
      </c>
      <c r="X18" s="104">
        <v>4</v>
      </c>
      <c r="Y18" s="101">
        <v>1</v>
      </c>
      <c r="Z18" s="102">
        <v>0</v>
      </c>
      <c r="AA18" s="103">
        <v>1</v>
      </c>
      <c r="AB18" s="413">
        <v>0</v>
      </c>
      <c r="AC18" s="102">
        <v>3</v>
      </c>
      <c r="AD18" s="102">
        <v>1</v>
      </c>
      <c r="AE18" s="102">
        <v>0</v>
      </c>
      <c r="AF18" s="102">
        <v>1</v>
      </c>
      <c r="AG18" s="102">
        <v>1</v>
      </c>
      <c r="AH18" s="103">
        <v>6</v>
      </c>
      <c r="AI18" s="104">
        <v>7</v>
      </c>
      <c r="AJ18" s="101">
        <v>0</v>
      </c>
      <c r="AK18" s="102">
        <v>1</v>
      </c>
      <c r="AL18" s="103">
        <v>1</v>
      </c>
      <c r="AM18" s="413">
        <v>0</v>
      </c>
      <c r="AN18" s="102">
        <v>2</v>
      </c>
      <c r="AO18" s="102">
        <v>3</v>
      </c>
      <c r="AP18" s="102">
        <v>1</v>
      </c>
      <c r="AQ18" s="102">
        <v>1</v>
      </c>
      <c r="AR18" s="102">
        <v>4</v>
      </c>
      <c r="AS18" s="103">
        <v>11</v>
      </c>
      <c r="AT18" s="104">
        <v>12</v>
      </c>
      <c r="AU18" s="101">
        <v>0</v>
      </c>
      <c r="AV18" s="102">
        <v>1</v>
      </c>
      <c r="AW18" s="103">
        <v>1</v>
      </c>
      <c r="AX18" s="413">
        <v>0</v>
      </c>
      <c r="AY18" s="102">
        <v>6</v>
      </c>
      <c r="AZ18" s="102">
        <v>4</v>
      </c>
      <c r="BA18" s="102">
        <v>1</v>
      </c>
      <c r="BB18" s="102">
        <v>1</v>
      </c>
      <c r="BC18" s="102">
        <v>2</v>
      </c>
      <c r="BD18" s="103">
        <v>14</v>
      </c>
      <c r="BE18" s="104">
        <v>15</v>
      </c>
      <c r="BF18" s="101">
        <v>0</v>
      </c>
      <c r="BG18" s="102">
        <v>6</v>
      </c>
      <c r="BH18" s="103">
        <v>6</v>
      </c>
      <c r="BI18" s="413">
        <v>0</v>
      </c>
      <c r="BJ18" s="102">
        <v>2</v>
      </c>
      <c r="BK18" s="102">
        <v>3</v>
      </c>
      <c r="BL18" s="102">
        <v>2</v>
      </c>
      <c r="BM18" s="102">
        <v>2</v>
      </c>
      <c r="BN18" s="102">
        <v>3</v>
      </c>
      <c r="BO18" s="103">
        <v>12</v>
      </c>
      <c r="BP18" s="104">
        <v>18</v>
      </c>
      <c r="BQ18" s="101">
        <v>1</v>
      </c>
      <c r="BR18" s="102">
        <v>1</v>
      </c>
      <c r="BS18" s="103">
        <v>2</v>
      </c>
      <c r="BT18" s="413">
        <v>0</v>
      </c>
      <c r="BU18" s="102">
        <v>6</v>
      </c>
      <c r="BV18" s="102">
        <v>4</v>
      </c>
      <c r="BW18" s="102">
        <v>2</v>
      </c>
      <c r="BX18" s="102">
        <v>2</v>
      </c>
      <c r="BY18" s="102">
        <v>0</v>
      </c>
      <c r="BZ18" s="103">
        <v>14</v>
      </c>
      <c r="CA18" s="104">
        <v>16</v>
      </c>
      <c r="CB18" s="101">
        <v>0</v>
      </c>
      <c r="CC18" s="102">
        <v>0</v>
      </c>
      <c r="CD18" s="103">
        <v>0</v>
      </c>
      <c r="CE18" s="413">
        <v>0</v>
      </c>
      <c r="CF18" s="102">
        <v>0</v>
      </c>
      <c r="CG18" s="102">
        <v>0</v>
      </c>
      <c r="CH18" s="102">
        <v>0</v>
      </c>
      <c r="CI18" s="102">
        <v>0</v>
      </c>
      <c r="CJ18" s="102">
        <v>0</v>
      </c>
      <c r="CK18" s="103">
        <v>0</v>
      </c>
      <c r="CL18" s="104">
        <v>0</v>
      </c>
      <c r="CM18" s="101">
        <v>3</v>
      </c>
      <c r="CN18" s="102">
        <v>11</v>
      </c>
      <c r="CO18" s="103">
        <v>14</v>
      </c>
      <c r="CP18" s="413">
        <v>0</v>
      </c>
      <c r="CQ18" s="102">
        <v>19</v>
      </c>
      <c r="CR18" s="102">
        <v>15</v>
      </c>
      <c r="CS18" s="102">
        <v>6</v>
      </c>
      <c r="CT18" s="102">
        <v>7</v>
      </c>
      <c r="CU18" s="102">
        <v>11</v>
      </c>
      <c r="CV18" s="103">
        <v>58</v>
      </c>
      <c r="CW18" s="104">
        <v>72</v>
      </c>
      <c r="CX18" s="105">
        <v>5</v>
      </c>
      <c r="CY18" s="97">
        <v>8</v>
      </c>
      <c r="CZ18" s="98">
        <v>13</v>
      </c>
      <c r="DA18" s="413">
        <v>0</v>
      </c>
      <c r="DB18" s="97">
        <v>5</v>
      </c>
      <c r="DC18" s="97">
        <v>8</v>
      </c>
      <c r="DD18" s="97">
        <v>6</v>
      </c>
      <c r="DE18" s="97">
        <v>6</v>
      </c>
      <c r="DF18" s="97">
        <v>2</v>
      </c>
      <c r="DG18" s="99">
        <v>27</v>
      </c>
      <c r="DH18" s="100">
        <v>40</v>
      </c>
      <c r="DI18" s="101">
        <v>1</v>
      </c>
      <c r="DJ18" s="102">
        <v>0</v>
      </c>
      <c r="DK18" s="103">
        <v>1</v>
      </c>
      <c r="DL18" s="413">
        <v>0</v>
      </c>
      <c r="DM18" s="102">
        <v>0</v>
      </c>
      <c r="DN18" s="102">
        <v>0</v>
      </c>
      <c r="DO18" s="102">
        <v>0</v>
      </c>
      <c r="DP18" s="102">
        <v>0</v>
      </c>
      <c r="DQ18" s="102">
        <v>0</v>
      </c>
      <c r="DR18" s="103">
        <v>0</v>
      </c>
      <c r="DS18" s="104">
        <v>1</v>
      </c>
      <c r="DT18" s="101">
        <v>0</v>
      </c>
      <c r="DU18" s="102">
        <v>0</v>
      </c>
      <c r="DV18" s="103">
        <v>0</v>
      </c>
      <c r="DW18" s="413">
        <v>0</v>
      </c>
      <c r="DX18" s="102">
        <v>0</v>
      </c>
      <c r="DY18" s="102">
        <v>0</v>
      </c>
      <c r="DZ18" s="102">
        <v>0</v>
      </c>
      <c r="EA18" s="102">
        <v>0</v>
      </c>
      <c r="EB18" s="102">
        <v>0</v>
      </c>
      <c r="EC18" s="103">
        <v>0</v>
      </c>
      <c r="ED18" s="104">
        <v>0</v>
      </c>
      <c r="EE18" s="101">
        <v>1</v>
      </c>
      <c r="EF18" s="102">
        <v>1</v>
      </c>
      <c r="EG18" s="103">
        <v>2</v>
      </c>
      <c r="EH18" s="413">
        <v>0</v>
      </c>
      <c r="EI18" s="102">
        <v>1</v>
      </c>
      <c r="EJ18" s="102">
        <v>2</v>
      </c>
      <c r="EK18" s="102">
        <v>2</v>
      </c>
      <c r="EL18" s="102">
        <v>0</v>
      </c>
      <c r="EM18" s="102">
        <v>1</v>
      </c>
      <c r="EN18" s="103">
        <v>6</v>
      </c>
      <c r="EO18" s="104">
        <v>8</v>
      </c>
      <c r="EP18" s="101">
        <v>1</v>
      </c>
      <c r="EQ18" s="102">
        <v>5</v>
      </c>
      <c r="ER18" s="103">
        <v>6</v>
      </c>
      <c r="ES18" s="413">
        <v>0</v>
      </c>
      <c r="ET18" s="102">
        <v>0</v>
      </c>
      <c r="EU18" s="102">
        <v>0</v>
      </c>
      <c r="EV18" s="102">
        <v>0</v>
      </c>
      <c r="EW18" s="102">
        <v>1</v>
      </c>
      <c r="EX18" s="102">
        <v>0</v>
      </c>
      <c r="EY18" s="103">
        <v>1</v>
      </c>
      <c r="EZ18" s="104">
        <v>7</v>
      </c>
      <c r="FA18" s="101">
        <v>0</v>
      </c>
      <c r="FB18" s="102">
        <v>1</v>
      </c>
      <c r="FC18" s="103">
        <v>1</v>
      </c>
      <c r="FD18" s="413">
        <v>0</v>
      </c>
      <c r="FE18" s="102">
        <v>2</v>
      </c>
      <c r="FF18" s="102">
        <v>3</v>
      </c>
      <c r="FG18" s="102">
        <v>1</v>
      </c>
      <c r="FH18" s="102">
        <v>2</v>
      </c>
      <c r="FI18" s="102">
        <v>0</v>
      </c>
      <c r="FJ18" s="103">
        <v>8</v>
      </c>
      <c r="FK18" s="104">
        <v>9</v>
      </c>
      <c r="FL18" s="101">
        <v>2</v>
      </c>
      <c r="FM18" s="102">
        <v>1</v>
      </c>
      <c r="FN18" s="103">
        <v>3</v>
      </c>
      <c r="FO18" s="413">
        <v>0</v>
      </c>
      <c r="FP18" s="102">
        <v>2</v>
      </c>
      <c r="FQ18" s="102">
        <v>3</v>
      </c>
      <c r="FR18" s="102">
        <v>3</v>
      </c>
      <c r="FS18" s="102">
        <v>3</v>
      </c>
      <c r="FT18" s="102">
        <v>1</v>
      </c>
      <c r="FU18" s="103">
        <v>12</v>
      </c>
      <c r="FV18" s="104">
        <v>15</v>
      </c>
      <c r="FW18" s="101">
        <v>0</v>
      </c>
      <c r="FX18" s="102">
        <v>0</v>
      </c>
      <c r="FY18" s="103">
        <v>0</v>
      </c>
      <c r="FZ18" s="413">
        <v>0</v>
      </c>
      <c r="GA18" s="102">
        <v>0</v>
      </c>
      <c r="GB18" s="102">
        <v>0</v>
      </c>
      <c r="GC18" s="102">
        <v>0</v>
      </c>
      <c r="GD18" s="102">
        <v>0</v>
      </c>
      <c r="GE18" s="102">
        <v>0</v>
      </c>
      <c r="GF18" s="103">
        <v>0</v>
      </c>
      <c r="GG18" s="104">
        <v>0</v>
      </c>
      <c r="GH18" s="101">
        <v>5</v>
      </c>
      <c r="GI18" s="102">
        <v>8</v>
      </c>
      <c r="GJ18" s="103">
        <v>13</v>
      </c>
      <c r="GK18" s="413">
        <v>0</v>
      </c>
      <c r="GL18" s="102">
        <v>5</v>
      </c>
      <c r="GM18" s="102">
        <v>8</v>
      </c>
      <c r="GN18" s="102">
        <v>6</v>
      </c>
      <c r="GO18" s="102">
        <v>6</v>
      </c>
      <c r="GP18" s="102">
        <v>2</v>
      </c>
      <c r="GQ18" s="103">
        <v>27</v>
      </c>
      <c r="GR18" s="104">
        <v>40</v>
      </c>
      <c r="GS18" s="105">
        <v>8</v>
      </c>
      <c r="GT18" s="97">
        <v>19</v>
      </c>
      <c r="GU18" s="98">
        <v>27</v>
      </c>
      <c r="GV18" s="413">
        <v>0</v>
      </c>
      <c r="GW18" s="97">
        <v>24</v>
      </c>
      <c r="GX18" s="97">
        <v>23</v>
      </c>
      <c r="GY18" s="97">
        <v>12</v>
      </c>
      <c r="GZ18" s="97">
        <v>13</v>
      </c>
      <c r="HA18" s="97">
        <v>13</v>
      </c>
      <c r="HB18" s="99">
        <v>85</v>
      </c>
      <c r="HC18" s="100">
        <v>112</v>
      </c>
      <c r="HD18" s="101">
        <v>2</v>
      </c>
      <c r="HE18" s="102">
        <v>2</v>
      </c>
      <c r="HF18" s="103">
        <v>4</v>
      </c>
      <c r="HG18" s="413">
        <v>0</v>
      </c>
      <c r="HH18" s="102">
        <v>0</v>
      </c>
      <c r="HI18" s="102">
        <v>0</v>
      </c>
      <c r="HJ18" s="102">
        <v>0</v>
      </c>
      <c r="HK18" s="102">
        <v>0</v>
      </c>
      <c r="HL18" s="102">
        <v>1</v>
      </c>
      <c r="HM18" s="103">
        <v>1</v>
      </c>
      <c r="HN18" s="104">
        <v>5</v>
      </c>
      <c r="HO18" s="101">
        <v>1</v>
      </c>
      <c r="HP18" s="102">
        <v>0</v>
      </c>
      <c r="HQ18" s="103">
        <v>1</v>
      </c>
      <c r="HR18" s="413">
        <v>0</v>
      </c>
      <c r="HS18" s="102">
        <v>3</v>
      </c>
      <c r="HT18" s="102">
        <v>1</v>
      </c>
      <c r="HU18" s="102">
        <v>0</v>
      </c>
      <c r="HV18" s="102">
        <v>1</v>
      </c>
      <c r="HW18" s="102">
        <v>1</v>
      </c>
      <c r="HX18" s="103">
        <v>6</v>
      </c>
      <c r="HY18" s="104">
        <v>7</v>
      </c>
      <c r="HZ18" s="101">
        <v>1</v>
      </c>
      <c r="IA18" s="102">
        <v>2</v>
      </c>
      <c r="IB18" s="103">
        <v>3</v>
      </c>
      <c r="IC18" s="413">
        <v>0</v>
      </c>
      <c r="ID18" s="102">
        <v>3</v>
      </c>
      <c r="IE18" s="102">
        <v>5</v>
      </c>
      <c r="IF18" s="102">
        <v>3</v>
      </c>
      <c r="IG18" s="102">
        <v>1</v>
      </c>
      <c r="IH18" s="102">
        <v>5</v>
      </c>
      <c r="II18" s="103">
        <v>17</v>
      </c>
      <c r="IJ18" s="104">
        <v>20</v>
      </c>
      <c r="IK18" s="101">
        <v>1</v>
      </c>
      <c r="IL18" s="102">
        <v>6</v>
      </c>
      <c r="IM18" s="103">
        <v>7</v>
      </c>
      <c r="IN18" s="413">
        <v>0</v>
      </c>
      <c r="IO18" s="102">
        <v>6</v>
      </c>
      <c r="IP18" s="102">
        <v>4</v>
      </c>
      <c r="IQ18" s="102">
        <v>1</v>
      </c>
      <c r="IR18" s="102">
        <v>2</v>
      </c>
      <c r="IS18" s="102">
        <v>2</v>
      </c>
      <c r="IT18" s="103">
        <v>15</v>
      </c>
      <c r="IU18" s="104">
        <v>22</v>
      </c>
      <c r="IV18" s="101">
        <v>0</v>
      </c>
      <c r="IW18" s="102">
        <v>7</v>
      </c>
      <c r="IX18" s="103">
        <v>7</v>
      </c>
      <c r="IY18" s="413">
        <v>0</v>
      </c>
      <c r="IZ18" s="102">
        <v>4</v>
      </c>
      <c r="JA18" s="102">
        <v>6</v>
      </c>
      <c r="JB18" s="102">
        <v>3</v>
      </c>
      <c r="JC18" s="102">
        <v>4</v>
      </c>
      <c r="JD18" s="102">
        <v>3</v>
      </c>
      <c r="JE18" s="103">
        <v>20</v>
      </c>
      <c r="JF18" s="104">
        <v>27</v>
      </c>
      <c r="JG18" s="101">
        <v>3</v>
      </c>
      <c r="JH18" s="102">
        <v>2</v>
      </c>
      <c r="JI18" s="103">
        <v>5</v>
      </c>
      <c r="JJ18" s="413">
        <v>0</v>
      </c>
      <c r="JK18" s="102">
        <v>8</v>
      </c>
      <c r="JL18" s="102">
        <v>7</v>
      </c>
      <c r="JM18" s="102">
        <v>5</v>
      </c>
      <c r="JN18" s="102">
        <v>5</v>
      </c>
      <c r="JO18" s="102">
        <v>1</v>
      </c>
      <c r="JP18" s="103">
        <v>26</v>
      </c>
      <c r="JQ18" s="104">
        <v>31</v>
      </c>
      <c r="JR18" s="101">
        <v>0</v>
      </c>
      <c r="JS18" s="102">
        <v>0</v>
      </c>
      <c r="JT18" s="103">
        <v>0</v>
      </c>
      <c r="JU18" s="413">
        <v>0</v>
      </c>
      <c r="JV18" s="102">
        <v>0</v>
      </c>
      <c r="JW18" s="102">
        <v>0</v>
      </c>
      <c r="JX18" s="102">
        <v>0</v>
      </c>
      <c r="JY18" s="102">
        <v>0</v>
      </c>
      <c r="JZ18" s="102">
        <v>0</v>
      </c>
      <c r="KA18" s="103">
        <v>0</v>
      </c>
      <c r="KB18" s="104">
        <v>0</v>
      </c>
      <c r="KC18" s="101">
        <v>8</v>
      </c>
      <c r="KD18" s="102">
        <v>19</v>
      </c>
      <c r="KE18" s="103">
        <v>27</v>
      </c>
      <c r="KF18" s="413">
        <v>0</v>
      </c>
      <c r="KG18" s="102">
        <v>24</v>
      </c>
      <c r="KH18" s="102">
        <v>23</v>
      </c>
      <c r="KI18" s="102">
        <v>12</v>
      </c>
      <c r="KJ18" s="102">
        <v>13</v>
      </c>
      <c r="KK18" s="102">
        <v>13</v>
      </c>
      <c r="KL18" s="103">
        <v>85</v>
      </c>
      <c r="KM18" s="104">
        <v>112</v>
      </c>
    </row>
    <row r="19" spans="2:299" s="70" customFormat="1" ht="21" customHeight="1" x14ac:dyDescent="0.2">
      <c r="B19" s="106" t="s">
        <v>16</v>
      </c>
      <c r="C19" s="96">
        <v>27</v>
      </c>
      <c r="D19" s="97">
        <v>31</v>
      </c>
      <c r="E19" s="98">
        <v>58</v>
      </c>
      <c r="F19" s="413">
        <v>0</v>
      </c>
      <c r="G19" s="97">
        <v>46</v>
      </c>
      <c r="H19" s="97">
        <v>72</v>
      </c>
      <c r="I19" s="97">
        <v>37</v>
      </c>
      <c r="J19" s="97">
        <v>22</v>
      </c>
      <c r="K19" s="97">
        <v>18</v>
      </c>
      <c r="L19" s="99">
        <v>195</v>
      </c>
      <c r="M19" s="100">
        <v>253</v>
      </c>
      <c r="N19" s="101">
        <v>0</v>
      </c>
      <c r="O19" s="102">
        <v>2</v>
      </c>
      <c r="P19" s="103">
        <v>2</v>
      </c>
      <c r="Q19" s="413">
        <v>0</v>
      </c>
      <c r="R19" s="102">
        <v>0</v>
      </c>
      <c r="S19" s="102">
        <v>3</v>
      </c>
      <c r="T19" s="102">
        <v>1</v>
      </c>
      <c r="U19" s="102">
        <v>1</v>
      </c>
      <c r="V19" s="102">
        <v>3</v>
      </c>
      <c r="W19" s="103">
        <v>8</v>
      </c>
      <c r="X19" s="104">
        <v>10</v>
      </c>
      <c r="Y19" s="101">
        <v>3</v>
      </c>
      <c r="Z19" s="102">
        <v>3</v>
      </c>
      <c r="AA19" s="103">
        <v>6</v>
      </c>
      <c r="AB19" s="413">
        <v>0</v>
      </c>
      <c r="AC19" s="102">
        <v>4</v>
      </c>
      <c r="AD19" s="102">
        <v>8</v>
      </c>
      <c r="AE19" s="102">
        <v>4</v>
      </c>
      <c r="AF19" s="102">
        <v>1</v>
      </c>
      <c r="AG19" s="102">
        <v>1</v>
      </c>
      <c r="AH19" s="103">
        <v>18</v>
      </c>
      <c r="AI19" s="104">
        <v>24</v>
      </c>
      <c r="AJ19" s="101">
        <v>6</v>
      </c>
      <c r="AK19" s="102">
        <v>4</v>
      </c>
      <c r="AL19" s="103">
        <v>10</v>
      </c>
      <c r="AM19" s="413">
        <v>0</v>
      </c>
      <c r="AN19" s="102">
        <v>8</v>
      </c>
      <c r="AO19" s="102">
        <v>10</v>
      </c>
      <c r="AP19" s="102">
        <v>5</v>
      </c>
      <c r="AQ19" s="102">
        <v>3</v>
      </c>
      <c r="AR19" s="102">
        <v>4</v>
      </c>
      <c r="AS19" s="103">
        <v>30</v>
      </c>
      <c r="AT19" s="104">
        <v>40</v>
      </c>
      <c r="AU19" s="101">
        <v>7</v>
      </c>
      <c r="AV19" s="102">
        <v>6</v>
      </c>
      <c r="AW19" s="103">
        <v>13</v>
      </c>
      <c r="AX19" s="413">
        <v>0</v>
      </c>
      <c r="AY19" s="102">
        <v>9</v>
      </c>
      <c r="AZ19" s="102">
        <v>20</v>
      </c>
      <c r="BA19" s="102">
        <v>10</v>
      </c>
      <c r="BB19" s="102">
        <v>5</v>
      </c>
      <c r="BC19" s="102">
        <v>1</v>
      </c>
      <c r="BD19" s="103">
        <v>45</v>
      </c>
      <c r="BE19" s="104">
        <v>58</v>
      </c>
      <c r="BF19" s="101">
        <v>7</v>
      </c>
      <c r="BG19" s="102">
        <v>7</v>
      </c>
      <c r="BH19" s="103">
        <v>14</v>
      </c>
      <c r="BI19" s="413">
        <v>0</v>
      </c>
      <c r="BJ19" s="102">
        <v>14</v>
      </c>
      <c r="BK19" s="102">
        <v>20</v>
      </c>
      <c r="BL19" s="102">
        <v>10</v>
      </c>
      <c r="BM19" s="102">
        <v>4</v>
      </c>
      <c r="BN19" s="102">
        <v>6</v>
      </c>
      <c r="BO19" s="103">
        <v>54</v>
      </c>
      <c r="BP19" s="104">
        <v>68</v>
      </c>
      <c r="BQ19" s="101">
        <v>4</v>
      </c>
      <c r="BR19" s="102">
        <v>9</v>
      </c>
      <c r="BS19" s="103">
        <v>13</v>
      </c>
      <c r="BT19" s="413">
        <v>0</v>
      </c>
      <c r="BU19" s="102">
        <v>11</v>
      </c>
      <c r="BV19" s="102">
        <v>11</v>
      </c>
      <c r="BW19" s="102">
        <v>7</v>
      </c>
      <c r="BX19" s="102">
        <v>8</v>
      </c>
      <c r="BY19" s="102">
        <v>3</v>
      </c>
      <c r="BZ19" s="103">
        <v>40</v>
      </c>
      <c r="CA19" s="104">
        <v>53</v>
      </c>
      <c r="CB19" s="101">
        <v>0</v>
      </c>
      <c r="CC19" s="102">
        <v>0</v>
      </c>
      <c r="CD19" s="103">
        <v>0</v>
      </c>
      <c r="CE19" s="413">
        <v>0</v>
      </c>
      <c r="CF19" s="102">
        <v>0</v>
      </c>
      <c r="CG19" s="102">
        <v>0</v>
      </c>
      <c r="CH19" s="102">
        <v>0</v>
      </c>
      <c r="CI19" s="102">
        <v>0</v>
      </c>
      <c r="CJ19" s="102">
        <v>0</v>
      </c>
      <c r="CK19" s="103">
        <v>0</v>
      </c>
      <c r="CL19" s="104">
        <v>0</v>
      </c>
      <c r="CM19" s="101">
        <v>27</v>
      </c>
      <c r="CN19" s="102">
        <v>31</v>
      </c>
      <c r="CO19" s="103">
        <v>58</v>
      </c>
      <c r="CP19" s="413">
        <v>0</v>
      </c>
      <c r="CQ19" s="102">
        <v>46</v>
      </c>
      <c r="CR19" s="102">
        <v>72</v>
      </c>
      <c r="CS19" s="102">
        <v>37</v>
      </c>
      <c r="CT19" s="102">
        <v>22</v>
      </c>
      <c r="CU19" s="102">
        <v>18</v>
      </c>
      <c r="CV19" s="103">
        <v>195</v>
      </c>
      <c r="CW19" s="104">
        <v>253</v>
      </c>
      <c r="CX19" s="105">
        <v>17</v>
      </c>
      <c r="CY19" s="97">
        <v>17</v>
      </c>
      <c r="CZ19" s="98">
        <v>34</v>
      </c>
      <c r="DA19" s="413">
        <v>0</v>
      </c>
      <c r="DB19" s="97">
        <v>19</v>
      </c>
      <c r="DC19" s="97">
        <v>23</v>
      </c>
      <c r="DD19" s="97">
        <v>16</v>
      </c>
      <c r="DE19" s="97">
        <v>16</v>
      </c>
      <c r="DF19" s="97">
        <v>5</v>
      </c>
      <c r="DG19" s="99">
        <v>79</v>
      </c>
      <c r="DH19" s="100">
        <v>113</v>
      </c>
      <c r="DI19" s="101">
        <v>0</v>
      </c>
      <c r="DJ19" s="102">
        <v>2</v>
      </c>
      <c r="DK19" s="103">
        <v>2</v>
      </c>
      <c r="DL19" s="413">
        <v>0</v>
      </c>
      <c r="DM19" s="102">
        <v>0</v>
      </c>
      <c r="DN19" s="102">
        <v>0</v>
      </c>
      <c r="DO19" s="102">
        <v>0</v>
      </c>
      <c r="DP19" s="102">
        <v>0</v>
      </c>
      <c r="DQ19" s="102">
        <v>0</v>
      </c>
      <c r="DR19" s="103">
        <v>0</v>
      </c>
      <c r="DS19" s="104">
        <v>2</v>
      </c>
      <c r="DT19" s="101">
        <v>2</v>
      </c>
      <c r="DU19" s="102">
        <v>3</v>
      </c>
      <c r="DV19" s="103">
        <v>5</v>
      </c>
      <c r="DW19" s="413">
        <v>0</v>
      </c>
      <c r="DX19" s="102">
        <v>0</v>
      </c>
      <c r="DY19" s="102">
        <v>2</v>
      </c>
      <c r="DZ19" s="102">
        <v>1</v>
      </c>
      <c r="EA19" s="102">
        <v>0</v>
      </c>
      <c r="EB19" s="102">
        <v>0</v>
      </c>
      <c r="EC19" s="103">
        <v>3</v>
      </c>
      <c r="ED19" s="104">
        <v>8</v>
      </c>
      <c r="EE19" s="101">
        <v>3</v>
      </c>
      <c r="EF19" s="102">
        <v>2</v>
      </c>
      <c r="EG19" s="103">
        <v>5</v>
      </c>
      <c r="EH19" s="413">
        <v>0</v>
      </c>
      <c r="EI19" s="102">
        <v>2</v>
      </c>
      <c r="EJ19" s="102">
        <v>1</v>
      </c>
      <c r="EK19" s="102">
        <v>2</v>
      </c>
      <c r="EL19" s="102">
        <v>0</v>
      </c>
      <c r="EM19" s="102">
        <v>0</v>
      </c>
      <c r="EN19" s="103">
        <v>5</v>
      </c>
      <c r="EO19" s="104">
        <v>10</v>
      </c>
      <c r="EP19" s="101">
        <v>6</v>
      </c>
      <c r="EQ19" s="102">
        <v>4</v>
      </c>
      <c r="ER19" s="103">
        <v>10</v>
      </c>
      <c r="ES19" s="413">
        <v>0</v>
      </c>
      <c r="ET19" s="102">
        <v>3</v>
      </c>
      <c r="EU19" s="102">
        <v>5</v>
      </c>
      <c r="EV19" s="102">
        <v>3</v>
      </c>
      <c r="EW19" s="102">
        <v>1</v>
      </c>
      <c r="EX19" s="102">
        <v>0</v>
      </c>
      <c r="EY19" s="103">
        <v>12</v>
      </c>
      <c r="EZ19" s="104">
        <v>22</v>
      </c>
      <c r="FA19" s="101">
        <v>3</v>
      </c>
      <c r="FB19" s="102">
        <v>2</v>
      </c>
      <c r="FC19" s="103">
        <v>5</v>
      </c>
      <c r="FD19" s="413">
        <v>0</v>
      </c>
      <c r="FE19" s="102">
        <v>7</v>
      </c>
      <c r="FF19" s="102">
        <v>9</v>
      </c>
      <c r="FG19" s="102">
        <v>4</v>
      </c>
      <c r="FH19" s="102">
        <v>3</v>
      </c>
      <c r="FI19" s="102">
        <v>1</v>
      </c>
      <c r="FJ19" s="103">
        <v>24</v>
      </c>
      <c r="FK19" s="104">
        <v>29</v>
      </c>
      <c r="FL19" s="101">
        <v>3</v>
      </c>
      <c r="FM19" s="102">
        <v>4</v>
      </c>
      <c r="FN19" s="103">
        <v>7</v>
      </c>
      <c r="FO19" s="413">
        <v>0</v>
      </c>
      <c r="FP19" s="102">
        <v>7</v>
      </c>
      <c r="FQ19" s="102">
        <v>6</v>
      </c>
      <c r="FR19" s="102">
        <v>6</v>
      </c>
      <c r="FS19" s="102">
        <v>12</v>
      </c>
      <c r="FT19" s="102">
        <v>4</v>
      </c>
      <c r="FU19" s="103">
        <v>35</v>
      </c>
      <c r="FV19" s="104">
        <v>42</v>
      </c>
      <c r="FW19" s="101">
        <v>0</v>
      </c>
      <c r="FX19" s="102">
        <v>0</v>
      </c>
      <c r="FY19" s="103">
        <v>0</v>
      </c>
      <c r="FZ19" s="413">
        <v>0</v>
      </c>
      <c r="GA19" s="102">
        <v>0</v>
      </c>
      <c r="GB19" s="102">
        <v>0</v>
      </c>
      <c r="GC19" s="102">
        <v>0</v>
      </c>
      <c r="GD19" s="102">
        <v>0</v>
      </c>
      <c r="GE19" s="102">
        <v>0</v>
      </c>
      <c r="GF19" s="103">
        <v>0</v>
      </c>
      <c r="GG19" s="104">
        <v>0</v>
      </c>
      <c r="GH19" s="101">
        <v>17</v>
      </c>
      <c r="GI19" s="102">
        <v>17</v>
      </c>
      <c r="GJ19" s="103">
        <v>34</v>
      </c>
      <c r="GK19" s="413">
        <v>0</v>
      </c>
      <c r="GL19" s="102">
        <v>19</v>
      </c>
      <c r="GM19" s="102">
        <v>23</v>
      </c>
      <c r="GN19" s="102">
        <v>16</v>
      </c>
      <c r="GO19" s="102">
        <v>16</v>
      </c>
      <c r="GP19" s="102">
        <v>5</v>
      </c>
      <c r="GQ19" s="103">
        <v>79</v>
      </c>
      <c r="GR19" s="104">
        <v>113</v>
      </c>
      <c r="GS19" s="105">
        <v>44</v>
      </c>
      <c r="GT19" s="97">
        <v>48</v>
      </c>
      <c r="GU19" s="98">
        <v>92</v>
      </c>
      <c r="GV19" s="413">
        <v>0</v>
      </c>
      <c r="GW19" s="97">
        <v>65</v>
      </c>
      <c r="GX19" s="97">
        <v>95</v>
      </c>
      <c r="GY19" s="97">
        <v>53</v>
      </c>
      <c r="GZ19" s="97">
        <v>38</v>
      </c>
      <c r="HA19" s="97">
        <v>23</v>
      </c>
      <c r="HB19" s="99">
        <v>274</v>
      </c>
      <c r="HC19" s="100">
        <v>366</v>
      </c>
      <c r="HD19" s="101">
        <v>0</v>
      </c>
      <c r="HE19" s="102">
        <v>4</v>
      </c>
      <c r="HF19" s="103">
        <v>4</v>
      </c>
      <c r="HG19" s="413">
        <v>0</v>
      </c>
      <c r="HH19" s="102">
        <v>0</v>
      </c>
      <c r="HI19" s="102">
        <v>3</v>
      </c>
      <c r="HJ19" s="102">
        <v>1</v>
      </c>
      <c r="HK19" s="102">
        <v>1</v>
      </c>
      <c r="HL19" s="102">
        <v>3</v>
      </c>
      <c r="HM19" s="103">
        <v>8</v>
      </c>
      <c r="HN19" s="104">
        <v>12</v>
      </c>
      <c r="HO19" s="101">
        <v>5</v>
      </c>
      <c r="HP19" s="102">
        <v>6</v>
      </c>
      <c r="HQ19" s="103">
        <v>11</v>
      </c>
      <c r="HR19" s="413">
        <v>0</v>
      </c>
      <c r="HS19" s="102">
        <v>4</v>
      </c>
      <c r="HT19" s="102">
        <v>10</v>
      </c>
      <c r="HU19" s="102">
        <v>5</v>
      </c>
      <c r="HV19" s="102">
        <v>1</v>
      </c>
      <c r="HW19" s="102">
        <v>1</v>
      </c>
      <c r="HX19" s="103">
        <v>21</v>
      </c>
      <c r="HY19" s="104">
        <v>32</v>
      </c>
      <c r="HZ19" s="101">
        <v>9</v>
      </c>
      <c r="IA19" s="102">
        <v>6</v>
      </c>
      <c r="IB19" s="103">
        <v>15</v>
      </c>
      <c r="IC19" s="413">
        <v>0</v>
      </c>
      <c r="ID19" s="102">
        <v>10</v>
      </c>
      <c r="IE19" s="102">
        <v>11</v>
      </c>
      <c r="IF19" s="102">
        <v>7</v>
      </c>
      <c r="IG19" s="102">
        <v>3</v>
      </c>
      <c r="IH19" s="102">
        <v>4</v>
      </c>
      <c r="II19" s="103">
        <v>35</v>
      </c>
      <c r="IJ19" s="104">
        <v>50</v>
      </c>
      <c r="IK19" s="101">
        <v>13</v>
      </c>
      <c r="IL19" s="102">
        <v>10</v>
      </c>
      <c r="IM19" s="103">
        <v>23</v>
      </c>
      <c r="IN19" s="413">
        <v>0</v>
      </c>
      <c r="IO19" s="102">
        <v>12</v>
      </c>
      <c r="IP19" s="102">
        <v>25</v>
      </c>
      <c r="IQ19" s="102">
        <v>13</v>
      </c>
      <c r="IR19" s="102">
        <v>6</v>
      </c>
      <c r="IS19" s="102">
        <v>1</v>
      </c>
      <c r="IT19" s="103">
        <v>57</v>
      </c>
      <c r="IU19" s="104">
        <v>80</v>
      </c>
      <c r="IV19" s="101">
        <v>10</v>
      </c>
      <c r="IW19" s="102">
        <v>9</v>
      </c>
      <c r="IX19" s="103">
        <v>19</v>
      </c>
      <c r="IY19" s="413">
        <v>0</v>
      </c>
      <c r="IZ19" s="102">
        <v>21</v>
      </c>
      <c r="JA19" s="102">
        <v>29</v>
      </c>
      <c r="JB19" s="102">
        <v>14</v>
      </c>
      <c r="JC19" s="102">
        <v>7</v>
      </c>
      <c r="JD19" s="102">
        <v>7</v>
      </c>
      <c r="JE19" s="103">
        <v>78</v>
      </c>
      <c r="JF19" s="104">
        <v>97</v>
      </c>
      <c r="JG19" s="101">
        <v>7</v>
      </c>
      <c r="JH19" s="102">
        <v>13</v>
      </c>
      <c r="JI19" s="103">
        <v>20</v>
      </c>
      <c r="JJ19" s="413">
        <v>0</v>
      </c>
      <c r="JK19" s="102">
        <v>18</v>
      </c>
      <c r="JL19" s="102">
        <v>17</v>
      </c>
      <c r="JM19" s="102">
        <v>13</v>
      </c>
      <c r="JN19" s="102">
        <v>20</v>
      </c>
      <c r="JO19" s="102">
        <v>7</v>
      </c>
      <c r="JP19" s="103">
        <v>75</v>
      </c>
      <c r="JQ19" s="104">
        <v>95</v>
      </c>
      <c r="JR19" s="101">
        <v>0</v>
      </c>
      <c r="JS19" s="102">
        <v>0</v>
      </c>
      <c r="JT19" s="103">
        <v>0</v>
      </c>
      <c r="JU19" s="413">
        <v>0</v>
      </c>
      <c r="JV19" s="102">
        <v>0</v>
      </c>
      <c r="JW19" s="102">
        <v>0</v>
      </c>
      <c r="JX19" s="102">
        <v>0</v>
      </c>
      <c r="JY19" s="102">
        <v>0</v>
      </c>
      <c r="JZ19" s="102">
        <v>0</v>
      </c>
      <c r="KA19" s="103">
        <v>0</v>
      </c>
      <c r="KB19" s="104">
        <v>0</v>
      </c>
      <c r="KC19" s="101">
        <v>44</v>
      </c>
      <c r="KD19" s="102">
        <v>48</v>
      </c>
      <c r="KE19" s="103">
        <v>92</v>
      </c>
      <c r="KF19" s="413">
        <v>0</v>
      </c>
      <c r="KG19" s="102">
        <v>65</v>
      </c>
      <c r="KH19" s="102">
        <v>95</v>
      </c>
      <c r="KI19" s="102">
        <v>53</v>
      </c>
      <c r="KJ19" s="102">
        <v>38</v>
      </c>
      <c r="KK19" s="102">
        <v>23</v>
      </c>
      <c r="KL19" s="103">
        <v>274</v>
      </c>
      <c r="KM19" s="104">
        <v>366</v>
      </c>
    </row>
    <row r="20" spans="2:299" s="70" customFormat="1" ht="21" customHeight="1" x14ac:dyDescent="0.2">
      <c r="B20" s="106" t="s">
        <v>17</v>
      </c>
      <c r="C20" s="96">
        <v>54</v>
      </c>
      <c r="D20" s="97">
        <v>52</v>
      </c>
      <c r="E20" s="98">
        <v>106</v>
      </c>
      <c r="F20" s="413">
        <v>0</v>
      </c>
      <c r="G20" s="97">
        <v>73</v>
      </c>
      <c r="H20" s="97">
        <v>100</v>
      </c>
      <c r="I20" s="97">
        <v>65</v>
      </c>
      <c r="J20" s="97">
        <v>43</v>
      </c>
      <c r="K20" s="97">
        <v>22</v>
      </c>
      <c r="L20" s="99">
        <v>303</v>
      </c>
      <c r="M20" s="100">
        <v>409</v>
      </c>
      <c r="N20" s="101">
        <v>4</v>
      </c>
      <c r="O20" s="102">
        <v>3</v>
      </c>
      <c r="P20" s="103">
        <v>7</v>
      </c>
      <c r="Q20" s="413">
        <v>0</v>
      </c>
      <c r="R20" s="102">
        <v>3</v>
      </c>
      <c r="S20" s="102">
        <v>3</v>
      </c>
      <c r="T20" s="102">
        <v>2</v>
      </c>
      <c r="U20" s="102">
        <v>5</v>
      </c>
      <c r="V20" s="102">
        <v>1</v>
      </c>
      <c r="W20" s="103">
        <v>14</v>
      </c>
      <c r="X20" s="104">
        <v>21</v>
      </c>
      <c r="Y20" s="101">
        <v>4</v>
      </c>
      <c r="Z20" s="102">
        <v>5</v>
      </c>
      <c r="AA20" s="103">
        <v>9</v>
      </c>
      <c r="AB20" s="413">
        <v>0</v>
      </c>
      <c r="AC20" s="102">
        <v>8</v>
      </c>
      <c r="AD20" s="102">
        <v>15</v>
      </c>
      <c r="AE20" s="102">
        <v>7</v>
      </c>
      <c r="AF20" s="102">
        <v>4</v>
      </c>
      <c r="AG20" s="102">
        <v>0</v>
      </c>
      <c r="AH20" s="103">
        <v>34</v>
      </c>
      <c r="AI20" s="104">
        <v>43</v>
      </c>
      <c r="AJ20" s="101">
        <v>9</v>
      </c>
      <c r="AK20" s="102">
        <v>6</v>
      </c>
      <c r="AL20" s="103">
        <v>15</v>
      </c>
      <c r="AM20" s="413">
        <v>0</v>
      </c>
      <c r="AN20" s="102">
        <v>9</v>
      </c>
      <c r="AO20" s="102">
        <v>15</v>
      </c>
      <c r="AP20" s="102">
        <v>9</v>
      </c>
      <c r="AQ20" s="102">
        <v>4</v>
      </c>
      <c r="AR20" s="102">
        <v>4</v>
      </c>
      <c r="AS20" s="103">
        <v>41</v>
      </c>
      <c r="AT20" s="104">
        <v>56</v>
      </c>
      <c r="AU20" s="101">
        <v>11</v>
      </c>
      <c r="AV20" s="102">
        <v>7</v>
      </c>
      <c r="AW20" s="103">
        <v>18</v>
      </c>
      <c r="AX20" s="413">
        <v>0</v>
      </c>
      <c r="AY20" s="102">
        <v>17</v>
      </c>
      <c r="AZ20" s="102">
        <v>22</v>
      </c>
      <c r="BA20" s="102">
        <v>15</v>
      </c>
      <c r="BB20" s="102">
        <v>8</v>
      </c>
      <c r="BC20" s="102">
        <v>7</v>
      </c>
      <c r="BD20" s="103">
        <v>69</v>
      </c>
      <c r="BE20" s="104">
        <v>87</v>
      </c>
      <c r="BF20" s="101">
        <v>16</v>
      </c>
      <c r="BG20" s="102">
        <v>17</v>
      </c>
      <c r="BH20" s="103">
        <v>33</v>
      </c>
      <c r="BI20" s="413">
        <v>0</v>
      </c>
      <c r="BJ20" s="102">
        <v>20</v>
      </c>
      <c r="BK20" s="102">
        <v>20</v>
      </c>
      <c r="BL20" s="102">
        <v>14</v>
      </c>
      <c r="BM20" s="102">
        <v>11</v>
      </c>
      <c r="BN20" s="102">
        <v>4</v>
      </c>
      <c r="BO20" s="103">
        <v>69</v>
      </c>
      <c r="BP20" s="104">
        <v>102</v>
      </c>
      <c r="BQ20" s="101">
        <v>10</v>
      </c>
      <c r="BR20" s="102">
        <v>14</v>
      </c>
      <c r="BS20" s="103">
        <v>24</v>
      </c>
      <c r="BT20" s="413">
        <v>0</v>
      </c>
      <c r="BU20" s="102">
        <v>16</v>
      </c>
      <c r="BV20" s="102">
        <v>25</v>
      </c>
      <c r="BW20" s="102">
        <v>18</v>
      </c>
      <c r="BX20" s="102">
        <v>11</v>
      </c>
      <c r="BY20" s="102">
        <v>6</v>
      </c>
      <c r="BZ20" s="103">
        <v>76</v>
      </c>
      <c r="CA20" s="104">
        <v>100</v>
      </c>
      <c r="CB20" s="101">
        <v>0</v>
      </c>
      <c r="CC20" s="102">
        <v>0</v>
      </c>
      <c r="CD20" s="103">
        <v>0</v>
      </c>
      <c r="CE20" s="413">
        <v>0</v>
      </c>
      <c r="CF20" s="102">
        <v>0</v>
      </c>
      <c r="CG20" s="102">
        <v>0</v>
      </c>
      <c r="CH20" s="102">
        <v>0</v>
      </c>
      <c r="CI20" s="102">
        <v>0</v>
      </c>
      <c r="CJ20" s="102">
        <v>0</v>
      </c>
      <c r="CK20" s="103">
        <v>0</v>
      </c>
      <c r="CL20" s="104">
        <v>0</v>
      </c>
      <c r="CM20" s="101">
        <v>54</v>
      </c>
      <c r="CN20" s="102">
        <v>52</v>
      </c>
      <c r="CO20" s="103">
        <v>106</v>
      </c>
      <c r="CP20" s="413">
        <v>0</v>
      </c>
      <c r="CQ20" s="102">
        <v>73</v>
      </c>
      <c r="CR20" s="102">
        <v>100</v>
      </c>
      <c r="CS20" s="102">
        <v>65</v>
      </c>
      <c r="CT20" s="102">
        <v>43</v>
      </c>
      <c r="CU20" s="102">
        <v>22</v>
      </c>
      <c r="CV20" s="103">
        <v>303</v>
      </c>
      <c r="CW20" s="104">
        <v>409</v>
      </c>
      <c r="CX20" s="105">
        <v>16</v>
      </c>
      <c r="CY20" s="97">
        <v>28</v>
      </c>
      <c r="CZ20" s="98">
        <v>44</v>
      </c>
      <c r="DA20" s="413">
        <v>0</v>
      </c>
      <c r="DB20" s="97">
        <v>31</v>
      </c>
      <c r="DC20" s="97">
        <v>37</v>
      </c>
      <c r="DD20" s="97">
        <v>32</v>
      </c>
      <c r="DE20" s="97">
        <v>22</v>
      </c>
      <c r="DF20" s="97">
        <v>23</v>
      </c>
      <c r="DG20" s="99">
        <v>145</v>
      </c>
      <c r="DH20" s="100">
        <v>189</v>
      </c>
      <c r="DI20" s="101">
        <v>1</v>
      </c>
      <c r="DJ20" s="102">
        <v>0</v>
      </c>
      <c r="DK20" s="103">
        <v>1</v>
      </c>
      <c r="DL20" s="413">
        <v>0</v>
      </c>
      <c r="DM20" s="102">
        <v>0</v>
      </c>
      <c r="DN20" s="102">
        <v>0</v>
      </c>
      <c r="DO20" s="102">
        <v>0</v>
      </c>
      <c r="DP20" s="102">
        <v>0</v>
      </c>
      <c r="DQ20" s="102">
        <v>0</v>
      </c>
      <c r="DR20" s="103">
        <v>0</v>
      </c>
      <c r="DS20" s="104">
        <v>1</v>
      </c>
      <c r="DT20" s="101">
        <v>4</v>
      </c>
      <c r="DU20" s="102">
        <v>2</v>
      </c>
      <c r="DV20" s="103">
        <v>6</v>
      </c>
      <c r="DW20" s="413">
        <v>0</v>
      </c>
      <c r="DX20" s="102">
        <v>1</v>
      </c>
      <c r="DY20" s="102">
        <v>1</v>
      </c>
      <c r="DZ20" s="102">
        <v>0</v>
      </c>
      <c r="EA20" s="102">
        <v>2</v>
      </c>
      <c r="EB20" s="102">
        <v>0</v>
      </c>
      <c r="EC20" s="103">
        <v>4</v>
      </c>
      <c r="ED20" s="104">
        <v>10</v>
      </c>
      <c r="EE20" s="101">
        <v>3</v>
      </c>
      <c r="EF20" s="102">
        <v>1</v>
      </c>
      <c r="EG20" s="103">
        <v>4</v>
      </c>
      <c r="EH20" s="413">
        <v>0</v>
      </c>
      <c r="EI20" s="102">
        <v>5</v>
      </c>
      <c r="EJ20" s="102">
        <v>4</v>
      </c>
      <c r="EK20" s="102">
        <v>9</v>
      </c>
      <c r="EL20" s="102">
        <v>5</v>
      </c>
      <c r="EM20" s="102">
        <v>0</v>
      </c>
      <c r="EN20" s="103">
        <v>23</v>
      </c>
      <c r="EO20" s="104">
        <v>27</v>
      </c>
      <c r="EP20" s="101">
        <v>2</v>
      </c>
      <c r="EQ20" s="102">
        <v>7</v>
      </c>
      <c r="ER20" s="103">
        <v>9</v>
      </c>
      <c r="ES20" s="413">
        <v>0</v>
      </c>
      <c r="ET20" s="102">
        <v>5</v>
      </c>
      <c r="EU20" s="102">
        <v>7</v>
      </c>
      <c r="EV20" s="102">
        <v>5</v>
      </c>
      <c r="EW20" s="102">
        <v>4</v>
      </c>
      <c r="EX20" s="102">
        <v>8</v>
      </c>
      <c r="EY20" s="103">
        <v>29</v>
      </c>
      <c r="EZ20" s="104">
        <v>38</v>
      </c>
      <c r="FA20" s="101">
        <v>6</v>
      </c>
      <c r="FB20" s="102">
        <v>13</v>
      </c>
      <c r="FC20" s="103">
        <v>19</v>
      </c>
      <c r="FD20" s="413">
        <v>0</v>
      </c>
      <c r="FE20" s="102">
        <v>8</v>
      </c>
      <c r="FF20" s="102">
        <v>12</v>
      </c>
      <c r="FG20" s="102">
        <v>4</v>
      </c>
      <c r="FH20" s="102">
        <v>3</v>
      </c>
      <c r="FI20" s="102">
        <v>7</v>
      </c>
      <c r="FJ20" s="103">
        <v>34</v>
      </c>
      <c r="FK20" s="104">
        <v>53</v>
      </c>
      <c r="FL20" s="101">
        <v>0</v>
      </c>
      <c r="FM20" s="102">
        <v>5</v>
      </c>
      <c r="FN20" s="103">
        <v>5</v>
      </c>
      <c r="FO20" s="413">
        <v>0</v>
      </c>
      <c r="FP20" s="102">
        <v>12</v>
      </c>
      <c r="FQ20" s="102">
        <v>13</v>
      </c>
      <c r="FR20" s="102">
        <v>14</v>
      </c>
      <c r="FS20" s="102">
        <v>8</v>
      </c>
      <c r="FT20" s="102">
        <v>8</v>
      </c>
      <c r="FU20" s="103">
        <v>55</v>
      </c>
      <c r="FV20" s="104">
        <v>60</v>
      </c>
      <c r="FW20" s="101">
        <v>0</v>
      </c>
      <c r="FX20" s="102">
        <v>0</v>
      </c>
      <c r="FY20" s="103">
        <v>0</v>
      </c>
      <c r="FZ20" s="413">
        <v>0</v>
      </c>
      <c r="GA20" s="102">
        <v>0</v>
      </c>
      <c r="GB20" s="102">
        <v>0</v>
      </c>
      <c r="GC20" s="102">
        <v>0</v>
      </c>
      <c r="GD20" s="102">
        <v>0</v>
      </c>
      <c r="GE20" s="102">
        <v>0</v>
      </c>
      <c r="GF20" s="103">
        <v>0</v>
      </c>
      <c r="GG20" s="104">
        <v>0</v>
      </c>
      <c r="GH20" s="101">
        <v>16</v>
      </c>
      <c r="GI20" s="102">
        <v>28</v>
      </c>
      <c r="GJ20" s="103">
        <v>44</v>
      </c>
      <c r="GK20" s="413">
        <v>0</v>
      </c>
      <c r="GL20" s="102">
        <v>31</v>
      </c>
      <c r="GM20" s="102">
        <v>37</v>
      </c>
      <c r="GN20" s="102">
        <v>32</v>
      </c>
      <c r="GO20" s="102">
        <v>22</v>
      </c>
      <c r="GP20" s="102">
        <v>23</v>
      </c>
      <c r="GQ20" s="103">
        <v>145</v>
      </c>
      <c r="GR20" s="104">
        <v>189</v>
      </c>
      <c r="GS20" s="105">
        <v>70</v>
      </c>
      <c r="GT20" s="97">
        <v>80</v>
      </c>
      <c r="GU20" s="98">
        <v>150</v>
      </c>
      <c r="GV20" s="413">
        <v>0</v>
      </c>
      <c r="GW20" s="97">
        <v>104</v>
      </c>
      <c r="GX20" s="97">
        <v>137</v>
      </c>
      <c r="GY20" s="97">
        <v>97</v>
      </c>
      <c r="GZ20" s="97">
        <v>65</v>
      </c>
      <c r="HA20" s="97">
        <v>45</v>
      </c>
      <c r="HB20" s="99">
        <v>448</v>
      </c>
      <c r="HC20" s="100">
        <v>598</v>
      </c>
      <c r="HD20" s="101">
        <v>5</v>
      </c>
      <c r="HE20" s="102">
        <v>3</v>
      </c>
      <c r="HF20" s="103">
        <v>8</v>
      </c>
      <c r="HG20" s="413">
        <v>0</v>
      </c>
      <c r="HH20" s="102">
        <v>3</v>
      </c>
      <c r="HI20" s="102">
        <v>3</v>
      </c>
      <c r="HJ20" s="102">
        <v>2</v>
      </c>
      <c r="HK20" s="102">
        <v>5</v>
      </c>
      <c r="HL20" s="102">
        <v>1</v>
      </c>
      <c r="HM20" s="103">
        <v>14</v>
      </c>
      <c r="HN20" s="104">
        <v>22</v>
      </c>
      <c r="HO20" s="101">
        <v>8</v>
      </c>
      <c r="HP20" s="102">
        <v>7</v>
      </c>
      <c r="HQ20" s="103">
        <v>15</v>
      </c>
      <c r="HR20" s="413">
        <v>0</v>
      </c>
      <c r="HS20" s="102">
        <v>9</v>
      </c>
      <c r="HT20" s="102">
        <v>16</v>
      </c>
      <c r="HU20" s="102">
        <v>7</v>
      </c>
      <c r="HV20" s="102">
        <v>6</v>
      </c>
      <c r="HW20" s="102">
        <v>0</v>
      </c>
      <c r="HX20" s="103">
        <v>38</v>
      </c>
      <c r="HY20" s="104">
        <v>53</v>
      </c>
      <c r="HZ20" s="101">
        <v>12</v>
      </c>
      <c r="IA20" s="102">
        <v>7</v>
      </c>
      <c r="IB20" s="103">
        <v>19</v>
      </c>
      <c r="IC20" s="413">
        <v>0</v>
      </c>
      <c r="ID20" s="102">
        <v>14</v>
      </c>
      <c r="IE20" s="102">
        <v>19</v>
      </c>
      <c r="IF20" s="102">
        <v>18</v>
      </c>
      <c r="IG20" s="102">
        <v>9</v>
      </c>
      <c r="IH20" s="102">
        <v>4</v>
      </c>
      <c r="II20" s="103">
        <v>64</v>
      </c>
      <c r="IJ20" s="104">
        <v>83</v>
      </c>
      <c r="IK20" s="101">
        <v>13</v>
      </c>
      <c r="IL20" s="102">
        <v>14</v>
      </c>
      <c r="IM20" s="103">
        <v>27</v>
      </c>
      <c r="IN20" s="413">
        <v>0</v>
      </c>
      <c r="IO20" s="102">
        <v>22</v>
      </c>
      <c r="IP20" s="102">
        <v>29</v>
      </c>
      <c r="IQ20" s="102">
        <v>20</v>
      </c>
      <c r="IR20" s="102">
        <v>12</v>
      </c>
      <c r="IS20" s="102">
        <v>15</v>
      </c>
      <c r="IT20" s="103">
        <v>98</v>
      </c>
      <c r="IU20" s="104">
        <v>125</v>
      </c>
      <c r="IV20" s="101">
        <v>22</v>
      </c>
      <c r="IW20" s="102">
        <v>30</v>
      </c>
      <c r="IX20" s="103">
        <v>52</v>
      </c>
      <c r="IY20" s="413">
        <v>0</v>
      </c>
      <c r="IZ20" s="102">
        <v>28</v>
      </c>
      <c r="JA20" s="102">
        <v>32</v>
      </c>
      <c r="JB20" s="102">
        <v>18</v>
      </c>
      <c r="JC20" s="102">
        <v>14</v>
      </c>
      <c r="JD20" s="102">
        <v>11</v>
      </c>
      <c r="JE20" s="103">
        <v>103</v>
      </c>
      <c r="JF20" s="104">
        <v>155</v>
      </c>
      <c r="JG20" s="101">
        <v>10</v>
      </c>
      <c r="JH20" s="102">
        <v>19</v>
      </c>
      <c r="JI20" s="103">
        <v>29</v>
      </c>
      <c r="JJ20" s="413">
        <v>0</v>
      </c>
      <c r="JK20" s="102">
        <v>28</v>
      </c>
      <c r="JL20" s="102">
        <v>38</v>
      </c>
      <c r="JM20" s="102">
        <v>32</v>
      </c>
      <c r="JN20" s="102">
        <v>19</v>
      </c>
      <c r="JO20" s="102">
        <v>14</v>
      </c>
      <c r="JP20" s="103">
        <v>131</v>
      </c>
      <c r="JQ20" s="104">
        <v>160</v>
      </c>
      <c r="JR20" s="101">
        <v>0</v>
      </c>
      <c r="JS20" s="102">
        <v>0</v>
      </c>
      <c r="JT20" s="103">
        <v>0</v>
      </c>
      <c r="JU20" s="413">
        <v>0</v>
      </c>
      <c r="JV20" s="102">
        <v>0</v>
      </c>
      <c r="JW20" s="102">
        <v>0</v>
      </c>
      <c r="JX20" s="102">
        <v>0</v>
      </c>
      <c r="JY20" s="102">
        <v>0</v>
      </c>
      <c r="JZ20" s="102">
        <v>0</v>
      </c>
      <c r="KA20" s="103">
        <v>0</v>
      </c>
      <c r="KB20" s="104">
        <v>0</v>
      </c>
      <c r="KC20" s="101">
        <v>70</v>
      </c>
      <c r="KD20" s="102">
        <v>80</v>
      </c>
      <c r="KE20" s="103">
        <v>150</v>
      </c>
      <c r="KF20" s="413">
        <v>0</v>
      </c>
      <c r="KG20" s="102">
        <v>104</v>
      </c>
      <c r="KH20" s="102">
        <v>137</v>
      </c>
      <c r="KI20" s="102">
        <v>97</v>
      </c>
      <c r="KJ20" s="102">
        <v>65</v>
      </c>
      <c r="KK20" s="102">
        <v>45</v>
      </c>
      <c r="KL20" s="103">
        <v>448</v>
      </c>
      <c r="KM20" s="104">
        <v>598</v>
      </c>
    </row>
    <row r="21" spans="2:299" s="70" customFormat="1" ht="21" customHeight="1" x14ac:dyDescent="0.2">
      <c r="B21" s="106" t="s">
        <v>18</v>
      </c>
      <c r="C21" s="96">
        <v>72</v>
      </c>
      <c r="D21" s="97">
        <v>59</v>
      </c>
      <c r="E21" s="98">
        <v>131</v>
      </c>
      <c r="F21" s="413">
        <v>0</v>
      </c>
      <c r="G21" s="97">
        <v>131</v>
      </c>
      <c r="H21" s="97">
        <v>88</v>
      </c>
      <c r="I21" s="97">
        <v>64</v>
      </c>
      <c r="J21" s="97">
        <v>48</v>
      </c>
      <c r="K21" s="97">
        <v>32</v>
      </c>
      <c r="L21" s="99">
        <v>363</v>
      </c>
      <c r="M21" s="100">
        <v>494</v>
      </c>
      <c r="N21" s="101">
        <v>6</v>
      </c>
      <c r="O21" s="102">
        <v>2</v>
      </c>
      <c r="P21" s="103">
        <v>8</v>
      </c>
      <c r="Q21" s="413">
        <v>0</v>
      </c>
      <c r="R21" s="102">
        <v>10</v>
      </c>
      <c r="S21" s="102">
        <v>2</v>
      </c>
      <c r="T21" s="102">
        <v>4</v>
      </c>
      <c r="U21" s="102">
        <v>1</v>
      </c>
      <c r="V21" s="102">
        <v>6</v>
      </c>
      <c r="W21" s="103">
        <v>23</v>
      </c>
      <c r="X21" s="104">
        <v>31</v>
      </c>
      <c r="Y21" s="101">
        <v>6</v>
      </c>
      <c r="Z21" s="102">
        <v>8</v>
      </c>
      <c r="AA21" s="103">
        <v>14</v>
      </c>
      <c r="AB21" s="413">
        <v>0</v>
      </c>
      <c r="AC21" s="102">
        <v>12</v>
      </c>
      <c r="AD21" s="102">
        <v>6</v>
      </c>
      <c r="AE21" s="102">
        <v>4</v>
      </c>
      <c r="AF21" s="102">
        <v>2</v>
      </c>
      <c r="AG21" s="102">
        <v>3</v>
      </c>
      <c r="AH21" s="103">
        <v>27</v>
      </c>
      <c r="AI21" s="104">
        <v>41</v>
      </c>
      <c r="AJ21" s="101">
        <v>13</v>
      </c>
      <c r="AK21" s="102">
        <v>6</v>
      </c>
      <c r="AL21" s="103">
        <v>19</v>
      </c>
      <c r="AM21" s="413">
        <v>0</v>
      </c>
      <c r="AN21" s="102">
        <v>17</v>
      </c>
      <c r="AO21" s="102">
        <v>8</v>
      </c>
      <c r="AP21" s="102">
        <v>8</v>
      </c>
      <c r="AQ21" s="102">
        <v>7</v>
      </c>
      <c r="AR21" s="102">
        <v>7</v>
      </c>
      <c r="AS21" s="103">
        <v>47</v>
      </c>
      <c r="AT21" s="104">
        <v>66</v>
      </c>
      <c r="AU21" s="101">
        <v>15</v>
      </c>
      <c r="AV21" s="102">
        <v>17</v>
      </c>
      <c r="AW21" s="103">
        <v>32</v>
      </c>
      <c r="AX21" s="413">
        <v>0</v>
      </c>
      <c r="AY21" s="102">
        <v>33</v>
      </c>
      <c r="AZ21" s="102">
        <v>23</v>
      </c>
      <c r="BA21" s="102">
        <v>18</v>
      </c>
      <c r="BB21" s="102">
        <v>14</v>
      </c>
      <c r="BC21" s="102">
        <v>7</v>
      </c>
      <c r="BD21" s="103">
        <v>95</v>
      </c>
      <c r="BE21" s="104">
        <v>127</v>
      </c>
      <c r="BF21" s="101">
        <v>19</v>
      </c>
      <c r="BG21" s="102">
        <v>17</v>
      </c>
      <c r="BH21" s="103">
        <v>36</v>
      </c>
      <c r="BI21" s="413">
        <v>0</v>
      </c>
      <c r="BJ21" s="102">
        <v>31</v>
      </c>
      <c r="BK21" s="102">
        <v>24</v>
      </c>
      <c r="BL21" s="102">
        <v>16</v>
      </c>
      <c r="BM21" s="102">
        <v>15</v>
      </c>
      <c r="BN21" s="102">
        <v>7</v>
      </c>
      <c r="BO21" s="103">
        <v>93</v>
      </c>
      <c r="BP21" s="104">
        <v>129</v>
      </c>
      <c r="BQ21" s="101">
        <v>13</v>
      </c>
      <c r="BR21" s="102">
        <v>9</v>
      </c>
      <c r="BS21" s="103">
        <v>22</v>
      </c>
      <c r="BT21" s="413">
        <v>0</v>
      </c>
      <c r="BU21" s="102">
        <v>28</v>
      </c>
      <c r="BV21" s="102">
        <v>25</v>
      </c>
      <c r="BW21" s="102">
        <v>14</v>
      </c>
      <c r="BX21" s="102">
        <v>9</v>
      </c>
      <c r="BY21" s="102">
        <v>2</v>
      </c>
      <c r="BZ21" s="103">
        <v>78</v>
      </c>
      <c r="CA21" s="104">
        <v>100</v>
      </c>
      <c r="CB21" s="101">
        <v>0</v>
      </c>
      <c r="CC21" s="102">
        <v>0</v>
      </c>
      <c r="CD21" s="103">
        <v>0</v>
      </c>
      <c r="CE21" s="413">
        <v>0</v>
      </c>
      <c r="CF21" s="102">
        <v>0</v>
      </c>
      <c r="CG21" s="102">
        <v>0</v>
      </c>
      <c r="CH21" s="102">
        <v>0</v>
      </c>
      <c r="CI21" s="102">
        <v>0</v>
      </c>
      <c r="CJ21" s="102">
        <v>0</v>
      </c>
      <c r="CK21" s="103">
        <v>0</v>
      </c>
      <c r="CL21" s="104">
        <v>0</v>
      </c>
      <c r="CM21" s="101">
        <v>72</v>
      </c>
      <c r="CN21" s="102">
        <v>59</v>
      </c>
      <c r="CO21" s="103">
        <v>131</v>
      </c>
      <c r="CP21" s="413">
        <v>0</v>
      </c>
      <c r="CQ21" s="102">
        <v>131</v>
      </c>
      <c r="CR21" s="102">
        <v>88</v>
      </c>
      <c r="CS21" s="102">
        <v>64</v>
      </c>
      <c r="CT21" s="102">
        <v>48</v>
      </c>
      <c r="CU21" s="102">
        <v>32</v>
      </c>
      <c r="CV21" s="103">
        <v>363</v>
      </c>
      <c r="CW21" s="104">
        <v>494</v>
      </c>
      <c r="CX21" s="105">
        <v>23</v>
      </c>
      <c r="CY21" s="97">
        <v>38</v>
      </c>
      <c r="CZ21" s="98">
        <v>61</v>
      </c>
      <c r="DA21" s="413">
        <v>0</v>
      </c>
      <c r="DB21" s="97">
        <v>43</v>
      </c>
      <c r="DC21" s="97">
        <v>36</v>
      </c>
      <c r="DD21" s="97">
        <v>38</v>
      </c>
      <c r="DE21" s="97">
        <v>27</v>
      </c>
      <c r="DF21" s="97">
        <v>32</v>
      </c>
      <c r="DG21" s="99">
        <v>176</v>
      </c>
      <c r="DH21" s="100">
        <v>237</v>
      </c>
      <c r="DI21" s="101">
        <v>0</v>
      </c>
      <c r="DJ21" s="102">
        <v>1</v>
      </c>
      <c r="DK21" s="103">
        <v>1</v>
      </c>
      <c r="DL21" s="413">
        <v>0</v>
      </c>
      <c r="DM21" s="102">
        <v>3</v>
      </c>
      <c r="DN21" s="102">
        <v>2</v>
      </c>
      <c r="DO21" s="102">
        <v>2</v>
      </c>
      <c r="DP21" s="102">
        <v>0</v>
      </c>
      <c r="DQ21" s="102">
        <v>2</v>
      </c>
      <c r="DR21" s="103">
        <v>9</v>
      </c>
      <c r="DS21" s="104">
        <v>10</v>
      </c>
      <c r="DT21" s="101">
        <v>1</v>
      </c>
      <c r="DU21" s="102">
        <v>7</v>
      </c>
      <c r="DV21" s="103">
        <v>8</v>
      </c>
      <c r="DW21" s="413">
        <v>0</v>
      </c>
      <c r="DX21" s="102">
        <v>2</v>
      </c>
      <c r="DY21" s="102">
        <v>1</v>
      </c>
      <c r="DZ21" s="102">
        <v>0</v>
      </c>
      <c r="EA21" s="102">
        <v>1</v>
      </c>
      <c r="EB21" s="102">
        <v>1</v>
      </c>
      <c r="EC21" s="103">
        <v>5</v>
      </c>
      <c r="ED21" s="104">
        <v>13</v>
      </c>
      <c r="EE21" s="101">
        <v>2</v>
      </c>
      <c r="EF21" s="102">
        <v>10</v>
      </c>
      <c r="EG21" s="103">
        <v>12</v>
      </c>
      <c r="EH21" s="413">
        <v>0</v>
      </c>
      <c r="EI21" s="102">
        <v>7</v>
      </c>
      <c r="EJ21" s="102">
        <v>4</v>
      </c>
      <c r="EK21" s="102">
        <v>4</v>
      </c>
      <c r="EL21" s="102">
        <v>1</v>
      </c>
      <c r="EM21" s="102">
        <v>2</v>
      </c>
      <c r="EN21" s="103">
        <v>18</v>
      </c>
      <c r="EO21" s="104">
        <v>30</v>
      </c>
      <c r="EP21" s="101">
        <v>11</v>
      </c>
      <c r="EQ21" s="102">
        <v>6</v>
      </c>
      <c r="ER21" s="103">
        <v>17</v>
      </c>
      <c r="ES21" s="413">
        <v>0</v>
      </c>
      <c r="ET21" s="102">
        <v>7</v>
      </c>
      <c r="EU21" s="102">
        <v>8</v>
      </c>
      <c r="EV21" s="102">
        <v>4</v>
      </c>
      <c r="EW21" s="102">
        <v>7</v>
      </c>
      <c r="EX21" s="102">
        <v>5</v>
      </c>
      <c r="EY21" s="103">
        <v>31</v>
      </c>
      <c r="EZ21" s="104">
        <v>48</v>
      </c>
      <c r="FA21" s="101">
        <v>7</v>
      </c>
      <c r="FB21" s="102">
        <v>10</v>
      </c>
      <c r="FC21" s="103">
        <v>17</v>
      </c>
      <c r="FD21" s="413">
        <v>0</v>
      </c>
      <c r="FE21" s="102">
        <v>12</v>
      </c>
      <c r="FF21" s="102">
        <v>12</v>
      </c>
      <c r="FG21" s="102">
        <v>9</v>
      </c>
      <c r="FH21" s="102">
        <v>7</v>
      </c>
      <c r="FI21" s="102">
        <v>5</v>
      </c>
      <c r="FJ21" s="103">
        <v>45</v>
      </c>
      <c r="FK21" s="104">
        <v>62</v>
      </c>
      <c r="FL21" s="101">
        <v>2</v>
      </c>
      <c r="FM21" s="102">
        <v>4</v>
      </c>
      <c r="FN21" s="103">
        <v>6</v>
      </c>
      <c r="FO21" s="413">
        <v>0</v>
      </c>
      <c r="FP21" s="102">
        <v>12</v>
      </c>
      <c r="FQ21" s="102">
        <v>9</v>
      </c>
      <c r="FR21" s="102">
        <v>19</v>
      </c>
      <c r="FS21" s="102">
        <v>11</v>
      </c>
      <c r="FT21" s="102">
        <v>17</v>
      </c>
      <c r="FU21" s="103">
        <v>68</v>
      </c>
      <c r="FV21" s="104">
        <v>74</v>
      </c>
      <c r="FW21" s="101">
        <v>0</v>
      </c>
      <c r="FX21" s="102">
        <v>0</v>
      </c>
      <c r="FY21" s="103">
        <v>0</v>
      </c>
      <c r="FZ21" s="413">
        <v>0</v>
      </c>
      <c r="GA21" s="102">
        <v>0</v>
      </c>
      <c r="GB21" s="102">
        <v>0</v>
      </c>
      <c r="GC21" s="102">
        <v>0</v>
      </c>
      <c r="GD21" s="102">
        <v>0</v>
      </c>
      <c r="GE21" s="102">
        <v>0</v>
      </c>
      <c r="GF21" s="103">
        <v>0</v>
      </c>
      <c r="GG21" s="104">
        <v>0</v>
      </c>
      <c r="GH21" s="101">
        <v>23</v>
      </c>
      <c r="GI21" s="102">
        <v>38</v>
      </c>
      <c r="GJ21" s="103">
        <v>61</v>
      </c>
      <c r="GK21" s="413">
        <v>0</v>
      </c>
      <c r="GL21" s="102">
        <v>43</v>
      </c>
      <c r="GM21" s="102">
        <v>36</v>
      </c>
      <c r="GN21" s="102">
        <v>38</v>
      </c>
      <c r="GO21" s="102">
        <v>27</v>
      </c>
      <c r="GP21" s="102">
        <v>32</v>
      </c>
      <c r="GQ21" s="103">
        <v>176</v>
      </c>
      <c r="GR21" s="104">
        <v>237</v>
      </c>
      <c r="GS21" s="105">
        <v>95</v>
      </c>
      <c r="GT21" s="97">
        <v>97</v>
      </c>
      <c r="GU21" s="98">
        <v>192</v>
      </c>
      <c r="GV21" s="413">
        <v>0</v>
      </c>
      <c r="GW21" s="97">
        <v>174</v>
      </c>
      <c r="GX21" s="97">
        <v>124</v>
      </c>
      <c r="GY21" s="97">
        <v>102</v>
      </c>
      <c r="GZ21" s="97">
        <v>75</v>
      </c>
      <c r="HA21" s="97">
        <v>64</v>
      </c>
      <c r="HB21" s="99">
        <v>539</v>
      </c>
      <c r="HC21" s="100">
        <v>731</v>
      </c>
      <c r="HD21" s="101">
        <v>6</v>
      </c>
      <c r="HE21" s="102">
        <v>3</v>
      </c>
      <c r="HF21" s="103">
        <v>9</v>
      </c>
      <c r="HG21" s="413">
        <v>0</v>
      </c>
      <c r="HH21" s="102">
        <v>13</v>
      </c>
      <c r="HI21" s="102">
        <v>4</v>
      </c>
      <c r="HJ21" s="102">
        <v>6</v>
      </c>
      <c r="HK21" s="102">
        <v>1</v>
      </c>
      <c r="HL21" s="102">
        <v>8</v>
      </c>
      <c r="HM21" s="103">
        <v>32</v>
      </c>
      <c r="HN21" s="104">
        <v>41</v>
      </c>
      <c r="HO21" s="101">
        <v>7</v>
      </c>
      <c r="HP21" s="102">
        <v>15</v>
      </c>
      <c r="HQ21" s="103">
        <v>22</v>
      </c>
      <c r="HR21" s="413">
        <v>0</v>
      </c>
      <c r="HS21" s="102">
        <v>14</v>
      </c>
      <c r="HT21" s="102">
        <v>7</v>
      </c>
      <c r="HU21" s="102">
        <v>4</v>
      </c>
      <c r="HV21" s="102">
        <v>3</v>
      </c>
      <c r="HW21" s="102">
        <v>4</v>
      </c>
      <c r="HX21" s="103">
        <v>32</v>
      </c>
      <c r="HY21" s="104">
        <v>54</v>
      </c>
      <c r="HZ21" s="101">
        <v>15</v>
      </c>
      <c r="IA21" s="102">
        <v>16</v>
      </c>
      <c r="IB21" s="103">
        <v>31</v>
      </c>
      <c r="IC21" s="413">
        <v>0</v>
      </c>
      <c r="ID21" s="102">
        <v>24</v>
      </c>
      <c r="IE21" s="102">
        <v>12</v>
      </c>
      <c r="IF21" s="102">
        <v>12</v>
      </c>
      <c r="IG21" s="102">
        <v>8</v>
      </c>
      <c r="IH21" s="102">
        <v>9</v>
      </c>
      <c r="II21" s="103">
        <v>65</v>
      </c>
      <c r="IJ21" s="104">
        <v>96</v>
      </c>
      <c r="IK21" s="101">
        <v>26</v>
      </c>
      <c r="IL21" s="102">
        <v>23</v>
      </c>
      <c r="IM21" s="103">
        <v>49</v>
      </c>
      <c r="IN21" s="413">
        <v>0</v>
      </c>
      <c r="IO21" s="102">
        <v>40</v>
      </c>
      <c r="IP21" s="102">
        <v>31</v>
      </c>
      <c r="IQ21" s="102">
        <v>22</v>
      </c>
      <c r="IR21" s="102">
        <v>21</v>
      </c>
      <c r="IS21" s="102">
        <v>12</v>
      </c>
      <c r="IT21" s="103">
        <v>126</v>
      </c>
      <c r="IU21" s="104">
        <v>175</v>
      </c>
      <c r="IV21" s="101">
        <v>26</v>
      </c>
      <c r="IW21" s="102">
        <v>27</v>
      </c>
      <c r="IX21" s="103">
        <v>53</v>
      </c>
      <c r="IY21" s="413">
        <v>0</v>
      </c>
      <c r="IZ21" s="102">
        <v>43</v>
      </c>
      <c r="JA21" s="102">
        <v>36</v>
      </c>
      <c r="JB21" s="102">
        <v>25</v>
      </c>
      <c r="JC21" s="102">
        <v>22</v>
      </c>
      <c r="JD21" s="102">
        <v>12</v>
      </c>
      <c r="JE21" s="103">
        <v>138</v>
      </c>
      <c r="JF21" s="104">
        <v>191</v>
      </c>
      <c r="JG21" s="101">
        <v>15</v>
      </c>
      <c r="JH21" s="102">
        <v>13</v>
      </c>
      <c r="JI21" s="103">
        <v>28</v>
      </c>
      <c r="JJ21" s="413">
        <v>0</v>
      </c>
      <c r="JK21" s="102">
        <v>40</v>
      </c>
      <c r="JL21" s="102">
        <v>34</v>
      </c>
      <c r="JM21" s="102">
        <v>33</v>
      </c>
      <c r="JN21" s="102">
        <v>20</v>
      </c>
      <c r="JO21" s="102">
        <v>19</v>
      </c>
      <c r="JP21" s="103">
        <v>146</v>
      </c>
      <c r="JQ21" s="104">
        <v>174</v>
      </c>
      <c r="JR21" s="101">
        <v>0</v>
      </c>
      <c r="JS21" s="102">
        <v>0</v>
      </c>
      <c r="JT21" s="103">
        <v>0</v>
      </c>
      <c r="JU21" s="413">
        <v>0</v>
      </c>
      <c r="JV21" s="102">
        <v>0</v>
      </c>
      <c r="JW21" s="102">
        <v>0</v>
      </c>
      <c r="JX21" s="102">
        <v>0</v>
      </c>
      <c r="JY21" s="102">
        <v>0</v>
      </c>
      <c r="JZ21" s="102">
        <v>0</v>
      </c>
      <c r="KA21" s="103">
        <v>0</v>
      </c>
      <c r="KB21" s="104">
        <v>0</v>
      </c>
      <c r="KC21" s="101">
        <v>95</v>
      </c>
      <c r="KD21" s="102">
        <v>97</v>
      </c>
      <c r="KE21" s="103">
        <v>192</v>
      </c>
      <c r="KF21" s="413">
        <v>0</v>
      </c>
      <c r="KG21" s="102">
        <v>174</v>
      </c>
      <c r="KH21" s="102">
        <v>124</v>
      </c>
      <c r="KI21" s="102">
        <v>102</v>
      </c>
      <c r="KJ21" s="102">
        <v>75</v>
      </c>
      <c r="KK21" s="102">
        <v>64</v>
      </c>
      <c r="KL21" s="103">
        <v>539</v>
      </c>
      <c r="KM21" s="104">
        <v>731</v>
      </c>
    </row>
    <row r="22" spans="2:299" s="70" customFormat="1" ht="21" customHeight="1" x14ac:dyDescent="0.2">
      <c r="B22" s="106" t="s">
        <v>19</v>
      </c>
      <c r="C22" s="96">
        <v>35</v>
      </c>
      <c r="D22" s="97">
        <v>16</v>
      </c>
      <c r="E22" s="98">
        <v>51</v>
      </c>
      <c r="F22" s="413">
        <v>0</v>
      </c>
      <c r="G22" s="97">
        <v>53</v>
      </c>
      <c r="H22" s="97">
        <v>44</v>
      </c>
      <c r="I22" s="97">
        <v>23</v>
      </c>
      <c r="J22" s="97">
        <v>15</v>
      </c>
      <c r="K22" s="97">
        <v>13</v>
      </c>
      <c r="L22" s="99">
        <v>148</v>
      </c>
      <c r="M22" s="100">
        <v>199</v>
      </c>
      <c r="N22" s="107">
        <v>0</v>
      </c>
      <c r="O22" s="102">
        <v>1</v>
      </c>
      <c r="P22" s="103">
        <v>1</v>
      </c>
      <c r="Q22" s="413">
        <v>0</v>
      </c>
      <c r="R22" s="102">
        <v>2</v>
      </c>
      <c r="S22" s="102">
        <v>0</v>
      </c>
      <c r="T22" s="102">
        <v>2</v>
      </c>
      <c r="U22" s="102">
        <v>0</v>
      </c>
      <c r="V22" s="102">
        <v>1</v>
      </c>
      <c r="W22" s="103">
        <v>5</v>
      </c>
      <c r="X22" s="104">
        <v>6</v>
      </c>
      <c r="Y22" s="101">
        <v>2</v>
      </c>
      <c r="Z22" s="102">
        <v>1</v>
      </c>
      <c r="AA22" s="103">
        <v>3</v>
      </c>
      <c r="AB22" s="413">
        <v>0</v>
      </c>
      <c r="AC22" s="102">
        <v>6</v>
      </c>
      <c r="AD22" s="102">
        <v>3</v>
      </c>
      <c r="AE22" s="102">
        <v>2</v>
      </c>
      <c r="AF22" s="102">
        <v>3</v>
      </c>
      <c r="AG22" s="102">
        <v>2</v>
      </c>
      <c r="AH22" s="103">
        <v>16</v>
      </c>
      <c r="AI22" s="104">
        <v>19</v>
      </c>
      <c r="AJ22" s="107">
        <v>5</v>
      </c>
      <c r="AK22" s="102">
        <v>3</v>
      </c>
      <c r="AL22" s="103">
        <v>8</v>
      </c>
      <c r="AM22" s="413">
        <v>0</v>
      </c>
      <c r="AN22" s="102">
        <v>8</v>
      </c>
      <c r="AO22" s="102">
        <v>6</v>
      </c>
      <c r="AP22" s="102">
        <v>3</v>
      </c>
      <c r="AQ22" s="102">
        <v>3</v>
      </c>
      <c r="AR22" s="102">
        <v>1</v>
      </c>
      <c r="AS22" s="103">
        <v>21</v>
      </c>
      <c r="AT22" s="104">
        <v>29</v>
      </c>
      <c r="AU22" s="101">
        <v>7</v>
      </c>
      <c r="AV22" s="102">
        <v>3</v>
      </c>
      <c r="AW22" s="103">
        <v>10</v>
      </c>
      <c r="AX22" s="413">
        <v>0</v>
      </c>
      <c r="AY22" s="102">
        <v>11</v>
      </c>
      <c r="AZ22" s="102">
        <v>12</v>
      </c>
      <c r="BA22" s="102">
        <v>4</v>
      </c>
      <c r="BB22" s="102">
        <v>1</v>
      </c>
      <c r="BC22" s="102">
        <v>6</v>
      </c>
      <c r="BD22" s="103">
        <v>34</v>
      </c>
      <c r="BE22" s="104">
        <v>44</v>
      </c>
      <c r="BF22" s="107">
        <v>11</v>
      </c>
      <c r="BG22" s="102">
        <v>3</v>
      </c>
      <c r="BH22" s="103">
        <v>14</v>
      </c>
      <c r="BI22" s="413">
        <v>0</v>
      </c>
      <c r="BJ22" s="102">
        <v>9</v>
      </c>
      <c r="BK22" s="102">
        <v>13</v>
      </c>
      <c r="BL22" s="102">
        <v>3</v>
      </c>
      <c r="BM22" s="102">
        <v>5</v>
      </c>
      <c r="BN22" s="102">
        <v>1</v>
      </c>
      <c r="BO22" s="103">
        <v>31</v>
      </c>
      <c r="BP22" s="104">
        <v>45</v>
      </c>
      <c r="BQ22" s="101">
        <v>10</v>
      </c>
      <c r="BR22" s="102">
        <v>5</v>
      </c>
      <c r="BS22" s="103">
        <v>15</v>
      </c>
      <c r="BT22" s="413">
        <v>0</v>
      </c>
      <c r="BU22" s="102">
        <v>17</v>
      </c>
      <c r="BV22" s="102">
        <v>10</v>
      </c>
      <c r="BW22" s="102">
        <v>9</v>
      </c>
      <c r="BX22" s="102">
        <v>3</v>
      </c>
      <c r="BY22" s="102">
        <v>2</v>
      </c>
      <c r="BZ22" s="103">
        <v>41</v>
      </c>
      <c r="CA22" s="104">
        <v>56</v>
      </c>
      <c r="CB22" s="101">
        <v>0</v>
      </c>
      <c r="CC22" s="102">
        <v>0</v>
      </c>
      <c r="CD22" s="103">
        <v>0</v>
      </c>
      <c r="CE22" s="413">
        <v>0</v>
      </c>
      <c r="CF22" s="102">
        <v>0</v>
      </c>
      <c r="CG22" s="102">
        <v>0</v>
      </c>
      <c r="CH22" s="102">
        <v>0</v>
      </c>
      <c r="CI22" s="102">
        <v>0</v>
      </c>
      <c r="CJ22" s="102">
        <v>0</v>
      </c>
      <c r="CK22" s="103">
        <v>0</v>
      </c>
      <c r="CL22" s="104">
        <v>0</v>
      </c>
      <c r="CM22" s="101">
        <v>35</v>
      </c>
      <c r="CN22" s="102">
        <v>16</v>
      </c>
      <c r="CO22" s="103">
        <v>51</v>
      </c>
      <c r="CP22" s="413">
        <v>0</v>
      </c>
      <c r="CQ22" s="102">
        <v>53</v>
      </c>
      <c r="CR22" s="102">
        <v>44</v>
      </c>
      <c r="CS22" s="102">
        <v>23</v>
      </c>
      <c r="CT22" s="102">
        <v>15</v>
      </c>
      <c r="CU22" s="102">
        <v>13</v>
      </c>
      <c r="CV22" s="103">
        <v>148</v>
      </c>
      <c r="CW22" s="104">
        <v>199</v>
      </c>
      <c r="CX22" s="105">
        <v>14</v>
      </c>
      <c r="CY22" s="97">
        <v>3</v>
      </c>
      <c r="CZ22" s="98">
        <v>17</v>
      </c>
      <c r="DA22" s="413">
        <v>0</v>
      </c>
      <c r="DB22" s="97">
        <v>16</v>
      </c>
      <c r="DC22" s="97">
        <v>6</v>
      </c>
      <c r="DD22" s="97">
        <v>15</v>
      </c>
      <c r="DE22" s="97">
        <v>3</v>
      </c>
      <c r="DF22" s="97">
        <v>4</v>
      </c>
      <c r="DG22" s="99">
        <v>44</v>
      </c>
      <c r="DH22" s="100">
        <v>61</v>
      </c>
      <c r="DI22" s="107">
        <v>1</v>
      </c>
      <c r="DJ22" s="102">
        <v>0</v>
      </c>
      <c r="DK22" s="103">
        <v>1</v>
      </c>
      <c r="DL22" s="413">
        <v>0</v>
      </c>
      <c r="DM22" s="102">
        <v>0</v>
      </c>
      <c r="DN22" s="102">
        <v>0</v>
      </c>
      <c r="DO22" s="102">
        <v>1</v>
      </c>
      <c r="DP22" s="102">
        <v>1</v>
      </c>
      <c r="DQ22" s="102">
        <v>0</v>
      </c>
      <c r="DR22" s="103">
        <v>2</v>
      </c>
      <c r="DS22" s="104">
        <v>3</v>
      </c>
      <c r="DT22" s="101">
        <v>1</v>
      </c>
      <c r="DU22" s="102">
        <v>0</v>
      </c>
      <c r="DV22" s="103">
        <v>1</v>
      </c>
      <c r="DW22" s="413">
        <v>0</v>
      </c>
      <c r="DX22" s="102">
        <v>1</v>
      </c>
      <c r="DY22" s="102">
        <v>2</v>
      </c>
      <c r="DZ22" s="102">
        <v>0</v>
      </c>
      <c r="EA22" s="102">
        <v>0</v>
      </c>
      <c r="EB22" s="102">
        <v>0</v>
      </c>
      <c r="EC22" s="103">
        <v>3</v>
      </c>
      <c r="ED22" s="104">
        <v>4</v>
      </c>
      <c r="EE22" s="107">
        <v>4</v>
      </c>
      <c r="EF22" s="102">
        <v>2</v>
      </c>
      <c r="EG22" s="103">
        <v>6</v>
      </c>
      <c r="EH22" s="413">
        <v>0</v>
      </c>
      <c r="EI22" s="102">
        <v>1</v>
      </c>
      <c r="EJ22" s="102">
        <v>1</v>
      </c>
      <c r="EK22" s="102">
        <v>3</v>
      </c>
      <c r="EL22" s="102">
        <v>1</v>
      </c>
      <c r="EM22" s="102">
        <v>0</v>
      </c>
      <c r="EN22" s="103">
        <v>6</v>
      </c>
      <c r="EO22" s="104">
        <v>12</v>
      </c>
      <c r="EP22" s="101">
        <v>6</v>
      </c>
      <c r="EQ22" s="102">
        <v>0</v>
      </c>
      <c r="ER22" s="103">
        <v>6</v>
      </c>
      <c r="ES22" s="413">
        <v>0</v>
      </c>
      <c r="ET22" s="102">
        <v>2</v>
      </c>
      <c r="EU22" s="102">
        <v>0</v>
      </c>
      <c r="EV22" s="102">
        <v>2</v>
      </c>
      <c r="EW22" s="102">
        <v>0</v>
      </c>
      <c r="EX22" s="102">
        <v>1</v>
      </c>
      <c r="EY22" s="103">
        <v>5</v>
      </c>
      <c r="EZ22" s="104">
        <v>11</v>
      </c>
      <c r="FA22" s="107">
        <v>1</v>
      </c>
      <c r="FB22" s="102">
        <v>1</v>
      </c>
      <c r="FC22" s="103">
        <v>2</v>
      </c>
      <c r="FD22" s="413">
        <v>0</v>
      </c>
      <c r="FE22" s="102">
        <v>7</v>
      </c>
      <c r="FF22" s="102">
        <v>2</v>
      </c>
      <c r="FG22" s="102">
        <v>4</v>
      </c>
      <c r="FH22" s="102">
        <v>0</v>
      </c>
      <c r="FI22" s="102">
        <v>0</v>
      </c>
      <c r="FJ22" s="103">
        <v>13</v>
      </c>
      <c r="FK22" s="104">
        <v>15</v>
      </c>
      <c r="FL22" s="101">
        <v>1</v>
      </c>
      <c r="FM22" s="102">
        <v>0</v>
      </c>
      <c r="FN22" s="103">
        <v>1</v>
      </c>
      <c r="FO22" s="413">
        <v>0</v>
      </c>
      <c r="FP22" s="102">
        <v>5</v>
      </c>
      <c r="FQ22" s="102">
        <v>1</v>
      </c>
      <c r="FR22" s="102">
        <v>5</v>
      </c>
      <c r="FS22" s="102">
        <v>1</v>
      </c>
      <c r="FT22" s="102">
        <v>3</v>
      </c>
      <c r="FU22" s="103">
        <v>15</v>
      </c>
      <c r="FV22" s="104">
        <v>16</v>
      </c>
      <c r="FW22" s="101">
        <v>0</v>
      </c>
      <c r="FX22" s="102">
        <v>0</v>
      </c>
      <c r="FY22" s="103">
        <v>0</v>
      </c>
      <c r="FZ22" s="413">
        <v>0</v>
      </c>
      <c r="GA22" s="102">
        <v>0</v>
      </c>
      <c r="GB22" s="102">
        <v>0</v>
      </c>
      <c r="GC22" s="102">
        <v>0</v>
      </c>
      <c r="GD22" s="102">
        <v>0</v>
      </c>
      <c r="GE22" s="102">
        <v>0</v>
      </c>
      <c r="GF22" s="103">
        <v>0</v>
      </c>
      <c r="GG22" s="104">
        <v>0</v>
      </c>
      <c r="GH22" s="101">
        <v>14</v>
      </c>
      <c r="GI22" s="102">
        <v>3</v>
      </c>
      <c r="GJ22" s="103">
        <v>17</v>
      </c>
      <c r="GK22" s="413">
        <v>0</v>
      </c>
      <c r="GL22" s="102">
        <v>16</v>
      </c>
      <c r="GM22" s="102">
        <v>6</v>
      </c>
      <c r="GN22" s="102">
        <v>15</v>
      </c>
      <c r="GO22" s="102">
        <v>3</v>
      </c>
      <c r="GP22" s="102">
        <v>4</v>
      </c>
      <c r="GQ22" s="103">
        <v>44</v>
      </c>
      <c r="GR22" s="104">
        <v>61</v>
      </c>
      <c r="GS22" s="105">
        <v>49</v>
      </c>
      <c r="GT22" s="97">
        <v>19</v>
      </c>
      <c r="GU22" s="98">
        <v>68</v>
      </c>
      <c r="GV22" s="413">
        <v>0</v>
      </c>
      <c r="GW22" s="97">
        <v>69</v>
      </c>
      <c r="GX22" s="97">
        <v>50</v>
      </c>
      <c r="GY22" s="97">
        <v>38</v>
      </c>
      <c r="GZ22" s="97">
        <v>18</v>
      </c>
      <c r="HA22" s="97">
        <v>17</v>
      </c>
      <c r="HB22" s="99">
        <v>192</v>
      </c>
      <c r="HC22" s="100">
        <v>260</v>
      </c>
      <c r="HD22" s="107">
        <v>1</v>
      </c>
      <c r="HE22" s="102">
        <v>1</v>
      </c>
      <c r="HF22" s="103">
        <v>2</v>
      </c>
      <c r="HG22" s="413">
        <v>0</v>
      </c>
      <c r="HH22" s="102">
        <v>2</v>
      </c>
      <c r="HI22" s="102">
        <v>0</v>
      </c>
      <c r="HJ22" s="102">
        <v>3</v>
      </c>
      <c r="HK22" s="102">
        <v>1</v>
      </c>
      <c r="HL22" s="102">
        <v>1</v>
      </c>
      <c r="HM22" s="103">
        <v>7</v>
      </c>
      <c r="HN22" s="104">
        <v>9</v>
      </c>
      <c r="HO22" s="101">
        <v>3</v>
      </c>
      <c r="HP22" s="102">
        <v>1</v>
      </c>
      <c r="HQ22" s="103">
        <v>4</v>
      </c>
      <c r="HR22" s="413">
        <v>0</v>
      </c>
      <c r="HS22" s="102">
        <v>7</v>
      </c>
      <c r="HT22" s="102">
        <v>5</v>
      </c>
      <c r="HU22" s="102">
        <v>2</v>
      </c>
      <c r="HV22" s="102">
        <v>3</v>
      </c>
      <c r="HW22" s="102">
        <v>2</v>
      </c>
      <c r="HX22" s="103">
        <v>19</v>
      </c>
      <c r="HY22" s="104">
        <v>23</v>
      </c>
      <c r="HZ22" s="107">
        <v>9</v>
      </c>
      <c r="IA22" s="102">
        <v>5</v>
      </c>
      <c r="IB22" s="103">
        <v>14</v>
      </c>
      <c r="IC22" s="413">
        <v>0</v>
      </c>
      <c r="ID22" s="102">
        <v>9</v>
      </c>
      <c r="IE22" s="102">
        <v>7</v>
      </c>
      <c r="IF22" s="102">
        <v>6</v>
      </c>
      <c r="IG22" s="102">
        <v>4</v>
      </c>
      <c r="IH22" s="102">
        <v>1</v>
      </c>
      <c r="II22" s="103">
        <v>27</v>
      </c>
      <c r="IJ22" s="104">
        <v>41</v>
      </c>
      <c r="IK22" s="101">
        <v>13</v>
      </c>
      <c r="IL22" s="102">
        <v>3</v>
      </c>
      <c r="IM22" s="103">
        <v>16</v>
      </c>
      <c r="IN22" s="413">
        <v>0</v>
      </c>
      <c r="IO22" s="102">
        <v>13</v>
      </c>
      <c r="IP22" s="102">
        <v>12</v>
      </c>
      <c r="IQ22" s="102">
        <v>6</v>
      </c>
      <c r="IR22" s="102">
        <v>1</v>
      </c>
      <c r="IS22" s="102">
        <v>7</v>
      </c>
      <c r="IT22" s="103">
        <v>39</v>
      </c>
      <c r="IU22" s="104">
        <v>55</v>
      </c>
      <c r="IV22" s="107">
        <v>12</v>
      </c>
      <c r="IW22" s="102">
        <v>4</v>
      </c>
      <c r="IX22" s="103">
        <v>16</v>
      </c>
      <c r="IY22" s="413">
        <v>0</v>
      </c>
      <c r="IZ22" s="102">
        <v>16</v>
      </c>
      <c r="JA22" s="102">
        <v>15</v>
      </c>
      <c r="JB22" s="102">
        <v>7</v>
      </c>
      <c r="JC22" s="102">
        <v>5</v>
      </c>
      <c r="JD22" s="102">
        <v>1</v>
      </c>
      <c r="JE22" s="103">
        <v>44</v>
      </c>
      <c r="JF22" s="104">
        <v>60</v>
      </c>
      <c r="JG22" s="101">
        <v>11</v>
      </c>
      <c r="JH22" s="102">
        <v>5</v>
      </c>
      <c r="JI22" s="103">
        <v>16</v>
      </c>
      <c r="JJ22" s="413">
        <v>0</v>
      </c>
      <c r="JK22" s="102">
        <v>22</v>
      </c>
      <c r="JL22" s="102">
        <v>11</v>
      </c>
      <c r="JM22" s="102">
        <v>14</v>
      </c>
      <c r="JN22" s="102">
        <v>4</v>
      </c>
      <c r="JO22" s="102">
        <v>5</v>
      </c>
      <c r="JP22" s="103">
        <v>56</v>
      </c>
      <c r="JQ22" s="104">
        <v>72</v>
      </c>
      <c r="JR22" s="101">
        <v>0</v>
      </c>
      <c r="JS22" s="102">
        <v>0</v>
      </c>
      <c r="JT22" s="103">
        <v>0</v>
      </c>
      <c r="JU22" s="413">
        <v>0</v>
      </c>
      <c r="JV22" s="102">
        <v>0</v>
      </c>
      <c r="JW22" s="102">
        <v>0</v>
      </c>
      <c r="JX22" s="102">
        <v>0</v>
      </c>
      <c r="JY22" s="102">
        <v>0</v>
      </c>
      <c r="JZ22" s="102">
        <v>0</v>
      </c>
      <c r="KA22" s="103">
        <v>0</v>
      </c>
      <c r="KB22" s="104">
        <v>0</v>
      </c>
      <c r="KC22" s="101">
        <v>49</v>
      </c>
      <c r="KD22" s="102">
        <v>19</v>
      </c>
      <c r="KE22" s="103">
        <v>68</v>
      </c>
      <c r="KF22" s="413">
        <v>0</v>
      </c>
      <c r="KG22" s="102">
        <v>69</v>
      </c>
      <c r="KH22" s="102">
        <v>50</v>
      </c>
      <c r="KI22" s="102">
        <v>38</v>
      </c>
      <c r="KJ22" s="102">
        <v>18</v>
      </c>
      <c r="KK22" s="102">
        <v>17</v>
      </c>
      <c r="KL22" s="103">
        <v>192</v>
      </c>
      <c r="KM22" s="104">
        <v>260</v>
      </c>
    </row>
    <row r="23" spans="2:299" s="70" customFormat="1" ht="21" customHeight="1" x14ac:dyDescent="0.2">
      <c r="B23" s="106" t="s">
        <v>20</v>
      </c>
      <c r="C23" s="96">
        <v>33</v>
      </c>
      <c r="D23" s="97">
        <v>52</v>
      </c>
      <c r="E23" s="98">
        <v>85</v>
      </c>
      <c r="F23" s="413">
        <v>0</v>
      </c>
      <c r="G23" s="97">
        <v>74</v>
      </c>
      <c r="H23" s="97">
        <v>54</v>
      </c>
      <c r="I23" s="97">
        <v>31</v>
      </c>
      <c r="J23" s="97">
        <v>22</v>
      </c>
      <c r="K23" s="97">
        <v>18</v>
      </c>
      <c r="L23" s="99">
        <v>199</v>
      </c>
      <c r="M23" s="100">
        <v>284</v>
      </c>
      <c r="N23" s="101">
        <v>0</v>
      </c>
      <c r="O23" s="102">
        <v>2</v>
      </c>
      <c r="P23" s="103">
        <v>2</v>
      </c>
      <c r="Q23" s="413">
        <v>0</v>
      </c>
      <c r="R23" s="102">
        <v>4</v>
      </c>
      <c r="S23" s="102">
        <v>0</v>
      </c>
      <c r="T23" s="102">
        <v>0</v>
      </c>
      <c r="U23" s="102">
        <v>0</v>
      </c>
      <c r="V23" s="102">
        <v>0</v>
      </c>
      <c r="W23" s="103">
        <v>4</v>
      </c>
      <c r="X23" s="104">
        <v>6</v>
      </c>
      <c r="Y23" s="101">
        <v>6</v>
      </c>
      <c r="Z23" s="102">
        <v>2</v>
      </c>
      <c r="AA23" s="103">
        <v>8</v>
      </c>
      <c r="AB23" s="413">
        <v>0</v>
      </c>
      <c r="AC23" s="102">
        <v>9</v>
      </c>
      <c r="AD23" s="102">
        <v>6</v>
      </c>
      <c r="AE23" s="102">
        <v>4</v>
      </c>
      <c r="AF23" s="102">
        <v>3</v>
      </c>
      <c r="AG23" s="102">
        <v>0</v>
      </c>
      <c r="AH23" s="103">
        <v>22</v>
      </c>
      <c r="AI23" s="104">
        <v>30</v>
      </c>
      <c r="AJ23" s="101">
        <v>6</v>
      </c>
      <c r="AK23" s="102">
        <v>7</v>
      </c>
      <c r="AL23" s="103">
        <v>13</v>
      </c>
      <c r="AM23" s="413">
        <v>0</v>
      </c>
      <c r="AN23" s="102">
        <v>9</v>
      </c>
      <c r="AO23" s="102">
        <v>6</v>
      </c>
      <c r="AP23" s="102">
        <v>5</v>
      </c>
      <c r="AQ23" s="102">
        <v>2</v>
      </c>
      <c r="AR23" s="102">
        <v>6</v>
      </c>
      <c r="AS23" s="103">
        <v>28</v>
      </c>
      <c r="AT23" s="104">
        <v>41</v>
      </c>
      <c r="AU23" s="101">
        <v>9</v>
      </c>
      <c r="AV23" s="102">
        <v>12</v>
      </c>
      <c r="AW23" s="103">
        <v>21</v>
      </c>
      <c r="AX23" s="413">
        <v>0</v>
      </c>
      <c r="AY23" s="102">
        <v>23</v>
      </c>
      <c r="AZ23" s="102">
        <v>10</v>
      </c>
      <c r="BA23" s="102">
        <v>11</v>
      </c>
      <c r="BB23" s="102">
        <v>8</v>
      </c>
      <c r="BC23" s="102">
        <v>5</v>
      </c>
      <c r="BD23" s="103">
        <v>57</v>
      </c>
      <c r="BE23" s="104">
        <v>78</v>
      </c>
      <c r="BF23" s="101">
        <v>6</v>
      </c>
      <c r="BG23" s="102">
        <v>19</v>
      </c>
      <c r="BH23" s="103">
        <v>25</v>
      </c>
      <c r="BI23" s="413">
        <v>0</v>
      </c>
      <c r="BJ23" s="102">
        <v>20</v>
      </c>
      <c r="BK23" s="102">
        <v>19</v>
      </c>
      <c r="BL23" s="102">
        <v>8</v>
      </c>
      <c r="BM23" s="102">
        <v>4</v>
      </c>
      <c r="BN23" s="102">
        <v>4</v>
      </c>
      <c r="BO23" s="103">
        <v>55</v>
      </c>
      <c r="BP23" s="104">
        <v>80</v>
      </c>
      <c r="BQ23" s="101">
        <v>6</v>
      </c>
      <c r="BR23" s="102">
        <v>10</v>
      </c>
      <c r="BS23" s="103">
        <v>16</v>
      </c>
      <c r="BT23" s="413">
        <v>0</v>
      </c>
      <c r="BU23" s="102">
        <v>9</v>
      </c>
      <c r="BV23" s="102">
        <v>13</v>
      </c>
      <c r="BW23" s="102">
        <v>3</v>
      </c>
      <c r="BX23" s="102">
        <v>5</v>
      </c>
      <c r="BY23" s="102">
        <v>3</v>
      </c>
      <c r="BZ23" s="103">
        <v>33</v>
      </c>
      <c r="CA23" s="104">
        <v>49</v>
      </c>
      <c r="CB23" s="101">
        <v>0</v>
      </c>
      <c r="CC23" s="102">
        <v>0</v>
      </c>
      <c r="CD23" s="103">
        <v>0</v>
      </c>
      <c r="CE23" s="413">
        <v>0</v>
      </c>
      <c r="CF23" s="102">
        <v>0</v>
      </c>
      <c r="CG23" s="102">
        <v>0</v>
      </c>
      <c r="CH23" s="102">
        <v>0</v>
      </c>
      <c r="CI23" s="102">
        <v>0</v>
      </c>
      <c r="CJ23" s="102">
        <v>0</v>
      </c>
      <c r="CK23" s="103">
        <v>0</v>
      </c>
      <c r="CL23" s="104">
        <v>0</v>
      </c>
      <c r="CM23" s="101">
        <v>33</v>
      </c>
      <c r="CN23" s="102">
        <v>52</v>
      </c>
      <c r="CO23" s="103">
        <v>85</v>
      </c>
      <c r="CP23" s="413">
        <v>0</v>
      </c>
      <c r="CQ23" s="102">
        <v>74</v>
      </c>
      <c r="CR23" s="102">
        <v>54</v>
      </c>
      <c r="CS23" s="102">
        <v>31</v>
      </c>
      <c r="CT23" s="102">
        <v>22</v>
      </c>
      <c r="CU23" s="102">
        <v>18</v>
      </c>
      <c r="CV23" s="103">
        <v>199</v>
      </c>
      <c r="CW23" s="104">
        <v>284</v>
      </c>
      <c r="CX23" s="105">
        <v>16</v>
      </c>
      <c r="CY23" s="97">
        <v>14</v>
      </c>
      <c r="CZ23" s="98">
        <v>30</v>
      </c>
      <c r="DA23" s="413">
        <v>0</v>
      </c>
      <c r="DB23" s="97">
        <v>27</v>
      </c>
      <c r="DC23" s="97">
        <v>24</v>
      </c>
      <c r="DD23" s="97">
        <v>8</v>
      </c>
      <c r="DE23" s="97">
        <v>14</v>
      </c>
      <c r="DF23" s="97">
        <v>6</v>
      </c>
      <c r="DG23" s="99">
        <v>79</v>
      </c>
      <c r="DH23" s="100">
        <v>109</v>
      </c>
      <c r="DI23" s="101">
        <v>1</v>
      </c>
      <c r="DJ23" s="102">
        <v>0</v>
      </c>
      <c r="DK23" s="103">
        <v>1</v>
      </c>
      <c r="DL23" s="413">
        <v>0</v>
      </c>
      <c r="DM23" s="102">
        <v>1</v>
      </c>
      <c r="DN23" s="102">
        <v>1</v>
      </c>
      <c r="DO23" s="102">
        <v>0</v>
      </c>
      <c r="DP23" s="102">
        <v>0</v>
      </c>
      <c r="DQ23" s="102">
        <v>1</v>
      </c>
      <c r="DR23" s="103">
        <v>3</v>
      </c>
      <c r="DS23" s="104">
        <v>4</v>
      </c>
      <c r="DT23" s="101">
        <v>2</v>
      </c>
      <c r="DU23" s="102">
        <v>0</v>
      </c>
      <c r="DV23" s="103">
        <v>2</v>
      </c>
      <c r="DW23" s="413">
        <v>0</v>
      </c>
      <c r="DX23" s="102">
        <v>0</v>
      </c>
      <c r="DY23" s="102">
        <v>0</v>
      </c>
      <c r="DZ23" s="102">
        <v>0</v>
      </c>
      <c r="EA23" s="102">
        <v>0</v>
      </c>
      <c r="EB23" s="102">
        <v>0</v>
      </c>
      <c r="EC23" s="103">
        <v>0</v>
      </c>
      <c r="ED23" s="104">
        <v>2</v>
      </c>
      <c r="EE23" s="101">
        <v>1</v>
      </c>
      <c r="EF23" s="102">
        <v>3</v>
      </c>
      <c r="EG23" s="103">
        <v>4</v>
      </c>
      <c r="EH23" s="413">
        <v>0</v>
      </c>
      <c r="EI23" s="102">
        <v>3</v>
      </c>
      <c r="EJ23" s="102">
        <v>3</v>
      </c>
      <c r="EK23" s="102">
        <v>2</v>
      </c>
      <c r="EL23" s="102">
        <v>3</v>
      </c>
      <c r="EM23" s="102">
        <v>0</v>
      </c>
      <c r="EN23" s="103">
        <v>11</v>
      </c>
      <c r="EO23" s="104">
        <v>15</v>
      </c>
      <c r="EP23" s="101">
        <v>4</v>
      </c>
      <c r="EQ23" s="102">
        <v>4</v>
      </c>
      <c r="ER23" s="103">
        <v>8</v>
      </c>
      <c r="ES23" s="413">
        <v>0</v>
      </c>
      <c r="ET23" s="102">
        <v>7</v>
      </c>
      <c r="EU23" s="102">
        <v>8</v>
      </c>
      <c r="EV23" s="102">
        <v>2</v>
      </c>
      <c r="EW23" s="102">
        <v>3</v>
      </c>
      <c r="EX23" s="102">
        <v>1</v>
      </c>
      <c r="EY23" s="103">
        <v>21</v>
      </c>
      <c r="EZ23" s="104">
        <v>29</v>
      </c>
      <c r="FA23" s="101">
        <v>4</v>
      </c>
      <c r="FB23" s="102">
        <v>3</v>
      </c>
      <c r="FC23" s="103">
        <v>7</v>
      </c>
      <c r="FD23" s="413">
        <v>0</v>
      </c>
      <c r="FE23" s="102">
        <v>8</v>
      </c>
      <c r="FF23" s="102">
        <v>4</v>
      </c>
      <c r="FG23" s="102">
        <v>0</v>
      </c>
      <c r="FH23" s="102">
        <v>2</v>
      </c>
      <c r="FI23" s="102">
        <v>1</v>
      </c>
      <c r="FJ23" s="103">
        <v>15</v>
      </c>
      <c r="FK23" s="104">
        <v>22</v>
      </c>
      <c r="FL23" s="101">
        <v>4</v>
      </c>
      <c r="FM23" s="102">
        <v>4</v>
      </c>
      <c r="FN23" s="103">
        <v>8</v>
      </c>
      <c r="FO23" s="413">
        <v>0</v>
      </c>
      <c r="FP23" s="102">
        <v>8</v>
      </c>
      <c r="FQ23" s="102">
        <v>8</v>
      </c>
      <c r="FR23" s="102">
        <v>4</v>
      </c>
      <c r="FS23" s="102">
        <v>6</v>
      </c>
      <c r="FT23" s="102">
        <v>3</v>
      </c>
      <c r="FU23" s="103">
        <v>29</v>
      </c>
      <c r="FV23" s="104">
        <v>37</v>
      </c>
      <c r="FW23" s="101">
        <v>0</v>
      </c>
      <c r="FX23" s="102">
        <v>0</v>
      </c>
      <c r="FY23" s="103">
        <v>0</v>
      </c>
      <c r="FZ23" s="413">
        <v>0</v>
      </c>
      <c r="GA23" s="102">
        <v>0</v>
      </c>
      <c r="GB23" s="102">
        <v>0</v>
      </c>
      <c r="GC23" s="102">
        <v>0</v>
      </c>
      <c r="GD23" s="102">
        <v>0</v>
      </c>
      <c r="GE23" s="102">
        <v>0</v>
      </c>
      <c r="GF23" s="103">
        <v>0</v>
      </c>
      <c r="GG23" s="104">
        <v>0</v>
      </c>
      <c r="GH23" s="101">
        <v>16</v>
      </c>
      <c r="GI23" s="102">
        <v>14</v>
      </c>
      <c r="GJ23" s="103">
        <v>30</v>
      </c>
      <c r="GK23" s="413">
        <v>0</v>
      </c>
      <c r="GL23" s="102">
        <v>27</v>
      </c>
      <c r="GM23" s="102">
        <v>24</v>
      </c>
      <c r="GN23" s="102">
        <v>8</v>
      </c>
      <c r="GO23" s="102">
        <v>14</v>
      </c>
      <c r="GP23" s="102">
        <v>6</v>
      </c>
      <c r="GQ23" s="103">
        <v>79</v>
      </c>
      <c r="GR23" s="104">
        <v>109</v>
      </c>
      <c r="GS23" s="105">
        <v>49</v>
      </c>
      <c r="GT23" s="97">
        <v>66</v>
      </c>
      <c r="GU23" s="98">
        <v>115</v>
      </c>
      <c r="GV23" s="413">
        <v>0</v>
      </c>
      <c r="GW23" s="97">
        <v>101</v>
      </c>
      <c r="GX23" s="97">
        <v>78</v>
      </c>
      <c r="GY23" s="97">
        <v>39</v>
      </c>
      <c r="GZ23" s="97">
        <v>36</v>
      </c>
      <c r="HA23" s="97">
        <v>24</v>
      </c>
      <c r="HB23" s="99">
        <v>278</v>
      </c>
      <c r="HC23" s="100">
        <v>393</v>
      </c>
      <c r="HD23" s="101">
        <v>1</v>
      </c>
      <c r="HE23" s="102">
        <v>2</v>
      </c>
      <c r="HF23" s="103">
        <v>3</v>
      </c>
      <c r="HG23" s="413">
        <v>0</v>
      </c>
      <c r="HH23" s="102">
        <v>5</v>
      </c>
      <c r="HI23" s="102">
        <v>1</v>
      </c>
      <c r="HJ23" s="102">
        <v>0</v>
      </c>
      <c r="HK23" s="102">
        <v>0</v>
      </c>
      <c r="HL23" s="102">
        <v>1</v>
      </c>
      <c r="HM23" s="103">
        <v>7</v>
      </c>
      <c r="HN23" s="104">
        <v>10</v>
      </c>
      <c r="HO23" s="101">
        <v>8</v>
      </c>
      <c r="HP23" s="102">
        <v>2</v>
      </c>
      <c r="HQ23" s="103">
        <v>10</v>
      </c>
      <c r="HR23" s="413">
        <v>0</v>
      </c>
      <c r="HS23" s="102">
        <v>9</v>
      </c>
      <c r="HT23" s="102">
        <v>6</v>
      </c>
      <c r="HU23" s="102">
        <v>4</v>
      </c>
      <c r="HV23" s="102">
        <v>3</v>
      </c>
      <c r="HW23" s="102">
        <v>0</v>
      </c>
      <c r="HX23" s="103">
        <v>22</v>
      </c>
      <c r="HY23" s="104">
        <v>32</v>
      </c>
      <c r="HZ23" s="101">
        <v>7</v>
      </c>
      <c r="IA23" s="102">
        <v>10</v>
      </c>
      <c r="IB23" s="103">
        <v>17</v>
      </c>
      <c r="IC23" s="413">
        <v>0</v>
      </c>
      <c r="ID23" s="102">
        <v>12</v>
      </c>
      <c r="IE23" s="102">
        <v>9</v>
      </c>
      <c r="IF23" s="102">
        <v>7</v>
      </c>
      <c r="IG23" s="102">
        <v>5</v>
      </c>
      <c r="IH23" s="102">
        <v>6</v>
      </c>
      <c r="II23" s="103">
        <v>39</v>
      </c>
      <c r="IJ23" s="104">
        <v>56</v>
      </c>
      <c r="IK23" s="101">
        <v>13</v>
      </c>
      <c r="IL23" s="102">
        <v>16</v>
      </c>
      <c r="IM23" s="103">
        <v>29</v>
      </c>
      <c r="IN23" s="413">
        <v>0</v>
      </c>
      <c r="IO23" s="102">
        <v>30</v>
      </c>
      <c r="IP23" s="102">
        <v>18</v>
      </c>
      <c r="IQ23" s="102">
        <v>13</v>
      </c>
      <c r="IR23" s="102">
        <v>11</v>
      </c>
      <c r="IS23" s="102">
        <v>6</v>
      </c>
      <c r="IT23" s="103">
        <v>78</v>
      </c>
      <c r="IU23" s="104">
        <v>107</v>
      </c>
      <c r="IV23" s="101">
        <v>10</v>
      </c>
      <c r="IW23" s="102">
        <v>22</v>
      </c>
      <c r="IX23" s="103">
        <v>32</v>
      </c>
      <c r="IY23" s="413">
        <v>0</v>
      </c>
      <c r="IZ23" s="102">
        <v>28</v>
      </c>
      <c r="JA23" s="102">
        <v>23</v>
      </c>
      <c r="JB23" s="102">
        <v>8</v>
      </c>
      <c r="JC23" s="102">
        <v>6</v>
      </c>
      <c r="JD23" s="102">
        <v>5</v>
      </c>
      <c r="JE23" s="103">
        <v>70</v>
      </c>
      <c r="JF23" s="104">
        <v>102</v>
      </c>
      <c r="JG23" s="101">
        <v>10</v>
      </c>
      <c r="JH23" s="102">
        <v>14</v>
      </c>
      <c r="JI23" s="103">
        <v>24</v>
      </c>
      <c r="JJ23" s="413">
        <v>0</v>
      </c>
      <c r="JK23" s="102">
        <v>17</v>
      </c>
      <c r="JL23" s="102">
        <v>21</v>
      </c>
      <c r="JM23" s="102">
        <v>7</v>
      </c>
      <c r="JN23" s="102">
        <v>11</v>
      </c>
      <c r="JO23" s="102">
        <v>6</v>
      </c>
      <c r="JP23" s="103">
        <v>62</v>
      </c>
      <c r="JQ23" s="104">
        <v>86</v>
      </c>
      <c r="JR23" s="101">
        <v>0</v>
      </c>
      <c r="JS23" s="102">
        <v>0</v>
      </c>
      <c r="JT23" s="103">
        <v>0</v>
      </c>
      <c r="JU23" s="413">
        <v>0</v>
      </c>
      <c r="JV23" s="102">
        <v>0</v>
      </c>
      <c r="JW23" s="102">
        <v>0</v>
      </c>
      <c r="JX23" s="102">
        <v>0</v>
      </c>
      <c r="JY23" s="102">
        <v>0</v>
      </c>
      <c r="JZ23" s="102">
        <v>0</v>
      </c>
      <c r="KA23" s="103">
        <v>0</v>
      </c>
      <c r="KB23" s="104">
        <v>0</v>
      </c>
      <c r="KC23" s="101">
        <v>49</v>
      </c>
      <c r="KD23" s="102">
        <v>66</v>
      </c>
      <c r="KE23" s="103">
        <v>115</v>
      </c>
      <c r="KF23" s="413">
        <v>0</v>
      </c>
      <c r="KG23" s="102">
        <v>101</v>
      </c>
      <c r="KH23" s="102">
        <v>78</v>
      </c>
      <c r="KI23" s="102">
        <v>39</v>
      </c>
      <c r="KJ23" s="102">
        <v>36</v>
      </c>
      <c r="KK23" s="102">
        <v>24</v>
      </c>
      <c r="KL23" s="103">
        <v>278</v>
      </c>
      <c r="KM23" s="104">
        <v>393</v>
      </c>
    </row>
    <row r="24" spans="2:299" s="70" customFormat="1" ht="21" customHeight="1" x14ac:dyDescent="0.2">
      <c r="B24" s="106" t="s">
        <v>21</v>
      </c>
      <c r="C24" s="96">
        <v>34</v>
      </c>
      <c r="D24" s="97">
        <v>32</v>
      </c>
      <c r="E24" s="98">
        <v>66</v>
      </c>
      <c r="F24" s="413">
        <v>0</v>
      </c>
      <c r="G24" s="97">
        <v>50</v>
      </c>
      <c r="H24" s="97">
        <v>35</v>
      </c>
      <c r="I24" s="97">
        <v>23</v>
      </c>
      <c r="J24" s="97">
        <v>24</v>
      </c>
      <c r="K24" s="97">
        <v>13</v>
      </c>
      <c r="L24" s="99">
        <v>145</v>
      </c>
      <c r="M24" s="100">
        <v>211</v>
      </c>
      <c r="N24" s="101">
        <v>1</v>
      </c>
      <c r="O24" s="102">
        <v>2</v>
      </c>
      <c r="P24" s="103">
        <v>3</v>
      </c>
      <c r="Q24" s="413">
        <v>0</v>
      </c>
      <c r="R24" s="102">
        <v>2</v>
      </c>
      <c r="S24" s="102">
        <v>0</v>
      </c>
      <c r="T24" s="102">
        <v>3</v>
      </c>
      <c r="U24" s="102">
        <v>0</v>
      </c>
      <c r="V24" s="102">
        <v>3</v>
      </c>
      <c r="W24" s="103">
        <v>8</v>
      </c>
      <c r="X24" s="104">
        <v>11</v>
      </c>
      <c r="Y24" s="101">
        <v>2</v>
      </c>
      <c r="Z24" s="102">
        <v>5</v>
      </c>
      <c r="AA24" s="103">
        <v>7</v>
      </c>
      <c r="AB24" s="413">
        <v>0</v>
      </c>
      <c r="AC24" s="102">
        <v>6</v>
      </c>
      <c r="AD24" s="102">
        <v>7</v>
      </c>
      <c r="AE24" s="102">
        <v>1</v>
      </c>
      <c r="AF24" s="102">
        <v>1</v>
      </c>
      <c r="AG24" s="102">
        <v>0</v>
      </c>
      <c r="AH24" s="103">
        <v>15</v>
      </c>
      <c r="AI24" s="104">
        <v>22</v>
      </c>
      <c r="AJ24" s="101">
        <v>5</v>
      </c>
      <c r="AK24" s="102">
        <v>4</v>
      </c>
      <c r="AL24" s="103">
        <v>9</v>
      </c>
      <c r="AM24" s="413">
        <v>0</v>
      </c>
      <c r="AN24" s="102">
        <v>6</v>
      </c>
      <c r="AO24" s="102">
        <v>4</v>
      </c>
      <c r="AP24" s="102">
        <v>2</v>
      </c>
      <c r="AQ24" s="102">
        <v>4</v>
      </c>
      <c r="AR24" s="102">
        <v>2</v>
      </c>
      <c r="AS24" s="103">
        <v>18</v>
      </c>
      <c r="AT24" s="104">
        <v>27</v>
      </c>
      <c r="AU24" s="101">
        <v>6</v>
      </c>
      <c r="AV24" s="102">
        <v>10</v>
      </c>
      <c r="AW24" s="103">
        <v>16</v>
      </c>
      <c r="AX24" s="413">
        <v>0</v>
      </c>
      <c r="AY24" s="102">
        <v>16</v>
      </c>
      <c r="AZ24" s="102">
        <v>7</v>
      </c>
      <c r="BA24" s="102">
        <v>5</v>
      </c>
      <c r="BB24" s="102">
        <v>8</v>
      </c>
      <c r="BC24" s="102">
        <v>2</v>
      </c>
      <c r="BD24" s="103">
        <v>38</v>
      </c>
      <c r="BE24" s="104">
        <v>54</v>
      </c>
      <c r="BF24" s="101">
        <v>14</v>
      </c>
      <c r="BG24" s="102">
        <v>5</v>
      </c>
      <c r="BH24" s="103">
        <v>19</v>
      </c>
      <c r="BI24" s="413">
        <v>0</v>
      </c>
      <c r="BJ24" s="102">
        <v>14</v>
      </c>
      <c r="BK24" s="102">
        <v>12</v>
      </c>
      <c r="BL24" s="102">
        <v>3</v>
      </c>
      <c r="BM24" s="102">
        <v>8</v>
      </c>
      <c r="BN24" s="102">
        <v>3</v>
      </c>
      <c r="BO24" s="103">
        <v>40</v>
      </c>
      <c r="BP24" s="104">
        <v>59</v>
      </c>
      <c r="BQ24" s="101">
        <v>6</v>
      </c>
      <c r="BR24" s="102">
        <v>6</v>
      </c>
      <c r="BS24" s="103">
        <v>12</v>
      </c>
      <c r="BT24" s="413">
        <v>0</v>
      </c>
      <c r="BU24" s="102">
        <v>6</v>
      </c>
      <c r="BV24" s="102">
        <v>5</v>
      </c>
      <c r="BW24" s="102">
        <v>9</v>
      </c>
      <c r="BX24" s="102">
        <v>3</v>
      </c>
      <c r="BY24" s="102">
        <v>3</v>
      </c>
      <c r="BZ24" s="103">
        <v>26</v>
      </c>
      <c r="CA24" s="104">
        <v>38</v>
      </c>
      <c r="CB24" s="101">
        <v>0</v>
      </c>
      <c r="CC24" s="102">
        <v>0</v>
      </c>
      <c r="CD24" s="103">
        <v>0</v>
      </c>
      <c r="CE24" s="413">
        <v>0</v>
      </c>
      <c r="CF24" s="102">
        <v>0</v>
      </c>
      <c r="CG24" s="102">
        <v>0</v>
      </c>
      <c r="CH24" s="102">
        <v>0</v>
      </c>
      <c r="CI24" s="102">
        <v>0</v>
      </c>
      <c r="CJ24" s="102">
        <v>0</v>
      </c>
      <c r="CK24" s="103">
        <v>0</v>
      </c>
      <c r="CL24" s="104">
        <v>0</v>
      </c>
      <c r="CM24" s="101">
        <v>34</v>
      </c>
      <c r="CN24" s="102">
        <v>32</v>
      </c>
      <c r="CO24" s="103">
        <v>66</v>
      </c>
      <c r="CP24" s="413">
        <v>0</v>
      </c>
      <c r="CQ24" s="102">
        <v>50</v>
      </c>
      <c r="CR24" s="102">
        <v>35</v>
      </c>
      <c r="CS24" s="102">
        <v>23</v>
      </c>
      <c r="CT24" s="102">
        <v>24</v>
      </c>
      <c r="CU24" s="102">
        <v>13</v>
      </c>
      <c r="CV24" s="103">
        <v>145</v>
      </c>
      <c r="CW24" s="104">
        <v>211</v>
      </c>
      <c r="CX24" s="105">
        <v>9</v>
      </c>
      <c r="CY24" s="97">
        <v>8</v>
      </c>
      <c r="CZ24" s="98">
        <v>17</v>
      </c>
      <c r="DA24" s="413">
        <v>0</v>
      </c>
      <c r="DB24" s="97">
        <v>15</v>
      </c>
      <c r="DC24" s="97">
        <v>14</v>
      </c>
      <c r="DD24" s="97">
        <v>7</v>
      </c>
      <c r="DE24" s="97">
        <v>11</v>
      </c>
      <c r="DF24" s="97">
        <v>6</v>
      </c>
      <c r="DG24" s="99">
        <v>53</v>
      </c>
      <c r="DH24" s="100">
        <v>70</v>
      </c>
      <c r="DI24" s="101">
        <v>0</v>
      </c>
      <c r="DJ24" s="102">
        <v>0</v>
      </c>
      <c r="DK24" s="103">
        <v>0</v>
      </c>
      <c r="DL24" s="413">
        <v>0</v>
      </c>
      <c r="DM24" s="102">
        <v>0</v>
      </c>
      <c r="DN24" s="102">
        <v>0</v>
      </c>
      <c r="DO24" s="102">
        <v>0</v>
      </c>
      <c r="DP24" s="102">
        <v>0</v>
      </c>
      <c r="DQ24" s="102">
        <v>0</v>
      </c>
      <c r="DR24" s="103">
        <v>0</v>
      </c>
      <c r="DS24" s="104">
        <v>0</v>
      </c>
      <c r="DT24" s="101">
        <v>0</v>
      </c>
      <c r="DU24" s="102">
        <v>1</v>
      </c>
      <c r="DV24" s="103">
        <v>1</v>
      </c>
      <c r="DW24" s="413">
        <v>0</v>
      </c>
      <c r="DX24" s="102">
        <v>1</v>
      </c>
      <c r="DY24" s="102">
        <v>1</v>
      </c>
      <c r="DZ24" s="102">
        <v>0</v>
      </c>
      <c r="EA24" s="102">
        <v>0</v>
      </c>
      <c r="EB24" s="102">
        <v>0</v>
      </c>
      <c r="EC24" s="103">
        <v>2</v>
      </c>
      <c r="ED24" s="104">
        <v>3</v>
      </c>
      <c r="EE24" s="101">
        <v>0</v>
      </c>
      <c r="EF24" s="102">
        <v>1</v>
      </c>
      <c r="EG24" s="103">
        <v>1</v>
      </c>
      <c r="EH24" s="413">
        <v>0</v>
      </c>
      <c r="EI24" s="102">
        <v>1</v>
      </c>
      <c r="EJ24" s="102">
        <v>1</v>
      </c>
      <c r="EK24" s="102">
        <v>0</v>
      </c>
      <c r="EL24" s="102">
        <v>0</v>
      </c>
      <c r="EM24" s="102">
        <v>1</v>
      </c>
      <c r="EN24" s="103">
        <v>3</v>
      </c>
      <c r="EO24" s="104">
        <v>4</v>
      </c>
      <c r="EP24" s="101">
        <v>7</v>
      </c>
      <c r="EQ24" s="102">
        <v>2</v>
      </c>
      <c r="ER24" s="103">
        <v>9</v>
      </c>
      <c r="ES24" s="413">
        <v>0</v>
      </c>
      <c r="ET24" s="102">
        <v>2</v>
      </c>
      <c r="EU24" s="102">
        <v>1</v>
      </c>
      <c r="EV24" s="102">
        <v>0</v>
      </c>
      <c r="EW24" s="102">
        <v>2</v>
      </c>
      <c r="EX24" s="102">
        <v>1</v>
      </c>
      <c r="EY24" s="103">
        <v>6</v>
      </c>
      <c r="EZ24" s="104">
        <v>15</v>
      </c>
      <c r="FA24" s="101">
        <v>1</v>
      </c>
      <c r="FB24" s="102">
        <v>3</v>
      </c>
      <c r="FC24" s="103">
        <v>4</v>
      </c>
      <c r="FD24" s="413">
        <v>0</v>
      </c>
      <c r="FE24" s="102">
        <v>4</v>
      </c>
      <c r="FF24" s="102">
        <v>5</v>
      </c>
      <c r="FG24" s="102">
        <v>4</v>
      </c>
      <c r="FH24" s="102">
        <v>4</v>
      </c>
      <c r="FI24" s="102">
        <v>4</v>
      </c>
      <c r="FJ24" s="103">
        <v>21</v>
      </c>
      <c r="FK24" s="104">
        <v>25</v>
      </c>
      <c r="FL24" s="101">
        <v>1</v>
      </c>
      <c r="FM24" s="102">
        <v>1</v>
      </c>
      <c r="FN24" s="103">
        <v>2</v>
      </c>
      <c r="FO24" s="413">
        <v>0</v>
      </c>
      <c r="FP24" s="102">
        <v>7</v>
      </c>
      <c r="FQ24" s="102">
        <v>6</v>
      </c>
      <c r="FR24" s="102">
        <v>3</v>
      </c>
      <c r="FS24" s="102">
        <v>5</v>
      </c>
      <c r="FT24" s="102">
        <v>0</v>
      </c>
      <c r="FU24" s="103">
        <v>21</v>
      </c>
      <c r="FV24" s="104">
        <v>23</v>
      </c>
      <c r="FW24" s="101">
        <v>0</v>
      </c>
      <c r="FX24" s="102">
        <v>0</v>
      </c>
      <c r="FY24" s="103">
        <v>0</v>
      </c>
      <c r="FZ24" s="413">
        <v>0</v>
      </c>
      <c r="GA24" s="102">
        <v>0</v>
      </c>
      <c r="GB24" s="102">
        <v>0</v>
      </c>
      <c r="GC24" s="102">
        <v>0</v>
      </c>
      <c r="GD24" s="102">
        <v>0</v>
      </c>
      <c r="GE24" s="102">
        <v>0</v>
      </c>
      <c r="GF24" s="103">
        <v>0</v>
      </c>
      <c r="GG24" s="104">
        <v>0</v>
      </c>
      <c r="GH24" s="101">
        <v>9</v>
      </c>
      <c r="GI24" s="102">
        <v>8</v>
      </c>
      <c r="GJ24" s="103">
        <v>17</v>
      </c>
      <c r="GK24" s="413">
        <v>0</v>
      </c>
      <c r="GL24" s="102">
        <v>15</v>
      </c>
      <c r="GM24" s="102">
        <v>14</v>
      </c>
      <c r="GN24" s="102">
        <v>7</v>
      </c>
      <c r="GO24" s="102">
        <v>11</v>
      </c>
      <c r="GP24" s="102">
        <v>6</v>
      </c>
      <c r="GQ24" s="103">
        <v>53</v>
      </c>
      <c r="GR24" s="104">
        <v>70</v>
      </c>
      <c r="GS24" s="105">
        <v>43</v>
      </c>
      <c r="GT24" s="97">
        <v>40</v>
      </c>
      <c r="GU24" s="98">
        <v>83</v>
      </c>
      <c r="GV24" s="413">
        <v>0</v>
      </c>
      <c r="GW24" s="97">
        <v>65</v>
      </c>
      <c r="GX24" s="97">
        <v>49</v>
      </c>
      <c r="GY24" s="97">
        <v>30</v>
      </c>
      <c r="GZ24" s="97">
        <v>35</v>
      </c>
      <c r="HA24" s="97">
        <v>19</v>
      </c>
      <c r="HB24" s="99">
        <v>198</v>
      </c>
      <c r="HC24" s="100">
        <v>281</v>
      </c>
      <c r="HD24" s="101">
        <v>1</v>
      </c>
      <c r="HE24" s="102">
        <v>2</v>
      </c>
      <c r="HF24" s="103">
        <v>3</v>
      </c>
      <c r="HG24" s="413">
        <v>0</v>
      </c>
      <c r="HH24" s="102">
        <v>2</v>
      </c>
      <c r="HI24" s="102">
        <v>0</v>
      </c>
      <c r="HJ24" s="102">
        <v>3</v>
      </c>
      <c r="HK24" s="102">
        <v>0</v>
      </c>
      <c r="HL24" s="102">
        <v>3</v>
      </c>
      <c r="HM24" s="103">
        <v>8</v>
      </c>
      <c r="HN24" s="104">
        <v>11</v>
      </c>
      <c r="HO24" s="101">
        <v>2</v>
      </c>
      <c r="HP24" s="102">
        <v>6</v>
      </c>
      <c r="HQ24" s="103">
        <v>8</v>
      </c>
      <c r="HR24" s="413">
        <v>0</v>
      </c>
      <c r="HS24" s="102">
        <v>7</v>
      </c>
      <c r="HT24" s="102">
        <v>8</v>
      </c>
      <c r="HU24" s="102">
        <v>1</v>
      </c>
      <c r="HV24" s="102">
        <v>1</v>
      </c>
      <c r="HW24" s="102">
        <v>0</v>
      </c>
      <c r="HX24" s="103">
        <v>17</v>
      </c>
      <c r="HY24" s="104">
        <v>25</v>
      </c>
      <c r="HZ24" s="101">
        <v>5</v>
      </c>
      <c r="IA24" s="102">
        <v>5</v>
      </c>
      <c r="IB24" s="103">
        <v>10</v>
      </c>
      <c r="IC24" s="413">
        <v>0</v>
      </c>
      <c r="ID24" s="102">
        <v>7</v>
      </c>
      <c r="IE24" s="102">
        <v>5</v>
      </c>
      <c r="IF24" s="102">
        <v>2</v>
      </c>
      <c r="IG24" s="102">
        <v>4</v>
      </c>
      <c r="IH24" s="102">
        <v>3</v>
      </c>
      <c r="II24" s="103">
        <v>21</v>
      </c>
      <c r="IJ24" s="104">
        <v>31</v>
      </c>
      <c r="IK24" s="101">
        <v>13</v>
      </c>
      <c r="IL24" s="102">
        <v>12</v>
      </c>
      <c r="IM24" s="103">
        <v>25</v>
      </c>
      <c r="IN24" s="413">
        <v>0</v>
      </c>
      <c r="IO24" s="102">
        <v>18</v>
      </c>
      <c r="IP24" s="102">
        <v>8</v>
      </c>
      <c r="IQ24" s="102">
        <v>5</v>
      </c>
      <c r="IR24" s="102">
        <v>10</v>
      </c>
      <c r="IS24" s="102">
        <v>3</v>
      </c>
      <c r="IT24" s="103">
        <v>44</v>
      </c>
      <c r="IU24" s="104">
        <v>69</v>
      </c>
      <c r="IV24" s="101">
        <v>15</v>
      </c>
      <c r="IW24" s="102">
        <v>8</v>
      </c>
      <c r="IX24" s="103">
        <v>23</v>
      </c>
      <c r="IY24" s="413">
        <v>0</v>
      </c>
      <c r="IZ24" s="102">
        <v>18</v>
      </c>
      <c r="JA24" s="102">
        <v>17</v>
      </c>
      <c r="JB24" s="102">
        <v>7</v>
      </c>
      <c r="JC24" s="102">
        <v>12</v>
      </c>
      <c r="JD24" s="102">
        <v>7</v>
      </c>
      <c r="JE24" s="103">
        <v>61</v>
      </c>
      <c r="JF24" s="104">
        <v>84</v>
      </c>
      <c r="JG24" s="101">
        <v>7</v>
      </c>
      <c r="JH24" s="102">
        <v>7</v>
      </c>
      <c r="JI24" s="103">
        <v>14</v>
      </c>
      <c r="JJ24" s="413">
        <v>0</v>
      </c>
      <c r="JK24" s="102">
        <v>13</v>
      </c>
      <c r="JL24" s="102">
        <v>11</v>
      </c>
      <c r="JM24" s="102">
        <v>12</v>
      </c>
      <c r="JN24" s="102">
        <v>8</v>
      </c>
      <c r="JO24" s="102">
        <v>3</v>
      </c>
      <c r="JP24" s="103">
        <v>47</v>
      </c>
      <c r="JQ24" s="104">
        <v>61</v>
      </c>
      <c r="JR24" s="101">
        <v>0</v>
      </c>
      <c r="JS24" s="102">
        <v>0</v>
      </c>
      <c r="JT24" s="103">
        <v>0</v>
      </c>
      <c r="JU24" s="413">
        <v>0</v>
      </c>
      <c r="JV24" s="102">
        <v>0</v>
      </c>
      <c r="JW24" s="102">
        <v>0</v>
      </c>
      <c r="JX24" s="102">
        <v>0</v>
      </c>
      <c r="JY24" s="102">
        <v>0</v>
      </c>
      <c r="JZ24" s="102">
        <v>0</v>
      </c>
      <c r="KA24" s="103">
        <v>0</v>
      </c>
      <c r="KB24" s="104">
        <v>0</v>
      </c>
      <c r="KC24" s="101">
        <v>43</v>
      </c>
      <c r="KD24" s="102">
        <v>40</v>
      </c>
      <c r="KE24" s="103">
        <v>83</v>
      </c>
      <c r="KF24" s="413">
        <v>0</v>
      </c>
      <c r="KG24" s="102">
        <v>65</v>
      </c>
      <c r="KH24" s="102">
        <v>49</v>
      </c>
      <c r="KI24" s="102">
        <v>30</v>
      </c>
      <c r="KJ24" s="102">
        <v>35</v>
      </c>
      <c r="KK24" s="102">
        <v>19</v>
      </c>
      <c r="KL24" s="103">
        <v>198</v>
      </c>
      <c r="KM24" s="104">
        <v>281</v>
      </c>
    </row>
    <row r="25" spans="2:299" s="70" customFormat="1" ht="21" customHeight="1" x14ac:dyDescent="0.2">
      <c r="B25" s="106" t="s">
        <v>22</v>
      </c>
      <c r="C25" s="96">
        <v>13</v>
      </c>
      <c r="D25" s="97">
        <v>8</v>
      </c>
      <c r="E25" s="98">
        <v>21</v>
      </c>
      <c r="F25" s="413">
        <v>0</v>
      </c>
      <c r="G25" s="97">
        <v>28</v>
      </c>
      <c r="H25" s="97">
        <v>26</v>
      </c>
      <c r="I25" s="97">
        <v>11</v>
      </c>
      <c r="J25" s="97">
        <v>8</v>
      </c>
      <c r="K25" s="97">
        <v>5</v>
      </c>
      <c r="L25" s="99">
        <v>78</v>
      </c>
      <c r="M25" s="100">
        <v>99</v>
      </c>
      <c r="N25" s="101">
        <v>1</v>
      </c>
      <c r="O25" s="102">
        <v>0</v>
      </c>
      <c r="P25" s="103">
        <v>1</v>
      </c>
      <c r="Q25" s="413">
        <v>0</v>
      </c>
      <c r="R25" s="102">
        <v>0</v>
      </c>
      <c r="S25" s="102">
        <v>0</v>
      </c>
      <c r="T25" s="102">
        <v>1</v>
      </c>
      <c r="U25" s="102">
        <v>0</v>
      </c>
      <c r="V25" s="102">
        <v>0</v>
      </c>
      <c r="W25" s="103">
        <v>1</v>
      </c>
      <c r="X25" s="104">
        <v>2</v>
      </c>
      <c r="Y25" s="101">
        <v>1</v>
      </c>
      <c r="Z25" s="102">
        <v>1</v>
      </c>
      <c r="AA25" s="103">
        <v>2</v>
      </c>
      <c r="AB25" s="413">
        <v>0</v>
      </c>
      <c r="AC25" s="102">
        <v>2</v>
      </c>
      <c r="AD25" s="102">
        <v>2</v>
      </c>
      <c r="AE25" s="102">
        <v>1</v>
      </c>
      <c r="AF25" s="102">
        <v>0</v>
      </c>
      <c r="AG25" s="102">
        <v>1</v>
      </c>
      <c r="AH25" s="103">
        <v>6</v>
      </c>
      <c r="AI25" s="104">
        <v>8</v>
      </c>
      <c r="AJ25" s="101">
        <v>1</v>
      </c>
      <c r="AK25" s="102">
        <v>1</v>
      </c>
      <c r="AL25" s="103">
        <v>2</v>
      </c>
      <c r="AM25" s="413">
        <v>0</v>
      </c>
      <c r="AN25" s="102">
        <v>5</v>
      </c>
      <c r="AO25" s="102">
        <v>2</v>
      </c>
      <c r="AP25" s="102">
        <v>1</v>
      </c>
      <c r="AQ25" s="102">
        <v>1</v>
      </c>
      <c r="AR25" s="102">
        <v>1</v>
      </c>
      <c r="AS25" s="103">
        <v>10</v>
      </c>
      <c r="AT25" s="104">
        <v>12</v>
      </c>
      <c r="AU25" s="101">
        <v>7</v>
      </c>
      <c r="AV25" s="102">
        <v>3</v>
      </c>
      <c r="AW25" s="103">
        <v>10</v>
      </c>
      <c r="AX25" s="413">
        <v>0</v>
      </c>
      <c r="AY25" s="102">
        <v>7</v>
      </c>
      <c r="AZ25" s="102">
        <v>7</v>
      </c>
      <c r="BA25" s="102">
        <v>2</v>
      </c>
      <c r="BB25" s="102">
        <v>1</v>
      </c>
      <c r="BC25" s="102">
        <v>2</v>
      </c>
      <c r="BD25" s="103">
        <v>19</v>
      </c>
      <c r="BE25" s="104">
        <v>29</v>
      </c>
      <c r="BF25" s="101">
        <v>1</v>
      </c>
      <c r="BG25" s="102">
        <v>1</v>
      </c>
      <c r="BH25" s="103">
        <v>2</v>
      </c>
      <c r="BI25" s="413">
        <v>0</v>
      </c>
      <c r="BJ25" s="102">
        <v>5</v>
      </c>
      <c r="BK25" s="102">
        <v>7</v>
      </c>
      <c r="BL25" s="102">
        <v>4</v>
      </c>
      <c r="BM25" s="102">
        <v>2</v>
      </c>
      <c r="BN25" s="102">
        <v>0</v>
      </c>
      <c r="BO25" s="103">
        <v>18</v>
      </c>
      <c r="BP25" s="104">
        <v>20</v>
      </c>
      <c r="BQ25" s="101">
        <v>2</v>
      </c>
      <c r="BR25" s="102">
        <v>2</v>
      </c>
      <c r="BS25" s="103">
        <v>4</v>
      </c>
      <c r="BT25" s="413">
        <v>0</v>
      </c>
      <c r="BU25" s="102">
        <v>9</v>
      </c>
      <c r="BV25" s="102">
        <v>8</v>
      </c>
      <c r="BW25" s="102">
        <v>2</v>
      </c>
      <c r="BX25" s="102">
        <v>4</v>
      </c>
      <c r="BY25" s="102">
        <v>1</v>
      </c>
      <c r="BZ25" s="103">
        <v>24</v>
      </c>
      <c r="CA25" s="104">
        <v>28</v>
      </c>
      <c r="CB25" s="101">
        <v>0</v>
      </c>
      <c r="CC25" s="102">
        <v>0</v>
      </c>
      <c r="CD25" s="103">
        <v>0</v>
      </c>
      <c r="CE25" s="413">
        <v>0</v>
      </c>
      <c r="CF25" s="102">
        <v>0</v>
      </c>
      <c r="CG25" s="102">
        <v>0</v>
      </c>
      <c r="CH25" s="102">
        <v>0</v>
      </c>
      <c r="CI25" s="102">
        <v>0</v>
      </c>
      <c r="CJ25" s="102">
        <v>0</v>
      </c>
      <c r="CK25" s="103">
        <v>0</v>
      </c>
      <c r="CL25" s="104">
        <v>0</v>
      </c>
      <c r="CM25" s="101">
        <v>13</v>
      </c>
      <c r="CN25" s="102">
        <v>8</v>
      </c>
      <c r="CO25" s="103">
        <v>21</v>
      </c>
      <c r="CP25" s="413">
        <v>0</v>
      </c>
      <c r="CQ25" s="102">
        <v>28</v>
      </c>
      <c r="CR25" s="102">
        <v>26</v>
      </c>
      <c r="CS25" s="102">
        <v>11</v>
      </c>
      <c r="CT25" s="102">
        <v>8</v>
      </c>
      <c r="CU25" s="102">
        <v>5</v>
      </c>
      <c r="CV25" s="103">
        <v>78</v>
      </c>
      <c r="CW25" s="104">
        <v>99</v>
      </c>
      <c r="CX25" s="105">
        <v>2</v>
      </c>
      <c r="CY25" s="97">
        <v>6</v>
      </c>
      <c r="CZ25" s="98">
        <v>8</v>
      </c>
      <c r="DA25" s="413">
        <v>0</v>
      </c>
      <c r="DB25" s="97">
        <v>6</v>
      </c>
      <c r="DC25" s="97">
        <v>6</v>
      </c>
      <c r="DD25" s="97">
        <v>0</v>
      </c>
      <c r="DE25" s="97">
        <v>3</v>
      </c>
      <c r="DF25" s="97">
        <v>2</v>
      </c>
      <c r="DG25" s="99">
        <v>17</v>
      </c>
      <c r="DH25" s="100">
        <v>25</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0</v>
      </c>
      <c r="EN25" s="103">
        <v>1</v>
      </c>
      <c r="EO25" s="104">
        <v>3</v>
      </c>
      <c r="EP25" s="101">
        <v>1</v>
      </c>
      <c r="EQ25" s="102">
        <v>1</v>
      </c>
      <c r="ER25" s="103">
        <v>2</v>
      </c>
      <c r="ES25" s="413">
        <v>0</v>
      </c>
      <c r="ET25" s="102">
        <v>2</v>
      </c>
      <c r="EU25" s="102">
        <v>1</v>
      </c>
      <c r="EV25" s="102">
        <v>0</v>
      </c>
      <c r="EW25" s="102">
        <v>0</v>
      </c>
      <c r="EX25" s="102">
        <v>1</v>
      </c>
      <c r="EY25" s="103">
        <v>4</v>
      </c>
      <c r="EZ25" s="104">
        <v>6</v>
      </c>
      <c r="FA25" s="101">
        <v>0</v>
      </c>
      <c r="FB25" s="102">
        <v>1</v>
      </c>
      <c r="FC25" s="103">
        <v>1</v>
      </c>
      <c r="FD25" s="413">
        <v>0</v>
      </c>
      <c r="FE25" s="102">
        <v>1</v>
      </c>
      <c r="FF25" s="102">
        <v>2</v>
      </c>
      <c r="FG25" s="102">
        <v>0</v>
      </c>
      <c r="FH25" s="102">
        <v>2</v>
      </c>
      <c r="FI25" s="102">
        <v>0</v>
      </c>
      <c r="FJ25" s="103">
        <v>5</v>
      </c>
      <c r="FK25" s="104">
        <v>6</v>
      </c>
      <c r="FL25" s="101">
        <v>0</v>
      </c>
      <c r="FM25" s="102">
        <v>2</v>
      </c>
      <c r="FN25" s="103">
        <v>2</v>
      </c>
      <c r="FO25" s="413">
        <v>0</v>
      </c>
      <c r="FP25" s="102">
        <v>3</v>
      </c>
      <c r="FQ25" s="102">
        <v>2</v>
      </c>
      <c r="FR25" s="102">
        <v>0</v>
      </c>
      <c r="FS25" s="102">
        <v>1</v>
      </c>
      <c r="FT25" s="102">
        <v>1</v>
      </c>
      <c r="FU25" s="103">
        <v>7</v>
      </c>
      <c r="FV25" s="104">
        <v>9</v>
      </c>
      <c r="FW25" s="101">
        <v>0</v>
      </c>
      <c r="FX25" s="102">
        <v>0</v>
      </c>
      <c r="FY25" s="103">
        <v>0</v>
      </c>
      <c r="FZ25" s="413">
        <v>0</v>
      </c>
      <c r="GA25" s="102">
        <v>0</v>
      </c>
      <c r="GB25" s="102">
        <v>0</v>
      </c>
      <c r="GC25" s="102">
        <v>0</v>
      </c>
      <c r="GD25" s="102">
        <v>0</v>
      </c>
      <c r="GE25" s="102">
        <v>0</v>
      </c>
      <c r="GF25" s="103">
        <v>0</v>
      </c>
      <c r="GG25" s="104">
        <v>0</v>
      </c>
      <c r="GH25" s="101">
        <v>2</v>
      </c>
      <c r="GI25" s="102">
        <v>6</v>
      </c>
      <c r="GJ25" s="103">
        <v>8</v>
      </c>
      <c r="GK25" s="413">
        <v>0</v>
      </c>
      <c r="GL25" s="102">
        <v>6</v>
      </c>
      <c r="GM25" s="102">
        <v>6</v>
      </c>
      <c r="GN25" s="102">
        <v>0</v>
      </c>
      <c r="GO25" s="102">
        <v>3</v>
      </c>
      <c r="GP25" s="102">
        <v>2</v>
      </c>
      <c r="GQ25" s="103">
        <v>17</v>
      </c>
      <c r="GR25" s="104">
        <v>25</v>
      </c>
      <c r="GS25" s="105">
        <v>15</v>
      </c>
      <c r="GT25" s="97">
        <v>14</v>
      </c>
      <c r="GU25" s="98">
        <v>29</v>
      </c>
      <c r="GV25" s="413">
        <v>0</v>
      </c>
      <c r="GW25" s="97">
        <v>34</v>
      </c>
      <c r="GX25" s="97">
        <v>32</v>
      </c>
      <c r="GY25" s="97">
        <v>11</v>
      </c>
      <c r="GZ25" s="97">
        <v>11</v>
      </c>
      <c r="HA25" s="97">
        <v>7</v>
      </c>
      <c r="HB25" s="99">
        <v>95</v>
      </c>
      <c r="HC25" s="100">
        <v>124</v>
      </c>
      <c r="HD25" s="101">
        <v>1</v>
      </c>
      <c r="HE25" s="102">
        <v>1</v>
      </c>
      <c r="HF25" s="103">
        <v>2</v>
      </c>
      <c r="HG25" s="413">
        <v>0</v>
      </c>
      <c r="HH25" s="102">
        <v>0</v>
      </c>
      <c r="HI25" s="102">
        <v>0</v>
      </c>
      <c r="HJ25" s="102">
        <v>1</v>
      </c>
      <c r="HK25" s="102">
        <v>0</v>
      </c>
      <c r="HL25" s="102">
        <v>0</v>
      </c>
      <c r="HM25" s="103">
        <v>1</v>
      </c>
      <c r="HN25" s="104">
        <v>3</v>
      </c>
      <c r="HO25" s="101">
        <v>1</v>
      </c>
      <c r="HP25" s="102">
        <v>1</v>
      </c>
      <c r="HQ25" s="103">
        <v>2</v>
      </c>
      <c r="HR25" s="413">
        <v>0</v>
      </c>
      <c r="HS25" s="102">
        <v>2</v>
      </c>
      <c r="HT25" s="102">
        <v>2</v>
      </c>
      <c r="HU25" s="102">
        <v>1</v>
      </c>
      <c r="HV25" s="102">
        <v>0</v>
      </c>
      <c r="HW25" s="102">
        <v>1</v>
      </c>
      <c r="HX25" s="103">
        <v>6</v>
      </c>
      <c r="HY25" s="104">
        <v>8</v>
      </c>
      <c r="HZ25" s="101">
        <v>2</v>
      </c>
      <c r="IA25" s="102">
        <v>2</v>
      </c>
      <c r="IB25" s="103">
        <v>4</v>
      </c>
      <c r="IC25" s="413">
        <v>0</v>
      </c>
      <c r="ID25" s="102">
        <v>5</v>
      </c>
      <c r="IE25" s="102">
        <v>3</v>
      </c>
      <c r="IF25" s="102">
        <v>1</v>
      </c>
      <c r="IG25" s="102">
        <v>1</v>
      </c>
      <c r="IH25" s="102">
        <v>1</v>
      </c>
      <c r="II25" s="103">
        <v>11</v>
      </c>
      <c r="IJ25" s="104">
        <v>15</v>
      </c>
      <c r="IK25" s="101">
        <v>8</v>
      </c>
      <c r="IL25" s="102">
        <v>4</v>
      </c>
      <c r="IM25" s="103">
        <v>12</v>
      </c>
      <c r="IN25" s="413">
        <v>0</v>
      </c>
      <c r="IO25" s="102">
        <v>9</v>
      </c>
      <c r="IP25" s="102">
        <v>8</v>
      </c>
      <c r="IQ25" s="102">
        <v>2</v>
      </c>
      <c r="IR25" s="102">
        <v>1</v>
      </c>
      <c r="IS25" s="102">
        <v>3</v>
      </c>
      <c r="IT25" s="103">
        <v>23</v>
      </c>
      <c r="IU25" s="104">
        <v>35</v>
      </c>
      <c r="IV25" s="101">
        <v>1</v>
      </c>
      <c r="IW25" s="102">
        <v>2</v>
      </c>
      <c r="IX25" s="103">
        <v>3</v>
      </c>
      <c r="IY25" s="413">
        <v>0</v>
      </c>
      <c r="IZ25" s="102">
        <v>6</v>
      </c>
      <c r="JA25" s="102">
        <v>9</v>
      </c>
      <c r="JB25" s="102">
        <v>4</v>
      </c>
      <c r="JC25" s="102">
        <v>4</v>
      </c>
      <c r="JD25" s="102">
        <v>0</v>
      </c>
      <c r="JE25" s="103">
        <v>23</v>
      </c>
      <c r="JF25" s="104">
        <v>26</v>
      </c>
      <c r="JG25" s="101">
        <v>2</v>
      </c>
      <c r="JH25" s="102">
        <v>4</v>
      </c>
      <c r="JI25" s="103">
        <v>6</v>
      </c>
      <c r="JJ25" s="413">
        <v>0</v>
      </c>
      <c r="JK25" s="102">
        <v>12</v>
      </c>
      <c r="JL25" s="102">
        <v>10</v>
      </c>
      <c r="JM25" s="102">
        <v>2</v>
      </c>
      <c r="JN25" s="102">
        <v>5</v>
      </c>
      <c r="JO25" s="102">
        <v>2</v>
      </c>
      <c r="JP25" s="103">
        <v>31</v>
      </c>
      <c r="JQ25" s="104">
        <v>37</v>
      </c>
      <c r="JR25" s="101">
        <v>0</v>
      </c>
      <c r="JS25" s="102">
        <v>0</v>
      </c>
      <c r="JT25" s="103">
        <v>0</v>
      </c>
      <c r="JU25" s="413">
        <v>0</v>
      </c>
      <c r="JV25" s="102">
        <v>0</v>
      </c>
      <c r="JW25" s="102">
        <v>0</v>
      </c>
      <c r="JX25" s="102">
        <v>0</v>
      </c>
      <c r="JY25" s="102">
        <v>0</v>
      </c>
      <c r="JZ25" s="102">
        <v>0</v>
      </c>
      <c r="KA25" s="103">
        <v>0</v>
      </c>
      <c r="KB25" s="104">
        <v>0</v>
      </c>
      <c r="KC25" s="101">
        <v>15</v>
      </c>
      <c r="KD25" s="102">
        <v>14</v>
      </c>
      <c r="KE25" s="103">
        <v>29</v>
      </c>
      <c r="KF25" s="413">
        <v>0</v>
      </c>
      <c r="KG25" s="102">
        <v>34</v>
      </c>
      <c r="KH25" s="102">
        <v>32</v>
      </c>
      <c r="KI25" s="102">
        <v>11</v>
      </c>
      <c r="KJ25" s="102">
        <v>11</v>
      </c>
      <c r="KK25" s="102">
        <v>7</v>
      </c>
      <c r="KL25" s="103">
        <v>95</v>
      </c>
      <c r="KM25" s="104">
        <v>124</v>
      </c>
    </row>
    <row r="26" spans="2:299" s="70" customFormat="1" ht="21" customHeight="1" x14ac:dyDescent="0.2">
      <c r="B26" s="106" t="s">
        <v>23</v>
      </c>
      <c r="C26" s="96">
        <v>22</v>
      </c>
      <c r="D26" s="97">
        <v>19</v>
      </c>
      <c r="E26" s="98">
        <v>41</v>
      </c>
      <c r="F26" s="413">
        <v>0</v>
      </c>
      <c r="G26" s="97">
        <v>24</v>
      </c>
      <c r="H26" s="97">
        <v>25</v>
      </c>
      <c r="I26" s="97">
        <v>27</v>
      </c>
      <c r="J26" s="97">
        <v>14</v>
      </c>
      <c r="K26" s="97">
        <v>13</v>
      </c>
      <c r="L26" s="99">
        <v>103</v>
      </c>
      <c r="M26" s="100">
        <v>144</v>
      </c>
      <c r="N26" s="101">
        <v>0</v>
      </c>
      <c r="O26" s="102">
        <v>2</v>
      </c>
      <c r="P26" s="103">
        <v>2</v>
      </c>
      <c r="Q26" s="413">
        <v>0</v>
      </c>
      <c r="R26" s="102">
        <v>0</v>
      </c>
      <c r="S26" s="102">
        <v>0</v>
      </c>
      <c r="T26" s="102">
        <v>1</v>
      </c>
      <c r="U26" s="102">
        <v>0</v>
      </c>
      <c r="V26" s="102">
        <v>0</v>
      </c>
      <c r="W26" s="103">
        <v>1</v>
      </c>
      <c r="X26" s="104">
        <v>3</v>
      </c>
      <c r="Y26" s="101">
        <v>1</v>
      </c>
      <c r="Z26" s="102">
        <v>0</v>
      </c>
      <c r="AA26" s="103">
        <v>1</v>
      </c>
      <c r="AB26" s="413">
        <v>0</v>
      </c>
      <c r="AC26" s="102">
        <v>0</v>
      </c>
      <c r="AD26" s="102">
        <v>5</v>
      </c>
      <c r="AE26" s="102">
        <v>2</v>
      </c>
      <c r="AF26" s="102">
        <v>0</v>
      </c>
      <c r="AG26" s="102">
        <v>3</v>
      </c>
      <c r="AH26" s="103">
        <v>10</v>
      </c>
      <c r="AI26" s="104">
        <v>11</v>
      </c>
      <c r="AJ26" s="101">
        <v>6</v>
      </c>
      <c r="AK26" s="102">
        <v>0</v>
      </c>
      <c r="AL26" s="103">
        <v>6</v>
      </c>
      <c r="AM26" s="413">
        <v>0</v>
      </c>
      <c r="AN26" s="102">
        <v>4</v>
      </c>
      <c r="AO26" s="102">
        <v>2</v>
      </c>
      <c r="AP26" s="102">
        <v>4</v>
      </c>
      <c r="AQ26" s="102">
        <v>0</v>
      </c>
      <c r="AR26" s="102">
        <v>2</v>
      </c>
      <c r="AS26" s="103">
        <v>12</v>
      </c>
      <c r="AT26" s="104">
        <v>18</v>
      </c>
      <c r="AU26" s="101">
        <v>7</v>
      </c>
      <c r="AV26" s="102">
        <v>8</v>
      </c>
      <c r="AW26" s="103">
        <v>15</v>
      </c>
      <c r="AX26" s="413">
        <v>0</v>
      </c>
      <c r="AY26" s="102">
        <v>6</v>
      </c>
      <c r="AZ26" s="102">
        <v>3</v>
      </c>
      <c r="BA26" s="102">
        <v>5</v>
      </c>
      <c r="BB26" s="102">
        <v>6</v>
      </c>
      <c r="BC26" s="102">
        <v>3</v>
      </c>
      <c r="BD26" s="103">
        <v>23</v>
      </c>
      <c r="BE26" s="104">
        <v>38</v>
      </c>
      <c r="BF26" s="101">
        <v>7</v>
      </c>
      <c r="BG26" s="102">
        <v>5</v>
      </c>
      <c r="BH26" s="103">
        <v>12</v>
      </c>
      <c r="BI26" s="413">
        <v>0</v>
      </c>
      <c r="BJ26" s="102">
        <v>8</v>
      </c>
      <c r="BK26" s="102">
        <v>8</v>
      </c>
      <c r="BL26" s="102">
        <v>7</v>
      </c>
      <c r="BM26" s="102">
        <v>4</v>
      </c>
      <c r="BN26" s="102">
        <v>4</v>
      </c>
      <c r="BO26" s="103">
        <v>31</v>
      </c>
      <c r="BP26" s="104">
        <v>43</v>
      </c>
      <c r="BQ26" s="101">
        <v>1</v>
      </c>
      <c r="BR26" s="102">
        <v>4</v>
      </c>
      <c r="BS26" s="103">
        <v>5</v>
      </c>
      <c r="BT26" s="413">
        <v>0</v>
      </c>
      <c r="BU26" s="102">
        <v>6</v>
      </c>
      <c r="BV26" s="102">
        <v>7</v>
      </c>
      <c r="BW26" s="102">
        <v>8</v>
      </c>
      <c r="BX26" s="102">
        <v>4</v>
      </c>
      <c r="BY26" s="102">
        <v>1</v>
      </c>
      <c r="BZ26" s="103">
        <v>26</v>
      </c>
      <c r="CA26" s="104">
        <v>31</v>
      </c>
      <c r="CB26" s="101">
        <v>0</v>
      </c>
      <c r="CC26" s="102">
        <v>0</v>
      </c>
      <c r="CD26" s="103">
        <v>0</v>
      </c>
      <c r="CE26" s="413">
        <v>0</v>
      </c>
      <c r="CF26" s="102">
        <v>0</v>
      </c>
      <c r="CG26" s="102">
        <v>0</v>
      </c>
      <c r="CH26" s="102">
        <v>0</v>
      </c>
      <c r="CI26" s="102">
        <v>0</v>
      </c>
      <c r="CJ26" s="102">
        <v>0</v>
      </c>
      <c r="CK26" s="103">
        <v>0</v>
      </c>
      <c r="CL26" s="104">
        <v>0</v>
      </c>
      <c r="CM26" s="101">
        <v>22</v>
      </c>
      <c r="CN26" s="102">
        <v>19</v>
      </c>
      <c r="CO26" s="103">
        <v>41</v>
      </c>
      <c r="CP26" s="413">
        <v>0</v>
      </c>
      <c r="CQ26" s="102">
        <v>24</v>
      </c>
      <c r="CR26" s="102">
        <v>25</v>
      </c>
      <c r="CS26" s="102">
        <v>27</v>
      </c>
      <c r="CT26" s="102">
        <v>14</v>
      </c>
      <c r="CU26" s="102">
        <v>13</v>
      </c>
      <c r="CV26" s="103">
        <v>103</v>
      </c>
      <c r="CW26" s="104">
        <v>144</v>
      </c>
      <c r="CX26" s="105">
        <v>8</v>
      </c>
      <c r="CY26" s="97">
        <v>10</v>
      </c>
      <c r="CZ26" s="98">
        <v>18</v>
      </c>
      <c r="DA26" s="413">
        <v>0</v>
      </c>
      <c r="DB26" s="97">
        <v>10</v>
      </c>
      <c r="DC26" s="97">
        <v>9</v>
      </c>
      <c r="DD26" s="97">
        <v>3</v>
      </c>
      <c r="DE26" s="97">
        <v>6</v>
      </c>
      <c r="DF26" s="97">
        <v>7</v>
      </c>
      <c r="DG26" s="99">
        <v>35</v>
      </c>
      <c r="DH26" s="100">
        <v>53</v>
      </c>
      <c r="DI26" s="101">
        <v>1</v>
      </c>
      <c r="DJ26" s="102">
        <v>2</v>
      </c>
      <c r="DK26" s="103">
        <v>3</v>
      </c>
      <c r="DL26" s="413">
        <v>0</v>
      </c>
      <c r="DM26" s="102">
        <v>0</v>
      </c>
      <c r="DN26" s="102">
        <v>0</v>
      </c>
      <c r="DO26" s="102">
        <v>0</v>
      </c>
      <c r="DP26" s="102">
        <v>0</v>
      </c>
      <c r="DQ26" s="102">
        <v>0</v>
      </c>
      <c r="DR26" s="103">
        <v>0</v>
      </c>
      <c r="DS26" s="104">
        <v>3</v>
      </c>
      <c r="DT26" s="101">
        <v>0</v>
      </c>
      <c r="DU26" s="102">
        <v>0</v>
      </c>
      <c r="DV26" s="103">
        <v>0</v>
      </c>
      <c r="DW26" s="413">
        <v>0</v>
      </c>
      <c r="DX26" s="102">
        <v>0</v>
      </c>
      <c r="DY26" s="102">
        <v>0</v>
      </c>
      <c r="DZ26" s="102">
        <v>0</v>
      </c>
      <c r="EA26" s="102">
        <v>0</v>
      </c>
      <c r="EB26" s="102">
        <v>0</v>
      </c>
      <c r="EC26" s="103">
        <v>0</v>
      </c>
      <c r="ED26" s="104">
        <v>0</v>
      </c>
      <c r="EE26" s="101">
        <v>1</v>
      </c>
      <c r="EF26" s="102">
        <v>1</v>
      </c>
      <c r="EG26" s="103">
        <v>2</v>
      </c>
      <c r="EH26" s="413">
        <v>0</v>
      </c>
      <c r="EI26" s="102">
        <v>0</v>
      </c>
      <c r="EJ26" s="102">
        <v>0</v>
      </c>
      <c r="EK26" s="102">
        <v>0</v>
      </c>
      <c r="EL26" s="102">
        <v>0</v>
      </c>
      <c r="EM26" s="102">
        <v>1</v>
      </c>
      <c r="EN26" s="103">
        <v>1</v>
      </c>
      <c r="EO26" s="104">
        <v>3</v>
      </c>
      <c r="EP26" s="101">
        <v>4</v>
      </c>
      <c r="EQ26" s="102">
        <v>5</v>
      </c>
      <c r="ER26" s="103">
        <v>9</v>
      </c>
      <c r="ES26" s="413">
        <v>0</v>
      </c>
      <c r="ET26" s="102">
        <v>2</v>
      </c>
      <c r="EU26" s="102">
        <v>2</v>
      </c>
      <c r="EV26" s="102">
        <v>1</v>
      </c>
      <c r="EW26" s="102">
        <v>1</v>
      </c>
      <c r="EX26" s="102">
        <v>1</v>
      </c>
      <c r="EY26" s="103">
        <v>7</v>
      </c>
      <c r="EZ26" s="104">
        <v>16</v>
      </c>
      <c r="FA26" s="101">
        <v>1</v>
      </c>
      <c r="FB26" s="102">
        <v>1</v>
      </c>
      <c r="FC26" s="103">
        <v>2</v>
      </c>
      <c r="FD26" s="413">
        <v>0</v>
      </c>
      <c r="FE26" s="102">
        <v>1</v>
      </c>
      <c r="FF26" s="102">
        <v>3</v>
      </c>
      <c r="FG26" s="102">
        <v>1</v>
      </c>
      <c r="FH26" s="102">
        <v>1</v>
      </c>
      <c r="FI26" s="102">
        <v>1</v>
      </c>
      <c r="FJ26" s="103">
        <v>7</v>
      </c>
      <c r="FK26" s="104">
        <v>9</v>
      </c>
      <c r="FL26" s="101">
        <v>1</v>
      </c>
      <c r="FM26" s="102">
        <v>1</v>
      </c>
      <c r="FN26" s="103">
        <v>2</v>
      </c>
      <c r="FO26" s="413">
        <v>0</v>
      </c>
      <c r="FP26" s="102">
        <v>7</v>
      </c>
      <c r="FQ26" s="102">
        <v>4</v>
      </c>
      <c r="FR26" s="102">
        <v>1</v>
      </c>
      <c r="FS26" s="102">
        <v>4</v>
      </c>
      <c r="FT26" s="102">
        <v>4</v>
      </c>
      <c r="FU26" s="103">
        <v>20</v>
      </c>
      <c r="FV26" s="104">
        <v>22</v>
      </c>
      <c r="FW26" s="101">
        <v>0</v>
      </c>
      <c r="FX26" s="102">
        <v>0</v>
      </c>
      <c r="FY26" s="103">
        <v>0</v>
      </c>
      <c r="FZ26" s="413">
        <v>0</v>
      </c>
      <c r="GA26" s="102">
        <v>0</v>
      </c>
      <c r="GB26" s="102">
        <v>0</v>
      </c>
      <c r="GC26" s="102">
        <v>0</v>
      </c>
      <c r="GD26" s="102">
        <v>0</v>
      </c>
      <c r="GE26" s="102">
        <v>0</v>
      </c>
      <c r="GF26" s="103">
        <v>0</v>
      </c>
      <c r="GG26" s="104">
        <v>0</v>
      </c>
      <c r="GH26" s="101">
        <v>8</v>
      </c>
      <c r="GI26" s="102">
        <v>10</v>
      </c>
      <c r="GJ26" s="103">
        <v>18</v>
      </c>
      <c r="GK26" s="413">
        <v>0</v>
      </c>
      <c r="GL26" s="102">
        <v>10</v>
      </c>
      <c r="GM26" s="102">
        <v>9</v>
      </c>
      <c r="GN26" s="102">
        <v>3</v>
      </c>
      <c r="GO26" s="102">
        <v>6</v>
      </c>
      <c r="GP26" s="102">
        <v>7</v>
      </c>
      <c r="GQ26" s="103">
        <v>35</v>
      </c>
      <c r="GR26" s="104">
        <v>53</v>
      </c>
      <c r="GS26" s="105">
        <v>30</v>
      </c>
      <c r="GT26" s="97">
        <v>29</v>
      </c>
      <c r="GU26" s="98">
        <v>59</v>
      </c>
      <c r="GV26" s="413">
        <v>0</v>
      </c>
      <c r="GW26" s="97">
        <v>34</v>
      </c>
      <c r="GX26" s="97">
        <v>34</v>
      </c>
      <c r="GY26" s="97">
        <v>30</v>
      </c>
      <c r="GZ26" s="97">
        <v>20</v>
      </c>
      <c r="HA26" s="97">
        <v>20</v>
      </c>
      <c r="HB26" s="99">
        <v>138</v>
      </c>
      <c r="HC26" s="100">
        <v>197</v>
      </c>
      <c r="HD26" s="101">
        <v>1</v>
      </c>
      <c r="HE26" s="102">
        <v>4</v>
      </c>
      <c r="HF26" s="103">
        <v>5</v>
      </c>
      <c r="HG26" s="413">
        <v>0</v>
      </c>
      <c r="HH26" s="102">
        <v>0</v>
      </c>
      <c r="HI26" s="102">
        <v>0</v>
      </c>
      <c r="HJ26" s="102">
        <v>1</v>
      </c>
      <c r="HK26" s="102">
        <v>0</v>
      </c>
      <c r="HL26" s="102">
        <v>0</v>
      </c>
      <c r="HM26" s="103">
        <v>1</v>
      </c>
      <c r="HN26" s="104">
        <v>6</v>
      </c>
      <c r="HO26" s="101">
        <v>1</v>
      </c>
      <c r="HP26" s="102">
        <v>0</v>
      </c>
      <c r="HQ26" s="103">
        <v>1</v>
      </c>
      <c r="HR26" s="413">
        <v>0</v>
      </c>
      <c r="HS26" s="102">
        <v>0</v>
      </c>
      <c r="HT26" s="102">
        <v>5</v>
      </c>
      <c r="HU26" s="102">
        <v>2</v>
      </c>
      <c r="HV26" s="102">
        <v>0</v>
      </c>
      <c r="HW26" s="102">
        <v>3</v>
      </c>
      <c r="HX26" s="103">
        <v>10</v>
      </c>
      <c r="HY26" s="104">
        <v>11</v>
      </c>
      <c r="HZ26" s="101">
        <v>7</v>
      </c>
      <c r="IA26" s="102">
        <v>1</v>
      </c>
      <c r="IB26" s="103">
        <v>8</v>
      </c>
      <c r="IC26" s="413">
        <v>0</v>
      </c>
      <c r="ID26" s="102">
        <v>4</v>
      </c>
      <c r="IE26" s="102">
        <v>2</v>
      </c>
      <c r="IF26" s="102">
        <v>4</v>
      </c>
      <c r="IG26" s="102">
        <v>0</v>
      </c>
      <c r="IH26" s="102">
        <v>3</v>
      </c>
      <c r="II26" s="103">
        <v>13</v>
      </c>
      <c r="IJ26" s="104">
        <v>21</v>
      </c>
      <c r="IK26" s="101">
        <v>11</v>
      </c>
      <c r="IL26" s="102">
        <v>13</v>
      </c>
      <c r="IM26" s="103">
        <v>24</v>
      </c>
      <c r="IN26" s="413">
        <v>0</v>
      </c>
      <c r="IO26" s="102">
        <v>8</v>
      </c>
      <c r="IP26" s="102">
        <v>5</v>
      </c>
      <c r="IQ26" s="102">
        <v>6</v>
      </c>
      <c r="IR26" s="102">
        <v>7</v>
      </c>
      <c r="IS26" s="102">
        <v>4</v>
      </c>
      <c r="IT26" s="103">
        <v>30</v>
      </c>
      <c r="IU26" s="104">
        <v>54</v>
      </c>
      <c r="IV26" s="101">
        <v>8</v>
      </c>
      <c r="IW26" s="102">
        <v>6</v>
      </c>
      <c r="IX26" s="103">
        <v>14</v>
      </c>
      <c r="IY26" s="413">
        <v>0</v>
      </c>
      <c r="IZ26" s="102">
        <v>9</v>
      </c>
      <c r="JA26" s="102">
        <v>11</v>
      </c>
      <c r="JB26" s="102">
        <v>8</v>
      </c>
      <c r="JC26" s="102">
        <v>5</v>
      </c>
      <c r="JD26" s="102">
        <v>5</v>
      </c>
      <c r="JE26" s="103">
        <v>38</v>
      </c>
      <c r="JF26" s="104">
        <v>52</v>
      </c>
      <c r="JG26" s="101">
        <v>2</v>
      </c>
      <c r="JH26" s="102">
        <v>5</v>
      </c>
      <c r="JI26" s="103">
        <v>7</v>
      </c>
      <c r="JJ26" s="413">
        <v>0</v>
      </c>
      <c r="JK26" s="102">
        <v>13</v>
      </c>
      <c r="JL26" s="102">
        <v>11</v>
      </c>
      <c r="JM26" s="102">
        <v>9</v>
      </c>
      <c r="JN26" s="102">
        <v>8</v>
      </c>
      <c r="JO26" s="102">
        <v>5</v>
      </c>
      <c r="JP26" s="103">
        <v>46</v>
      </c>
      <c r="JQ26" s="104">
        <v>53</v>
      </c>
      <c r="JR26" s="101">
        <v>0</v>
      </c>
      <c r="JS26" s="102">
        <v>0</v>
      </c>
      <c r="JT26" s="103">
        <v>0</v>
      </c>
      <c r="JU26" s="413">
        <v>0</v>
      </c>
      <c r="JV26" s="102">
        <v>0</v>
      </c>
      <c r="JW26" s="102">
        <v>0</v>
      </c>
      <c r="JX26" s="102">
        <v>0</v>
      </c>
      <c r="JY26" s="102">
        <v>0</v>
      </c>
      <c r="JZ26" s="102">
        <v>0</v>
      </c>
      <c r="KA26" s="103">
        <v>0</v>
      </c>
      <c r="KB26" s="104">
        <v>0</v>
      </c>
      <c r="KC26" s="101">
        <v>30</v>
      </c>
      <c r="KD26" s="102">
        <v>29</v>
      </c>
      <c r="KE26" s="103">
        <v>59</v>
      </c>
      <c r="KF26" s="413">
        <v>0</v>
      </c>
      <c r="KG26" s="102">
        <v>34</v>
      </c>
      <c r="KH26" s="102">
        <v>34</v>
      </c>
      <c r="KI26" s="102">
        <v>30</v>
      </c>
      <c r="KJ26" s="102">
        <v>20</v>
      </c>
      <c r="KK26" s="102">
        <v>20</v>
      </c>
      <c r="KL26" s="103">
        <v>138</v>
      </c>
      <c r="KM26" s="104">
        <v>197</v>
      </c>
    </row>
    <row r="27" spans="2:299" s="70" customFormat="1" ht="21" customHeight="1" x14ac:dyDescent="0.2">
      <c r="B27" s="106" t="s">
        <v>24</v>
      </c>
      <c r="C27" s="96">
        <v>24</v>
      </c>
      <c r="D27" s="97">
        <v>20</v>
      </c>
      <c r="E27" s="98">
        <v>44</v>
      </c>
      <c r="F27" s="413">
        <v>0</v>
      </c>
      <c r="G27" s="97">
        <v>31</v>
      </c>
      <c r="H27" s="97">
        <v>26</v>
      </c>
      <c r="I27" s="97">
        <v>13</v>
      </c>
      <c r="J27" s="97">
        <v>11</v>
      </c>
      <c r="K27" s="97">
        <v>12</v>
      </c>
      <c r="L27" s="99">
        <v>93</v>
      </c>
      <c r="M27" s="100">
        <v>137</v>
      </c>
      <c r="N27" s="101">
        <v>0</v>
      </c>
      <c r="O27" s="102">
        <v>0</v>
      </c>
      <c r="P27" s="103">
        <v>0</v>
      </c>
      <c r="Q27" s="413">
        <v>0</v>
      </c>
      <c r="R27" s="102">
        <v>1</v>
      </c>
      <c r="S27" s="102">
        <v>0</v>
      </c>
      <c r="T27" s="102">
        <v>0</v>
      </c>
      <c r="U27" s="102">
        <v>1</v>
      </c>
      <c r="V27" s="102">
        <v>0</v>
      </c>
      <c r="W27" s="103">
        <v>2</v>
      </c>
      <c r="X27" s="104">
        <v>2</v>
      </c>
      <c r="Y27" s="101">
        <v>1</v>
      </c>
      <c r="Z27" s="102">
        <v>1</v>
      </c>
      <c r="AA27" s="103">
        <v>2</v>
      </c>
      <c r="AB27" s="413">
        <v>0</v>
      </c>
      <c r="AC27" s="102">
        <v>1</v>
      </c>
      <c r="AD27" s="102">
        <v>1</v>
      </c>
      <c r="AE27" s="102">
        <v>0</v>
      </c>
      <c r="AF27" s="102">
        <v>1</v>
      </c>
      <c r="AG27" s="102">
        <v>1</v>
      </c>
      <c r="AH27" s="103">
        <v>4</v>
      </c>
      <c r="AI27" s="104">
        <v>6</v>
      </c>
      <c r="AJ27" s="101">
        <v>2</v>
      </c>
      <c r="AK27" s="102">
        <v>0</v>
      </c>
      <c r="AL27" s="103">
        <v>2</v>
      </c>
      <c r="AM27" s="413">
        <v>0</v>
      </c>
      <c r="AN27" s="102">
        <v>4</v>
      </c>
      <c r="AO27" s="102">
        <v>2</v>
      </c>
      <c r="AP27" s="102">
        <v>2</v>
      </c>
      <c r="AQ27" s="102">
        <v>0</v>
      </c>
      <c r="AR27" s="102">
        <v>1</v>
      </c>
      <c r="AS27" s="103">
        <v>9</v>
      </c>
      <c r="AT27" s="104">
        <v>11</v>
      </c>
      <c r="AU27" s="101">
        <v>5</v>
      </c>
      <c r="AV27" s="102">
        <v>3</v>
      </c>
      <c r="AW27" s="103">
        <v>8</v>
      </c>
      <c r="AX27" s="413">
        <v>0</v>
      </c>
      <c r="AY27" s="102">
        <v>8</v>
      </c>
      <c r="AZ27" s="102">
        <v>6</v>
      </c>
      <c r="BA27" s="102">
        <v>1</v>
      </c>
      <c r="BB27" s="102">
        <v>3</v>
      </c>
      <c r="BC27" s="102">
        <v>2</v>
      </c>
      <c r="BD27" s="103">
        <v>20</v>
      </c>
      <c r="BE27" s="104">
        <v>28</v>
      </c>
      <c r="BF27" s="101">
        <v>7</v>
      </c>
      <c r="BG27" s="102">
        <v>7</v>
      </c>
      <c r="BH27" s="103">
        <v>14</v>
      </c>
      <c r="BI27" s="413">
        <v>0</v>
      </c>
      <c r="BJ27" s="102">
        <v>13</v>
      </c>
      <c r="BK27" s="102">
        <v>7</v>
      </c>
      <c r="BL27" s="102">
        <v>6</v>
      </c>
      <c r="BM27" s="102">
        <v>2</v>
      </c>
      <c r="BN27" s="102">
        <v>3</v>
      </c>
      <c r="BO27" s="103">
        <v>31</v>
      </c>
      <c r="BP27" s="104">
        <v>45</v>
      </c>
      <c r="BQ27" s="101">
        <v>9</v>
      </c>
      <c r="BR27" s="102">
        <v>9</v>
      </c>
      <c r="BS27" s="103">
        <v>18</v>
      </c>
      <c r="BT27" s="413">
        <v>0</v>
      </c>
      <c r="BU27" s="102">
        <v>4</v>
      </c>
      <c r="BV27" s="102">
        <v>10</v>
      </c>
      <c r="BW27" s="102">
        <v>4</v>
      </c>
      <c r="BX27" s="102">
        <v>4</v>
      </c>
      <c r="BY27" s="102">
        <v>5</v>
      </c>
      <c r="BZ27" s="103">
        <v>27</v>
      </c>
      <c r="CA27" s="104">
        <v>45</v>
      </c>
      <c r="CB27" s="101">
        <v>0</v>
      </c>
      <c r="CC27" s="102">
        <v>0</v>
      </c>
      <c r="CD27" s="103">
        <v>0</v>
      </c>
      <c r="CE27" s="413">
        <v>0</v>
      </c>
      <c r="CF27" s="102">
        <v>0</v>
      </c>
      <c r="CG27" s="102">
        <v>0</v>
      </c>
      <c r="CH27" s="102">
        <v>0</v>
      </c>
      <c r="CI27" s="102">
        <v>0</v>
      </c>
      <c r="CJ27" s="102">
        <v>0</v>
      </c>
      <c r="CK27" s="103">
        <v>0</v>
      </c>
      <c r="CL27" s="104">
        <v>0</v>
      </c>
      <c r="CM27" s="101">
        <v>24</v>
      </c>
      <c r="CN27" s="102">
        <v>20</v>
      </c>
      <c r="CO27" s="103">
        <v>44</v>
      </c>
      <c r="CP27" s="413">
        <v>0</v>
      </c>
      <c r="CQ27" s="102">
        <v>31</v>
      </c>
      <c r="CR27" s="102">
        <v>26</v>
      </c>
      <c r="CS27" s="102">
        <v>13</v>
      </c>
      <c r="CT27" s="102">
        <v>11</v>
      </c>
      <c r="CU27" s="102">
        <v>12</v>
      </c>
      <c r="CV27" s="103">
        <v>93</v>
      </c>
      <c r="CW27" s="104">
        <v>137</v>
      </c>
      <c r="CX27" s="105">
        <v>9</v>
      </c>
      <c r="CY27" s="97">
        <v>8</v>
      </c>
      <c r="CZ27" s="98">
        <v>17</v>
      </c>
      <c r="DA27" s="413">
        <v>0</v>
      </c>
      <c r="DB27" s="97">
        <v>9</v>
      </c>
      <c r="DC27" s="97">
        <v>7</v>
      </c>
      <c r="DD27" s="97">
        <v>4</v>
      </c>
      <c r="DE27" s="97">
        <v>5</v>
      </c>
      <c r="DF27" s="97">
        <v>2</v>
      </c>
      <c r="DG27" s="99">
        <v>27</v>
      </c>
      <c r="DH27" s="100">
        <v>44</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2</v>
      </c>
      <c r="EF27" s="102">
        <v>1</v>
      </c>
      <c r="EG27" s="103">
        <v>3</v>
      </c>
      <c r="EH27" s="413">
        <v>0</v>
      </c>
      <c r="EI27" s="102">
        <v>2</v>
      </c>
      <c r="EJ27" s="102">
        <v>1</v>
      </c>
      <c r="EK27" s="102">
        <v>0</v>
      </c>
      <c r="EL27" s="102">
        <v>0</v>
      </c>
      <c r="EM27" s="102">
        <v>0</v>
      </c>
      <c r="EN27" s="103">
        <v>3</v>
      </c>
      <c r="EO27" s="104">
        <v>6</v>
      </c>
      <c r="EP27" s="101">
        <v>3</v>
      </c>
      <c r="EQ27" s="102">
        <v>2</v>
      </c>
      <c r="ER27" s="103">
        <v>5</v>
      </c>
      <c r="ES27" s="413">
        <v>0</v>
      </c>
      <c r="ET27" s="102">
        <v>3</v>
      </c>
      <c r="EU27" s="102">
        <v>1</v>
      </c>
      <c r="EV27" s="102">
        <v>1</v>
      </c>
      <c r="EW27" s="102">
        <v>1</v>
      </c>
      <c r="EX27" s="102">
        <v>0</v>
      </c>
      <c r="EY27" s="103">
        <v>6</v>
      </c>
      <c r="EZ27" s="104">
        <v>11</v>
      </c>
      <c r="FA27" s="101">
        <v>2</v>
      </c>
      <c r="FB27" s="102">
        <v>1</v>
      </c>
      <c r="FC27" s="103">
        <v>3</v>
      </c>
      <c r="FD27" s="413">
        <v>0</v>
      </c>
      <c r="FE27" s="102">
        <v>3</v>
      </c>
      <c r="FF27" s="102">
        <v>3</v>
      </c>
      <c r="FG27" s="102">
        <v>0</v>
      </c>
      <c r="FH27" s="102">
        <v>0</v>
      </c>
      <c r="FI27" s="102">
        <v>1</v>
      </c>
      <c r="FJ27" s="103">
        <v>7</v>
      </c>
      <c r="FK27" s="104">
        <v>10</v>
      </c>
      <c r="FL27" s="101">
        <v>2</v>
      </c>
      <c r="FM27" s="102">
        <v>4</v>
      </c>
      <c r="FN27" s="103">
        <v>6</v>
      </c>
      <c r="FO27" s="413">
        <v>0</v>
      </c>
      <c r="FP27" s="102">
        <v>1</v>
      </c>
      <c r="FQ27" s="102">
        <v>2</v>
      </c>
      <c r="FR27" s="102">
        <v>3</v>
      </c>
      <c r="FS27" s="102">
        <v>4</v>
      </c>
      <c r="FT27" s="102">
        <v>1</v>
      </c>
      <c r="FU27" s="103">
        <v>11</v>
      </c>
      <c r="FV27" s="104">
        <v>17</v>
      </c>
      <c r="FW27" s="101">
        <v>0</v>
      </c>
      <c r="FX27" s="102">
        <v>0</v>
      </c>
      <c r="FY27" s="103">
        <v>0</v>
      </c>
      <c r="FZ27" s="413">
        <v>0</v>
      </c>
      <c r="GA27" s="102">
        <v>0</v>
      </c>
      <c r="GB27" s="102">
        <v>0</v>
      </c>
      <c r="GC27" s="102">
        <v>0</v>
      </c>
      <c r="GD27" s="102">
        <v>0</v>
      </c>
      <c r="GE27" s="102">
        <v>0</v>
      </c>
      <c r="GF27" s="103">
        <v>0</v>
      </c>
      <c r="GG27" s="104">
        <v>0</v>
      </c>
      <c r="GH27" s="101">
        <v>9</v>
      </c>
      <c r="GI27" s="102">
        <v>8</v>
      </c>
      <c r="GJ27" s="103">
        <v>17</v>
      </c>
      <c r="GK27" s="413">
        <v>0</v>
      </c>
      <c r="GL27" s="102">
        <v>9</v>
      </c>
      <c r="GM27" s="102">
        <v>7</v>
      </c>
      <c r="GN27" s="102">
        <v>4</v>
      </c>
      <c r="GO27" s="102">
        <v>5</v>
      </c>
      <c r="GP27" s="102">
        <v>2</v>
      </c>
      <c r="GQ27" s="103">
        <v>27</v>
      </c>
      <c r="GR27" s="104">
        <v>44</v>
      </c>
      <c r="GS27" s="105">
        <v>33</v>
      </c>
      <c r="GT27" s="97">
        <v>28</v>
      </c>
      <c r="GU27" s="98">
        <v>61</v>
      </c>
      <c r="GV27" s="413">
        <v>0</v>
      </c>
      <c r="GW27" s="97">
        <v>40</v>
      </c>
      <c r="GX27" s="97">
        <v>33</v>
      </c>
      <c r="GY27" s="97">
        <v>17</v>
      </c>
      <c r="GZ27" s="97">
        <v>16</v>
      </c>
      <c r="HA27" s="97">
        <v>14</v>
      </c>
      <c r="HB27" s="99">
        <v>120</v>
      </c>
      <c r="HC27" s="100">
        <v>181</v>
      </c>
      <c r="HD27" s="101">
        <v>0</v>
      </c>
      <c r="HE27" s="102">
        <v>0</v>
      </c>
      <c r="HF27" s="103">
        <v>0</v>
      </c>
      <c r="HG27" s="413">
        <v>0</v>
      </c>
      <c r="HH27" s="102">
        <v>1</v>
      </c>
      <c r="HI27" s="102">
        <v>0</v>
      </c>
      <c r="HJ27" s="102">
        <v>0</v>
      </c>
      <c r="HK27" s="102">
        <v>1</v>
      </c>
      <c r="HL27" s="102">
        <v>0</v>
      </c>
      <c r="HM27" s="103">
        <v>2</v>
      </c>
      <c r="HN27" s="104">
        <v>2</v>
      </c>
      <c r="HO27" s="101">
        <v>1</v>
      </c>
      <c r="HP27" s="102">
        <v>1</v>
      </c>
      <c r="HQ27" s="103">
        <v>2</v>
      </c>
      <c r="HR27" s="413">
        <v>0</v>
      </c>
      <c r="HS27" s="102">
        <v>1</v>
      </c>
      <c r="HT27" s="102">
        <v>1</v>
      </c>
      <c r="HU27" s="102">
        <v>0</v>
      </c>
      <c r="HV27" s="102">
        <v>1</v>
      </c>
      <c r="HW27" s="102">
        <v>1</v>
      </c>
      <c r="HX27" s="103">
        <v>4</v>
      </c>
      <c r="HY27" s="104">
        <v>6</v>
      </c>
      <c r="HZ27" s="101">
        <v>4</v>
      </c>
      <c r="IA27" s="102">
        <v>1</v>
      </c>
      <c r="IB27" s="103">
        <v>5</v>
      </c>
      <c r="IC27" s="413">
        <v>0</v>
      </c>
      <c r="ID27" s="102">
        <v>6</v>
      </c>
      <c r="IE27" s="102">
        <v>3</v>
      </c>
      <c r="IF27" s="102">
        <v>2</v>
      </c>
      <c r="IG27" s="102">
        <v>0</v>
      </c>
      <c r="IH27" s="102">
        <v>1</v>
      </c>
      <c r="II27" s="103">
        <v>12</v>
      </c>
      <c r="IJ27" s="104">
        <v>17</v>
      </c>
      <c r="IK27" s="101">
        <v>8</v>
      </c>
      <c r="IL27" s="102">
        <v>5</v>
      </c>
      <c r="IM27" s="103">
        <v>13</v>
      </c>
      <c r="IN27" s="413">
        <v>0</v>
      </c>
      <c r="IO27" s="102">
        <v>11</v>
      </c>
      <c r="IP27" s="102">
        <v>7</v>
      </c>
      <c r="IQ27" s="102">
        <v>2</v>
      </c>
      <c r="IR27" s="102">
        <v>4</v>
      </c>
      <c r="IS27" s="102">
        <v>2</v>
      </c>
      <c r="IT27" s="103">
        <v>26</v>
      </c>
      <c r="IU27" s="104">
        <v>39</v>
      </c>
      <c r="IV27" s="101">
        <v>9</v>
      </c>
      <c r="IW27" s="102">
        <v>8</v>
      </c>
      <c r="IX27" s="103">
        <v>17</v>
      </c>
      <c r="IY27" s="413">
        <v>0</v>
      </c>
      <c r="IZ27" s="102">
        <v>16</v>
      </c>
      <c r="JA27" s="102">
        <v>10</v>
      </c>
      <c r="JB27" s="102">
        <v>6</v>
      </c>
      <c r="JC27" s="102">
        <v>2</v>
      </c>
      <c r="JD27" s="102">
        <v>4</v>
      </c>
      <c r="JE27" s="103">
        <v>38</v>
      </c>
      <c r="JF27" s="104">
        <v>55</v>
      </c>
      <c r="JG27" s="101">
        <v>11</v>
      </c>
      <c r="JH27" s="102">
        <v>13</v>
      </c>
      <c r="JI27" s="103">
        <v>24</v>
      </c>
      <c r="JJ27" s="413">
        <v>0</v>
      </c>
      <c r="JK27" s="102">
        <v>5</v>
      </c>
      <c r="JL27" s="102">
        <v>12</v>
      </c>
      <c r="JM27" s="102">
        <v>7</v>
      </c>
      <c r="JN27" s="102">
        <v>8</v>
      </c>
      <c r="JO27" s="102">
        <v>6</v>
      </c>
      <c r="JP27" s="103">
        <v>38</v>
      </c>
      <c r="JQ27" s="104">
        <v>62</v>
      </c>
      <c r="JR27" s="101">
        <v>0</v>
      </c>
      <c r="JS27" s="102">
        <v>0</v>
      </c>
      <c r="JT27" s="103">
        <v>0</v>
      </c>
      <c r="JU27" s="413">
        <v>0</v>
      </c>
      <c r="JV27" s="102">
        <v>0</v>
      </c>
      <c r="JW27" s="102">
        <v>0</v>
      </c>
      <c r="JX27" s="102">
        <v>0</v>
      </c>
      <c r="JY27" s="102">
        <v>0</v>
      </c>
      <c r="JZ27" s="102">
        <v>0</v>
      </c>
      <c r="KA27" s="103">
        <v>0</v>
      </c>
      <c r="KB27" s="104">
        <v>0</v>
      </c>
      <c r="KC27" s="101">
        <v>33</v>
      </c>
      <c r="KD27" s="102">
        <v>28</v>
      </c>
      <c r="KE27" s="103">
        <v>61</v>
      </c>
      <c r="KF27" s="413">
        <v>0</v>
      </c>
      <c r="KG27" s="102">
        <v>40</v>
      </c>
      <c r="KH27" s="102">
        <v>33</v>
      </c>
      <c r="KI27" s="102">
        <v>17</v>
      </c>
      <c r="KJ27" s="102">
        <v>16</v>
      </c>
      <c r="KK27" s="102">
        <v>14</v>
      </c>
      <c r="KL27" s="103">
        <v>120</v>
      </c>
      <c r="KM27" s="104">
        <v>181</v>
      </c>
    </row>
    <row r="28" spans="2:299" s="70" customFormat="1" ht="21" customHeight="1" x14ac:dyDescent="0.2">
      <c r="B28" s="106" t="s">
        <v>25</v>
      </c>
      <c r="C28" s="96">
        <v>12</v>
      </c>
      <c r="D28" s="97">
        <v>14</v>
      </c>
      <c r="E28" s="98">
        <v>26</v>
      </c>
      <c r="F28" s="413">
        <v>0</v>
      </c>
      <c r="G28" s="97">
        <v>7</v>
      </c>
      <c r="H28" s="97">
        <v>11</v>
      </c>
      <c r="I28" s="97">
        <v>10</v>
      </c>
      <c r="J28" s="97">
        <v>4</v>
      </c>
      <c r="K28" s="97">
        <v>7</v>
      </c>
      <c r="L28" s="99">
        <v>39</v>
      </c>
      <c r="M28" s="100">
        <v>65</v>
      </c>
      <c r="N28" s="101">
        <v>0</v>
      </c>
      <c r="O28" s="102">
        <v>2</v>
      </c>
      <c r="P28" s="103">
        <v>2</v>
      </c>
      <c r="Q28" s="413">
        <v>0</v>
      </c>
      <c r="R28" s="102">
        <v>0</v>
      </c>
      <c r="S28" s="102">
        <v>0</v>
      </c>
      <c r="T28" s="102">
        <v>1</v>
      </c>
      <c r="U28" s="102">
        <v>1</v>
      </c>
      <c r="V28" s="102">
        <v>0</v>
      </c>
      <c r="W28" s="103">
        <v>2</v>
      </c>
      <c r="X28" s="104">
        <v>4</v>
      </c>
      <c r="Y28" s="101">
        <v>3</v>
      </c>
      <c r="Z28" s="102">
        <v>2</v>
      </c>
      <c r="AA28" s="103">
        <v>5</v>
      </c>
      <c r="AB28" s="413">
        <v>0</v>
      </c>
      <c r="AC28" s="102">
        <v>1</v>
      </c>
      <c r="AD28" s="102">
        <v>2</v>
      </c>
      <c r="AE28" s="102">
        <v>2</v>
      </c>
      <c r="AF28" s="102">
        <v>0</v>
      </c>
      <c r="AG28" s="102">
        <v>2</v>
      </c>
      <c r="AH28" s="103">
        <v>7</v>
      </c>
      <c r="AI28" s="104">
        <v>12</v>
      </c>
      <c r="AJ28" s="101">
        <v>0</v>
      </c>
      <c r="AK28" s="102">
        <v>0</v>
      </c>
      <c r="AL28" s="103">
        <v>0</v>
      </c>
      <c r="AM28" s="413">
        <v>0</v>
      </c>
      <c r="AN28" s="102">
        <v>1</v>
      </c>
      <c r="AO28" s="102">
        <v>0</v>
      </c>
      <c r="AP28" s="102">
        <v>1</v>
      </c>
      <c r="AQ28" s="102">
        <v>1</v>
      </c>
      <c r="AR28" s="102">
        <v>0</v>
      </c>
      <c r="AS28" s="103">
        <v>3</v>
      </c>
      <c r="AT28" s="104">
        <v>3</v>
      </c>
      <c r="AU28" s="101">
        <v>4</v>
      </c>
      <c r="AV28" s="102">
        <v>6</v>
      </c>
      <c r="AW28" s="103">
        <v>10</v>
      </c>
      <c r="AX28" s="413">
        <v>0</v>
      </c>
      <c r="AY28" s="102">
        <v>3</v>
      </c>
      <c r="AZ28" s="102">
        <v>2</v>
      </c>
      <c r="BA28" s="102">
        <v>1</v>
      </c>
      <c r="BB28" s="102">
        <v>0</v>
      </c>
      <c r="BC28" s="102">
        <v>2</v>
      </c>
      <c r="BD28" s="103">
        <v>8</v>
      </c>
      <c r="BE28" s="104">
        <v>18</v>
      </c>
      <c r="BF28" s="101">
        <v>2</v>
      </c>
      <c r="BG28" s="102">
        <v>2</v>
      </c>
      <c r="BH28" s="103">
        <v>4</v>
      </c>
      <c r="BI28" s="413">
        <v>0</v>
      </c>
      <c r="BJ28" s="102">
        <v>1</v>
      </c>
      <c r="BK28" s="102">
        <v>2</v>
      </c>
      <c r="BL28" s="102">
        <v>2</v>
      </c>
      <c r="BM28" s="102">
        <v>1</v>
      </c>
      <c r="BN28" s="102">
        <v>1</v>
      </c>
      <c r="BO28" s="103">
        <v>7</v>
      </c>
      <c r="BP28" s="104">
        <v>11</v>
      </c>
      <c r="BQ28" s="101">
        <v>3</v>
      </c>
      <c r="BR28" s="102">
        <v>2</v>
      </c>
      <c r="BS28" s="103">
        <v>5</v>
      </c>
      <c r="BT28" s="413">
        <v>0</v>
      </c>
      <c r="BU28" s="102">
        <v>1</v>
      </c>
      <c r="BV28" s="102">
        <v>5</v>
      </c>
      <c r="BW28" s="102">
        <v>3</v>
      </c>
      <c r="BX28" s="102">
        <v>1</v>
      </c>
      <c r="BY28" s="102">
        <v>2</v>
      </c>
      <c r="BZ28" s="103">
        <v>12</v>
      </c>
      <c r="CA28" s="104">
        <v>17</v>
      </c>
      <c r="CB28" s="101">
        <v>0</v>
      </c>
      <c r="CC28" s="102">
        <v>0</v>
      </c>
      <c r="CD28" s="103">
        <v>0</v>
      </c>
      <c r="CE28" s="413">
        <v>0</v>
      </c>
      <c r="CF28" s="102">
        <v>0</v>
      </c>
      <c r="CG28" s="102">
        <v>0</v>
      </c>
      <c r="CH28" s="102">
        <v>0</v>
      </c>
      <c r="CI28" s="102">
        <v>0</v>
      </c>
      <c r="CJ28" s="102">
        <v>0</v>
      </c>
      <c r="CK28" s="103">
        <v>0</v>
      </c>
      <c r="CL28" s="104">
        <v>0</v>
      </c>
      <c r="CM28" s="101">
        <v>12</v>
      </c>
      <c r="CN28" s="102">
        <v>14</v>
      </c>
      <c r="CO28" s="103">
        <v>26</v>
      </c>
      <c r="CP28" s="413">
        <v>0</v>
      </c>
      <c r="CQ28" s="102">
        <v>7</v>
      </c>
      <c r="CR28" s="102">
        <v>11</v>
      </c>
      <c r="CS28" s="102">
        <v>10</v>
      </c>
      <c r="CT28" s="102">
        <v>4</v>
      </c>
      <c r="CU28" s="102">
        <v>7</v>
      </c>
      <c r="CV28" s="103">
        <v>39</v>
      </c>
      <c r="CW28" s="104">
        <v>65</v>
      </c>
      <c r="CX28" s="105">
        <v>7</v>
      </c>
      <c r="CY28" s="97">
        <v>10</v>
      </c>
      <c r="CZ28" s="98">
        <v>17</v>
      </c>
      <c r="DA28" s="413">
        <v>0</v>
      </c>
      <c r="DB28" s="97">
        <v>7</v>
      </c>
      <c r="DC28" s="97">
        <v>5</v>
      </c>
      <c r="DD28" s="97">
        <v>7</v>
      </c>
      <c r="DE28" s="97">
        <v>4</v>
      </c>
      <c r="DF28" s="97">
        <v>2</v>
      </c>
      <c r="DG28" s="99">
        <v>25</v>
      </c>
      <c r="DH28" s="100">
        <v>42</v>
      </c>
      <c r="DI28" s="101">
        <v>0</v>
      </c>
      <c r="DJ28" s="102">
        <v>0</v>
      </c>
      <c r="DK28" s="103">
        <v>0</v>
      </c>
      <c r="DL28" s="413">
        <v>0</v>
      </c>
      <c r="DM28" s="102">
        <v>0</v>
      </c>
      <c r="DN28" s="102">
        <v>0</v>
      </c>
      <c r="DO28" s="102">
        <v>0</v>
      </c>
      <c r="DP28" s="102">
        <v>0</v>
      </c>
      <c r="DQ28" s="102">
        <v>0</v>
      </c>
      <c r="DR28" s="103">
        <v>0</v>
      </c>
      <c r="DS28" s="104">
        <v>0</v>
      </c>
      <c r="DT28" s="101">
        <v>1</v>
      </c>
      <c r="DU28" s="102">
        <v>0</v>
      </c>
      <c r="DV28" s="103">
        <v>1</v>
      </c>
      <c r="DW28" s="413">
        <v>0</v>
      </c>
      <c r="DX28" s="102">
        <v>2</v>
      </c>
      <c r="DY28" s="102">
        <v>0</v>
      </c>
      <c r="DZ28" s="102">
        <v>0</v>
      </c>
      <c r="EA28" s="102">
        <v>0</v>
      </c>
      <c r="EB28" s="102">
        <v>1</v>
      </c>
      <c r="EC28" s="103">
        <v>3</v>
      </c>
      <c r="ED28" s="104">
        <v>4</v>
      </c>
      <c r="EE28" s="101">
        <v>1</v>
      </c>
      <c r="EF28" s="102">
        <v>1</v>
      </c>
      <c r="EG28" s="103">
        <v>2</v>
      </c>
      <c r="EH28" s="413">
        <v>0</v>
      </c>
      <c r="EI28" s="102">
        <v>0</v>
      </c>
      <c r="EJ28" s="102">
        <v>1</v>
      </c>
      <c r="EK28" s="102">
        <v>0</v>
      </c>
      <c r="EL28" s="102">
        <v>0</v>
      </c>
      <c r="EM28" s="102">
        <v>0</v>
      </c>
      <c r="EN28" s="103">
        <v>1</v>
      </c>
      <c r="EO28" s="104">
        <v>3</v>
      </c>
      <c r="EP28" s="101">
        <v>0</v>
      </c>
      <c r="EQ28" s="102">
        <v>3</v>
      </c>
      <c r="ER28" s="103">
        <v>3</v>
      </c>
      <c r="ES28" s="413">
        <v>0</v>
      </c>
      <c r="ET28" s="102">
        <v>0</v>
      </c>
      <c r="EU28" s="102">
        <v>1</v>
      </c>
      <c r="EV28" s="102">
        <v>0</v>
      </c>
      <c r="EW28" s="102">
        <v>0</v>
      </c>
      <c r="EX28" s="102">
        <v>0</v>
      </c>
      <c r="EY28" s="103">
        <v>1</v>
      </c>
      <c r="EZ28" s="104">
        <v>4</v>
      </c>
      <c r="FA28" s="101">
        <v>2</v>
      </c>
      <c r="FB28" s="102">
        <v>3</v>
      </c>
      <c r="FC28" s="103">
        <v>5</v>
      </c>
      <c r="FD28" s="413">
        <v>0</v>
      </c>
      <c r="FE28" s="102">
        <v>2</v>
      </c>
      <c r="FF28" s="102">
        <v>1</v>
      </c>
      <c r="FG28" s="102">
        <v>2</v>
      </c>
      <c r="FH28" s="102">
        <v>2</v>
      </c>
      <c r="FI28" s="102">
        <v>0</v>
      </c>
      <c r="FJ28" s="103">
        <v>7</v>
      </c>
      <c r="FK28" s="104">
        <v>12</v>
      </c>
      <c r="FL28" s="101">
        <v>3</v>
      </c>
      <c r="FM28" s="102">
        <v>3</v>
      </c>
      <c r="FN28" s="103">
        <v>6</v>
      </c>
      <c r="FO28" s="413">
        <v>0</v>
      </c>
      <c r="FP28" s="102">
        <v>3</v>
      </c>
      <c r="FQ28" s="102">
        <v>2</v>
      </c>
      <c r="FR28" s="102">
        <v>5</v>
      </c>
      <c r="FS28" s="102">
        <v>2</v>
      </c>
      <c r="FT28" s="102">
        <v>1</v>
      </c>
      <c r="FU28" s="103">
        <v>13</v>
      </c>
      <c r="FV28" s="104">
        <v>19</v>
      </c>
      <c r="FW28" s="101">
        <v>0</v>
      </c>
      <c r="FX28" s="102">
        <v>0</v>
      </c>
      <c r="FY28" s="103">
        <v>0</v>
      </c>
      <c r="FZ28" s="413">
        <v>0</v>
      </c>
      <c r="GA28" s="102">
        <v>0</v>
      </c>
      <c r="GB28" s="102">
        <v>0</v>
      </c>
      <c r="GC28" s="102">
        <v>0</v>
      </c>
      <c r="GD28" s="102">
        <v>0</v>
      </c>
      <c r="GE28" s="102">
        <v>0</v>
      </c>
      <c r="GF28" s="103">
        <v>0</v>
      </c>
      <c r="GG28" s="104">
        <v>0</v>
      </c>
      <c r="GH28" s="101">
        <v>7</v>
      </c>
      <c r="GI28" s="102">
        <v>10</v>
      </c>
      <c r="GJ28" s="103">
        <v>17</v>
      </c>
      <c r="GK28" s="413">
        <v>0</v>
      </c>
      <c r="GL28" s="102">
        <v>7</v>
      </c>
      <c r="GM28" s="102">
        <v>5</v>
      </c>
      <c r="GN28" s="102">
        <v>7</v>
      </c>
      <c r="GO28" s="102">
        <v>4</v>
      </c>
      <c r="GP28" s="102">
        <v>2</v>
      </c>
      <c r="GQ28" s="103">
        <v>25</v>
      </c>
      <c r="GR28" s="104">
        <v>42</v>
      </c>
      <c r="GS28" s="105">
        <v>19</v>
      </c>
      <c r="GT28" s="97">
        <v>24</v>
      </c>
      <c r="GU28" s="98">
        <v>43</v>
      </c>
      <c r="GV28" s="413">
        <v>0</v>
      </c>
      <c r="GW28" s="97">
        <v>14</v>
      </c>
      <c r="GX28" s="97">
        <v>16</v>
      </c>
      <c r="GY28" s="97">
        <v>17</v>
      </c>
      <c r="GZ28" s="97">
        <v>8</v>
      </c>
      <c r="HA28" s="97">
        <v>9</v>
      </c>
      <c r="HB28" s="99">
        <v>64</v>
      </c>
      <c r="HC28" s="100">
        <v>107</v>
      </c>
      <c r="HD28" s="101">
        <v>0</v>
      </c>
      <c r="HE28" s="102">
        <v>2</v>
      </c>
      <c r="HF28" s="103">
        <v>2</v>
      </c>
      <c r="HG28" s="413">
        <v>0</v>
      </c>
      <c r="HH28" s="102">
        <v>0</v>
      </c>
      <c r="HI28" s="102">
        <v>0</v>
      </c>
      <c r="HJ28" s="102">
        <v>1</v>
      </c>
      <c r="HK28" s="102">
        <v>1</v>
      </c>
      <c r="HL28" s="102">
        <v>0</v>
      </c>
      <c r="HM28" s="103">
        <v>2</v>
      </c>
      <c r="HN28" s="104">
        <v>4</v>
      </c>
      <c r="HO28" s="101">
        <v>4</v>
      </c>
      <c r="HP28" s="102">
        <v>2</v>
      </c>
      <c r="HQ28" s="103">
        <v>6</v>
      </c>
      <c r="HR28" s="413">
        <v>0</v>
      </c>
      <c r="HS28" s="102">
        <v>3</v>
      </c>
      <c r="HT28" s="102">
        <v>2</v>
      </c>
      <c r="HU28" s="102">
        <v>2</v>
      </c>
      <c r="HV28" s="102">
        <v>0</v>
      </c>
      <c r="HW28" s="102">
        <v>3</v>
      </c>
      <c r="HX28" s="103">
        <v>10</v>
      </c>
      <c r="HY28" s="104">
        <v>16</v>
      </c>
      <c r="HZ28" s="101">
        <v>1</v>
      </c>
      <c r="IA28" s="102">
        <v>1</v>
      </c>
      <c r="IB28" s="103">
        <v>2</v>
      </c>
      <c r="IC28" s="413">
        <v>0</v>
      </c>
      <c r="ID28" s="102">
        <v>1</v>
      </c>
      <c r="IE28" s="102">
        <v>1</v>
      </c>
      <c r="IF28" s="102">
        <v>1</v>
      </c>
      <c r="IG28" s="102">
        <v>1</v>
      </c>
      <c r="IH28" s="102">
        <v>0</v>
      </c>
      <c r="II28" s="103">
        <v>4</v>
      </c>
      <c r="IJ28" s="104">
        <v>6</v>
      </c>
      <c r="IK28" s="101">
        <v>4</v>
      </c>
      <c r="IL28" s="102">
        <v>9</v>
      </c>
      <c r="IM28" s="103">
        <v>13</v>
      </c>
      <c r="IN28" s="413">
        <v>0</v>
      </c>
      <c r="IO28" s="102">
        <v>3</v>
      </c>
      <c r="IP28" s="102">
        <v>3</v>
      </c>
      <c r="IQ28" s="102">
        <v>1</v>
      </c>
      <c r="IR28" s="102">
        <v>0</v>
      </c>
      <c r="IS28" s="102">
        <v>2</v>
      </c>
      <c r="IT28" s="103">
        <v>9</v>
      </c>
      <c r="IU28" s="104">
        <v>22</v>
      </c>
      <c r="IV28" s="101">
        <v>4</v>
      </c>
      <c r="IW28" s="102">
        <v>5</v>
      </c>
      <c r="IX28" s="103">
        <v>9</v>
      </c>
      <c r="IY28" s="413">
        <v>0</v>
      </c>
      <c r="IZ28" s="102">
        <v>3</v>
      </c>
      <c r="JA28" s="102">
        <v>3</v>
      </c>
      <c r="JB28" s="102">
        <v>4</v>
      </c>
      <c r="JC28" s="102">
        <v>3</v>
      </c>
      <c r="JD28" s="102">
        <v>1</v>
      </c>
      <c r="JE28" s="103">
        <v>14</v>
      </c>
      <c r="JF28" s="104">
        <v>23</v>
      </c>
      <c r="JG28" s="101">
        <v>6</v>
      </c>
      <c r="JH28" s="102">
        <v>5</v>
      </c>
      <c r="JI28" s="103">
        <v>11</v>
      </c>
      <c r="JJ28" s="413">
        <v>0</v>
      </c>
      <c r="JK28" s="102">
        <v>4</v>
      </c>
      <c r="JL28" s="102">
        <v>7</v>
      </c>
      <c r="JM28" s="102">
        <v>8</v>
      </c>
      <c r="JN28" s="102">
        <v>3</v>
      </c>
      <c r="JO28" s="102">
        <v>3</v>
      </c>
      <c r="JP28" s="103">
        <v>25</v>
      </c>
      <c r="JQ28" s="104">
        <v>36</v>
      </c>
      <c r="JR28" s="101">
        <v>0</v>
      </c>
      <c r="JS28" s="102">
        <v>0</v>
      </c>
      <c r="JT28" s="103">
        <v>0</v>
      </c>
      <c r="JU28" s="413">
        <v>0</v>
      </c>
      <c r="JV28" s="102">
        <v>0</v>
      </c>
      <c r="JW28" s="102">
        <v>0</v>
      </c>
      <c r="JX28" s="102">
        <v>0</v>
      </c>
      <c r="JY28" s="102">
        <v>0</v>
      </c>
      <c r="JZ28" s="102">
        <v>0</v>
      </c>
      <c r="KA28" s="103">
        <v>0</v>
      </c>
      <c r="KB28" s="104">
        <v>0</v>
      </c>
      <c r="KC28" s="101">
        <v>19</v>
      </c>
      <c r="KD28" s="102">
        <v>24</v>
      </c>
      <c r="KE28" s="103">
        <v>43</v>
      </c>
      <c r="KF28" s="413">
        <v>0</v>
      </c>
      <c r="KG28" s="102">
        <v>14</v>
      </c>
      <c r="KH28" s="102">
        <v>16</v>
      </c>
      <c r="KI28" s="102">
        <v>17</v>
      </c>
      <c r="KJ28" s="102">
        <v>8</v>
      </c>
      <c r="KK28" s="102">
        <v>9</v>
      </c>
      <c r="KL28" s="103">
        <v>64</v>
      </c>
      <c r="KM28" s="104">
        <v>107</v>
      </c>
    </row>
    <row r="29" spans="2:299" s="70" customFormat="1" ht="21" customHeight="1" x14ac:dyDescent="0.2">
      <c r="B29" s="106" t="s">
        <v>26</v>
      </c>
      <c r="C29" s="96">
        <v>10</v>
      </c>
      <c r="D29" s="97">
        <v>10</v>
      </c>
      <c r="E29" s="98">
        <v>20</v>
      </c>
      <c r="F29" s="413">
        <v>0</v>
      </c>
      <c r="G29" s="97">
        <v>22</v>
      </c>
      <c r="H29" s="97">
        <v>17</v>
      </c>
      <c r="I29" s="97">
        <v>11</v>
      </c>
      <c r="J29" s="97">
        <v>6</v>
      </c>
      <c r="K29" s="97">
        <v>6</v>
      </c>
      <c r="L29" s="99">
        <v>62</v>
      </c>
      <c r="M29" s="100">
        <v>82</v>
      </c>
      <c r="N29" s="101">
        <v>0</v>
      </c>
      <c r="O29" s="102">
        <v>0</v>
      </c>
      <c r="P29" s="103">
        <v>0</v>
      </c>
      <c r="Q29" s="413">
        <v>0</v>
      </c>
      <c r="R29" s="102">
        <v>0</v>
      </c>
      <c r="S29" s="102">
        <v>0</v>
      </c>
      <c r="T29" s="102">
        <v>1</v>
      </c>
      <c r="U29" s="102">
        <v>0</v>
      </c>
      <c r="V29" s="102">
        <v>0</v>
      </c>
      <c r="W29" s="103">
        <v>1</v>
      </c>
      <c r="X29" s="104">
        <v>1</v>
      </c>
      <c r="Y29" s="101">
        <v>0</v>
      </c>
      <c r="Z29" s="102">
        <v>1</v>
      </c>
      <c r="AA29" s="103">
        <v>1</v>
      </c>
      <c r="AB29" s="413">
        <v>0</v>
      </c>
      <c r="AC29" s="102">
        <v>3</v>
      </c>
      <c r="AD29" s="102">
        <v>2</v>
      </c>
      <c r="AE29" s="102">
        <v>0</v>
      </c>
      <c r="AF29" s="102">
        <v>0</v>
      </c>
      <c r="AG29" s="102">
        <v>0</v>
      </c>
      <c r="AH29" s="103">
        <v>5</v>
      </c>
      <c r="AI29" s="104">
        <v>6</v>
      </c>
      <c r="AJ29" s="101">
        <v>2</v>
      </c>
      <c r="AK29" s="102">
        <v>2</v>
      </c>
      <c r="AL29" s="103">
        <v>4</v>
      </c>
      <c r="AM29" s="413">
        <v>0</v>
      </c>
      <c r="AN29" s="102">
        <v>4</v>
      </c>
      <c r="AO29" s="102">
        <v>3</v>
      </c>
      <c r="AP29" s="102">
        <v>0</v>
      </c>
      <c r="AQ29" s="102">
        <v>0</v>
      </c>
      <c r="AR29" s="102">
        <v>1</v>
      </c>
      <c r="AS29" s="103">
        <v>8</v>
      </c>
      <c r="AT29" s="104">
        <v>12</v>
      </c>
      <c r="AU29" s="101">
        <v>3</v>
      </c>
      <c r="AV29" s="102">
        <v>2</v>
      </c>
      <c r="AW29" s="103">
        <v>5</v>
      </c>
      <c r="AX29" s="413">
        <v>0</v>
      </c>
      <c r="AY29" s="102">
        <v>3</v>
      </c>
      <c r="AZ29" s="102">
        <v>5</v>
      </c>
      <c r="BA29" s="102">
        <v>3</v>
      </c>
      <c r="BB29" s="102">
        <v>3</v>
      </c>
      <c r="BC29" s="102">
        <v>2</v>
      </c>
      <c r="BD29" s="103">
        <v>16</v>
      </c>
      <c r="BE29" s="104">
        <v>21</v>
      </c>
      <c r="BF29" s="101">
        <v>2</v>
      </c>
      <c r="BG29" s="102">
        <v>1</v>
      </c>
      <c r="BH29" s="103">
        <v>3</v>
      </c>
      <c r="BI29" s="413">
        <v>0</v>
      </c>
      <c r="BJ29" s="102">
        <v>6</v>
      </c>
      <c r="BK29" s="102">
        <v>3</v>
      </c>
      <c r="BL29" s="102">
        <v>3</v>
      </c>
      <c r="BM29" s="102">
        <v>1</v>
      </c>
      <c r="BN29" s="102">
        <v>2</v>
      </c>
      <c r="BO29" s="103">
        <v>15</v>
      </c>
      <c r="BP29" s="104">
        <v>18</v>
      </c>
      <c r="BQ29" s="101">
        <v>3</v>
      </c>
      <c r="BR29" s="102">
        <v>4</v>
      </c>
      <c r="BS29" s="103">
        <v>7</v>
      </c>
      <c r="BT29" s="413">
        <v>0</v>
      </c>
      <c r="BU29" s="102">
        <v>6</v>
      </c>
      <c r="BV29" s="102">
        <v>4</v>
      </c>
      <c r="BW29" s="102">
        <v>4</v>
      </c>
      <c r="BX29" s="102">
        <v>2</v>
      </c>
      <c r="BY29" s="102">
        <v>1</v>
      </c>
      <c r="BZ29" s="103">
        <v>17</v>
      </c>
      <c r="CA29" s="104">
        <v>24</v>
      </c>
      <c r="CB29" s="101">
        <v>0</v>
      </c>
      <c r="CC29" s="102">
        <v>0</v>
      </c>
      <c r="CD29" s="103">
        <v>0</v>
      </c>
      <c r="CE29" s="413">
        <v>0</v>
      </c>
      <c r="CF29" s="102">
        <v>0</v>
      </c>
      <c r="CG29" s="102">
        <v>0</v>
      </c>
      <c r="CH29" s="102">
        <v>0</v>
      </c>
      <c r="CI29" s="102">
        <v>0</v>
      </c>
      <c r="CJ29" s="102">
        <v>0</v>
      </c>
      <c r="CK29" s="103">
        <v>0</v>
      </c>
      <c r="CL29" s="104">
        <v>0</v>
      </c>
      <c r="CM29" s="101">
        <v>10</v>
      </c>
      <c r="CN29" s="102">
        <v>10</v>
      </c>
      <c r="CO29" s="103">
        <v>20</v>
      </c>
      <c r="CP29" s="413">
        <v>0</v>
      </c>
      <c r="CQ29" s="102">
        <v>22</v>
      </c>
      <c r="CR29" s="102">
        <v>17</v>
      </c>
      <c r="CS29" s="102">
        <v>11</v>
      </c>
      <c r="CT29" s="102">
        <v>6</v>
      </c>
      <c r="CU29" s="102">
        <v>6</v>
      </c>
      <c r="CV29" s="103">
        <v>62</v>
      </c>
      <c r="CW29" s="104">
        <v>82</v>
      </c>
      <c r="CX29" s="105">
        <v>3</v>
      </c>
      <c r="CY29" s="97">
        <v>6</v>
      </c>
      <c r="CZ29" s="98">
        <v>9</v>
      </c>
      <c r="DA29" s="413">
        <v>0</v>
      </c>
      <c r="DB29" s="97">
        <v>7</v>
      </c>
      <c r="DC29" s="97">
        <v>5</v>
      </c>
      <c r="DD29" s="97">
        <v>8</v>
      </c>
      <c r="DE29" s="97">
        <v>4</v>
      </c>
      <c r="DF29" s="97">
        <v>2</v>
      </c>
      <c r="DG29" s="99">
        <v>26</v>
      </c>
      <c r="DH29" s="100">
        <v>35</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1</v>
      </c>
      <c r="EB29" s="102">
        <v>0</v>
      </c>
      <c r="EC29" s="103">
        <v>1</v>
      </c>
      <c r="ED29" s="104">
        <v>1</v>
      </c>
      <c r="EE29" s="101">
        <v>0</v>
      </c>
      <c r="EF29" s="102">
        <v>3</v>
      </c>
      <c r="EG29" s="103">
        <v>3</v>
      </c>
      <c r="EH29" s="413">
        <v>0</v>
      </c>
      <c r="EI29" s="102">
        <v>0</v>
      </c>
      <c r="EJ29" s="102">
        <v>0</v>
      </c>
      <c r="EK29" s="102">
        <v>1</v>
      </c>
      <c r="EL29" s="102">
        <v>0</v>
      </c>
      <c r="EM29" s="102">
        <v>0</v>
      </c>
      <c r="EN29" s="103">
        <v>1</v>
      </c>
      <c r="EO29" s="104">
        <v>4</v>
      </c>
      <c r="EP29" s="101">
        <v>1</v>
      </c>
      <c r="EQ29" s="102">
        <v>1</v>
      </c>
      <c r="ER29" s="103">
        <v>2</v>
      </c>
      <c r="ES29" s="413">
        <v>0</v>
      </c>
      <c r="ET29" s="102">
        <v>0</v>
      </c>
      <c r="EU29" s="102">
        <v>1</v>
      </c>
      <c r="EV29" s="102">
        <v>1</v>
      </c>
      <c r="EW29" s="102">
        <v>0</v>
      </c>
      <c r="EX29" s="102">
        <v>0</v>
      </c>
      <c r="EY29" s="103">
        <v>2</v>
      </c>
      <c r="EZ29" s="104">
        <v>4</v>
      </c>
      <c r="FA29" s="101">
        <v>2</v>
      </c>
      <c r="FB29" s="102">
        <v>1</v>
      </c>
      <c r="FC29" s="103">
        <v>3</v>
      </c>
      <c r="FD29" s="413">
        <v>0</v>
      </c>
      <c r="FE29" s="102">
        <v>4</v>
      </c>
      <c r="FF29" s="102">
        <v>2</v>
      </c>
      <c r="FG29" s="102">
        <v>2</v>
      </c>
      <c r="FH29" s="102">
        <v>0</v>
      </c>
      <c r="FI29" s="102">
        <v>0</v>
      </c>
      <c r="FJ29" s="103">
        <v>8</v>
      </c>
      <c r="FK29" s="104">
        <v>11</v>
      </c>
      <c r="FL29" s="101">
        <v>0</v>
      </c>
      <c r="FM29" s="102">
        <v>1</v>
      </c>
      <c r="FN29" s="103">
        <v>1</v>
      </c>
      <c r="FO29" s="413">
        <v>0</v>
      </c>
      <c r="FP29" s="102">
        <v>3</v>
      </c>
      <c r="FQ29" s="102">
        <v>2</v>
      </c>
      <c r="FR29" s="102">
        <v>4</v>
      </c>
      <c r="FS29" s="102">
        <v>3</v>
      </c>
      <c r="FT29" s="102">
        <v>2</v>
      </c>
      <c r="FU29" s="103">
        <v>14</v>
      </c>
      <c r="FV29" s="104">
        <v>15</v>
      </c>
      <c r="FW29" s="101">
        <v>0</v>
      </c>
      <c r="FX29" s="102">
        <v>0</v>
      </c>
      <c r="FY29" s="103">
        <v>0</v>
      </c>
      <c r="FZ29" s="413">
        <v>0</v>
      </c>
      <c r="GA29" s="102">
        <v>0</v>
      </c>
      <c r="GB29" s="102">
        <v>0</v>
      </c>
      <c r="GC29" s="102">
        <v>0</v>
      </c>
      <c r="GD29" s="102">
        <v>0</v>
      </c>
      <c r="GE29" s="102">
        <v>0</v>
      </c>
      <c r="GF29" s="103">
        <v>0</v>
      </c>
      <c r="GG29" s="104">
        <v>0</v>
      </c>
      <c r="GH29" s="101">
        <v>3</v>
      </c>
      <c r="GI29" s="102">
        <v>6</v>
      </c>
      <c r="GJ29" s="103">
        <v>9</v>
      </c>
      <c r="GK29" s="413">
        <v>0</v>
      </c>
      <c r="GL29" s="102">
        <v>7</v>
      </c>
      <c r="GM29" s="102">
        <v>5</v>
      </c>
      <c r="GN29" s="102">
        <v>8</v>
      </c>
      <c r="GO29" s="102">
        <v>4</v>
      </c>
      <c r="GP29" s="102">
        <v>2</v>
      </c>
      <c r="GQ29" s="103">
        <v>26</v>
      </c>
      <c r="GR29" s="104">
        <v>35</v>
      </c>
      <c r="GS29" s="105">
        <v>13</v>
      </c>
      <c r="GT29" s="97">
        <v>16</v>
      </c>
      <c r="GU29" s="98">
        <v>29</v>
      </c>
      <c r="GV29" s="413">
        <v>0</v>
      </c>
      <c r="GW29" s="97">
        <v>29</v>
      </c>
      <c r="GX29" s="97">
        <v>22</v>
      </c>
      <c r="GY29" s="97">
        <v>19</v>
      </c>
      <c r="GZ29" s="97">
        <v>10</v>
      </c>
      <c r="HA29" s="97">
        <v>8</v>
      </c>
      <c r="HB29" s="99">
        <v>88</v>
      </c>
      <c r="HC29" s="100">
        <v>117</v>
      </c>
      <c r="HD29" s="101">
        <v>0</v>
      </c>
      <c r="HE29" s="102">
        <v>0</v>
      </c>
      <c r="HF29" s="103">
        <v>0</v>
      </c>
      <c r="HG29" s="413">
        <v>0</v>
      </c>
      <c r="HH29" s="102">
        <v>0</v>
      </c>
      <c r="HI29" s="102">
        <v>0</v>
      </c>
      <c r="HJ29" s="102">
        <v>1</v>
      </c>
      <c r="HK29" s="102">
        <v>0</v>
      </c>
      <c r="HL29" s="102">
        <v>0</v>
      </c>
      <c r="HM29" s="103">
        <v>1</v>
      </c>
      <c r="HN29" s="104">
        <v>1</v>
      </c>
      <c r="HO29" s="101">
        <v>0</v>
      </c>
      <c r="HP29" s="102">
        <v>1</v>
      </c>
      <c r="HQ29" s="103">
        <v>1</v>
      </c>
      <c r="HR29" s="413">
        <v>0</v>
      </c>
      <c r="HS29" s="102">
        <v>3</v>
      </c>
      <c r="HT29" s="102">
        <v>2</v>
      </c>
      <c r="HU29" s="102">
        <v>0</v>
      </c>
      <c r="HV29" s="102">
        <v>1</v>
      </c>
      <c r="HW29" s="102">
        <v>0</v>
      </c>
      <c r="HX29" s="103">
        <v>6</v>
      </c>
      <c r="HY29" s="104">
        <v>7</v>
      </c>
      <c r="HZ29" s="101">
        <v>2</v>
      </c>
      <c r="IA29" s="102">
        <v>5</v>
      </c>
      <c r="IB29" s="103">
        <v>7</v>
      </c>
      <c r="IC29" s="413">
        <v>0</v>
      </c>
      <c r="ID29" s="102">
        <v>4</v>
      </c>
      <c r="IE29" s="102">
        <v>3</v>
      </c>
      <c r="IF29" s="102">
        <v>1</v>
      </c>
      <c r="IG29" s="102">
        <v>0</v>
      </c>
      <c r="IH29" s="102">
        <v>1</v>
      </c>
      <c r="II29" s="103">
        <v>9</v>
      </c>
      <c r="IJ29" s="104">
        <v>16</v>
      </c>
      <c r="IK29" s="101">
        <v>4</v>
      </c>
      <c r="IL29" s="102">
        <v>3</v>
      </c>
      <c r="IM29" s="103">
        <v>7</v>
      </c>
      <c r="IN29" s="413">
        <v>0</v>
      </c>
      <c r="IO29" s="102">
        <v>3</v>
      </c>
      <c r="IP29" s="102">
        <v>6</v>
      </c>
      <c r="IQ29" s="102">
        <v>4</v>
      </c>
      <c r="IR29" s="102">
        <v>3</v>
      </c>
      <c r="IS29" s="102">
        <v>2</v>
      </c>
      <c r="IT29" s="103">
        <v>18</v>
      </c>
      <c r="IU29" s="104">
        <v>25</v>
      </c>
      <c r="IV29" s="101">
        <v>4</v>
      </c>
      <c r="IW29" s="102">
        <v>2</v>
      </c>
      <c r="IX29" s="103">
        <v>6</v>
      </c>
      <c r="IY29" s="413">
        <v>0</v>
      </c>
      <c r="IZ29" s="102">
        <v>10</v>
      </c>
      <c r="JA29" s="102">
        <v>5</v>
      </c>
      <c r="JB29" s="102">
        <v>5</v>
      </c>
      <c r="JC29" s="102">
        <v>1</v>
      </c>
      <c r="JD29" s="102">
        <v>2</v>
      </c>
      <c r="JE29" s="103">
        <v>23</v>
      </c>
      <c r="JF29" s="104">
        <v>29</v>
      </c>
      <c r="JG29" s="101">
        <v>3</v>
      </c>
      <c r="JH29" s="102">
        <v>5</v>
      </c>
      <c r="JI29" s="103">
        <v>8</v>
      </c>
      <c r="JJ29" s="413">
        <v>0</v>
      </c>
      <c r="JK29" s="102">
        <v>9</v>
      </c>
      <c r="JL29" s="102">
        <v>6</v>
      </c>
      <c r="JM29" s="102">
        <v>8</v>
      </c>
      <c r="JN29" s="102">
        <v>5</v>
      </c>
      <c r="JO29" s="102">
        <v>3</v>
      </c>
      <c r="JP29" s="103">
        <v>31</v>
      </c>
      <c r="JQ29" s="104">
        <v>39</v>
      </c>
      <c r="JR29" s="101">
        <v>0</v>
      </c>
      <c r="JS29" s="102">
        <v>0</v>
      </c>
      <c r="JT29" s="103">
        <v>0</v>
      </c>
      <c r="JU29" s="413">
        <v>0</v>
      </c>
      <c r="JV29" s="102">
        <v>0</v>
      </c>
      <c r="JW29" s="102">
        <v>0</v>
      </c>
      <c r="JX29" s="102">
        <v>0</v>
      </c>
      <c r="JY29" s="102">
        <v>0</v>
      </c>
      <c r="JZ29" s="102">
        <v>0</v>
      </c>
      <c r="KA29" s="103">
        <v>0</v>
      </c>
      <c r="KB29" s="104">
        <v>0</v>
      </c>
      <c r="KC29" s="101">
        <v>13</v>
      </c>
      <c r="KD29" s="102">
        <v>16</v>
      </c>
      <c r="KE29" s="103">
        <v>29</v>
      </c>
      <c r="KF29" s="413">
        <v>0</v>
      </c>
      <c r="KG29" s="102">
        <v>29</v>
      </c>
      <c r="KH29" s="102">
        <v>22</v>
      </c>
      <c r="KI29" s="102">
        <v>19</v>
      </c>
      <c r="KJ29" s="102">
        <v>10</v>
      </c>
      <c r="KK29" s="102">
        <v>8</v>
      </c>
      <c r="KL29" s="103">
        <v>88</v>
      </c>
      <c r="KM29" s="104">
        <v>117</v>
      </c>
    </row>
    <row r="30" spans="2:299" s="70" customFormat="1" ht="21" customHeight="1" x14ac:dyDescent="0.2">
      <c r="B30" s="106" t="s">
        <v>27</v>
      </c>
      <c r="C30" s="96">
        <v>16</v>
      </c>
      <c r="D30" s="97">
        <v>22</v>
      </c>
      <c r="E30" s="98">
        <v>38</v>
      </c>
      <c r="F30" s="413">
        <v>0</v>
      </c>
      <c r="G30" s="97">
        <v>15</v>
      </c>
      <c r="H30" s="97">
        <v>17</v>
      </c>
      <c r="I30" s="97">
        <v>10</v>
      </c>
      <c r="J30" s="97">
        <v>12</v>
      </c>
      <c r="K30" s="97">
        <v>8</v>
      </c>
      <c r="L30" s="99">
        <v>62</v>
      </c>
      <c r="M30" s="100">
        <v>100</v>
      </c>
      <c r="N30" s="101">
        <v>0</v>
      </c>
      <c r="O30" s="102">
        <v>2</v>
      </c>
      <c r="P30" s="103">
        <v>2</v>
      </c>
      <c r="Q30" s="413">
        <v>0</v>
      </c>
      <c r="R30" s="102">
        <v>0</v>
      </c>
      <c r="S30" s="102">
        <v>0</v>
      </c>
      <c r="T30" s="102">
        <v>0</v>
      </c>
      <c r="U30" s="102">
        <v>1</v>
      </c>
      <c r="V30" s="102">
        <v>0</v>
      </c>
      <c r="W30" s="103">
        <v>1</v>
      </c>
      <c r="X30" s="104">
        <v>3</v>
      </c>
      <c r="Y30" s="101">
        <v>0</v>
      </c>
      <c r="Z30" s="102">
        <v>1</v>
      </c>
      <c r="AA30" s="103">
        <v>1</v>
      </c>
      <c r="AB30" s="413">
        <v>0</v>
      </c>
      <c r="AC30" s="102">
        <v>1</v>
      </c>
      <c r="AD30" s="102">
        <v>1</v>
      </c>
      <c r="AE30" s="102">
        <v>1</v>
      </c>
      <c r="AF30" s="102">
        <v>0</v>
      </c>
      <c r="AG30" s="102">
        <v>2</v>
      </c>
      <c r="AH30" s="103">
        <v>5</v>
      </c>
      <c r="AI30" s="104">
        <v>6</v>
      </c>
      <c r="AJ30" s="101">
        <v>1</v>
      </c>
      <c r="AK30" s="102">
        <v>5</v>
      </c>
      <c r="AL30" s="103">
        <v>6</v>
      </c>
      <c r="AM30" s="413">
        <v>0</v>
      </c>
      <c r="AN30" s="102">
        <v>1</v>
      </c>
      <c r="AO30" s="102">
        <v>1</v>
      </c>
      <c r="AP30" s="102">
        <v>0</v>
      </c>
      <c r="AQ30" s="102">
        <v>1</v>
      </c>
      <c r="AR30" s="102">
        <v>0</v>
      </c>
      <c r="AS30" s="103">
        <v>3</v>
      </c>
      <c r="AT30" s="104">
        <v>9</v>
      </c>
      <c r="AU30" s="101">
        <v>6</v>
      </c>
      <c r="AV30" s="102">
        <v>5</v>
      </c>
      <c r="AW30" s="103">
        <v>11</v>
      </c>
      <c r="AX30" s="413">
        <v>0</v>
      </c>
      <c r="AY30" s="102">
        <v>3</v>
      </c>
      <c r="AZ30" s="102">
        <v>8</v>
      </c>
      <c r="BA30" s="102">
        <v>3</v>
      </c>
      <c r="BB30" s="102">
        <v>2</v>
      </c>
      <c r="BC30" s="102">
        <v>2</v>
      </c>
      <c r="BD30" s="103">
        <v>18</v>
      </c>
      <c r="BE30" s="104">
        <v>29</v>
      </c>
      <c r="BF30" s="101">
        <v>6</v>
      </c>
      <c r="BG30" s="102">
        <v>5</v>
      </c>
      <c r="BH30" s="103">
        <v>11</v>
      </c>
      <c r="BI30" s="413">
        <v>0</v>
      </c>
      <c r="BJ30" s="102">
        <v>4</v>
      </c>
      <c r="BK30" s="102">
        <v>3</v>
      </c>
      <c r="BL30" s="102">
        <v>4</v>
      </c>
      <c r="BM30" s="102">
        <v>3</v>
      </c>
      <c r="BN30" s="102">
        <v>1</v>
      </c>
      <c r="BO30" s="103">
        <v>15</v>
      </c>
      <c r="BP30" s="104">
        <v>26</v>
      </c>
      <c r="BQ30" s="101">
        <v>3</v>
      </c>
      <c r="BR30" s="102">
        <v>4</v>
      </c>
      <c r="BS30" s="103">
        <v>7</v>
      </c>
      <c r="BT30" s="413">
        <v>0</v>
      </c>
      <c r="BU30" s="102">
        <v>6</v>
      </c>
      <c r="BV30" s="102">
        <v>4</v>
      </c>
      <c r="BW30" s="102">
        <v>2</v>
      </c>
      <c r="BX30" s="102">
        <v>5</v>
      </c>
      <c r="BY30" s="102">
        <v>3</v>
      </c>
      <c r="BZ30" s="103">
        <v>20</v>
      </c>
      <c r="CA30" s="104">
        <v>27</v>
      </c>
      <c r="CB30" s="101">
        <v>0</v>
      </c>
      <c r="CC30" s="102">
        <v>0</v>
      </c>
      <c r="CD30" s="103">
        <v>0</v>
      </c>
      <c r="CE30" s="413">
        <v>0</v>
      </c>
      <c r="CF30" s="102">
        <v>0</v>
      </c>
      <c r="CG30" s="102">
        <v>0</v>
      </c>
      <c r="CH30" s="102">
        <v>0</v>
      </c>
      <c r="CI30" s="102">
        <v>0</v>
      </c>
      <c r="CJ30" s="102">
        <v>0</v>
      </c>
      <c r="CK30" s="103">
        <v>0</v>
      </c>
      <c r="CL30" s="104">
        <v>0</v>
      </c>
      <c r="CM30" s="101">
        <v>16</v>
      </c>
      <c r="CN30" s="102">
        <v>22</v>
      </c>
      <c r="CO30" s="103">
        <v>38</v>
      </c>
      <c r="CP30" s="413">
        <v>0</v>
      </c>
      <c r="CQ30" s="102">
        <v>15</v>
      </c>
      <c r="CR30" s="102">
        <v>17</v>
      </c>
      <c r="CS30" s="102">
        <v>10</v>
      </c>
      <c r="CT30" s="102">
        <v>12</v>
      </c>
      <c r="CU30" s="102">
        <v>8</v>
      </c>
      <c r="CV30" s="103">
        <v>62</v>
      </c>
      <c r="CW30" s="104">
        <v>100</v>
      </c>
      <c r="CX30" s="105">
        <v>7</v>
      </c>
      <c r="CY30" s="97">
        <v>3</v>
      </c>
      <c r="CZ30" s="98">
        <v>10</v>
      </c>
      <c r="DA30" s="413">
        <v>0</v>
      </c>
      <c r="DB30" s="97">
        <v>11</v>
      </c>
      <c r="DC30" s="97">
        <v>2</v>
      </c>
      <c r="DD30" s="97">
        <v>4</v>
      </c>
      <c r="DE30" s="97">
        <v>2</v>
      </c>
      <c r="DF30" s="97">
        <v>2</v>
      </c>
      <c r="DG30" s="99">
        <v>21</v>
      </c>
      <c r="DH30" s="100">
        <v>31</v>
      </c>
      <c r="DI30" s="101">
        <v>1</v>
      </c>
      <c r="DJ30" s="102">
        <v>0</v>
      </c>
      <c r="DK30" s="103">
        <v>1</v>
      </c>
      <c r="DL30" s="413">
        <v>0</v>
      </c>
      <c r="DM30" s="102">
        <v>0</v>
      </c>
      <c r="DN30" s="102">
        <v>0</v>
      </c>
      <c r="DO30" s="102">
        <v>0</v>
      </c>
      <c r="DP30" s="102">
        <v>0</v>
      </c>
      <c r="DQ30" s="102">
        <v>0</v>
      </c>
      <c r="DR30" s="103">
        <v>0</v>
      </c>
      <c r="DS30" s="104">
        <v>1</v>
      </c>
      <c r="DT30" s="101">
        <v>0</v>
      </c>
      <c r="DU30" s="102">
        <v>0</v>
      </c>
      <c r="DV30" s="103">
        <v>0</v>
      </c>
      <c r="DW30" s="413">
        <v>0</v>
      </c>
      <c r="DX30" s="102">
        <v>0</v>
      </c>
      <c r="DY30" s="102">
        <v>0</v>
      </c>
      <c r="DZ30" s="102">
        <v>0</v>
      </c>
      <c r="EA30" s="102">
        <v>0</v>
      </c>
      <c r="EB30" s="102">
        <v>0</v>
      </c>
      <c r="EC30" s="103">
        <v>0</v>
      </c>
      <c r="ED30" s="104">
        <v>0</v>
      </c>
      <c r="EE30" s="101">
        <v>0</v>
      </c>
      <c r="EF30" s="102">
        <v>0</v>
      </c>
      <c r="EG30" s="103">
        <v>0</v>
      </c>
      <c r="EH30" s="413">
        <v>0</v>
      </c>
      <c r="EI30" s="102">
        <v>0</v>
      </c>
      <c r="EJ30" s="102">
        <v>1</v>
      </c>
      <c r="EK30" s="102">
        <v>0</v>
      </c>
      <c r="EL30" s="102">
        <v>0</v>
      </c>
      <c r="EM30" s="102">
        <v>0</v>
      </c>
      <c r="EN30" s="103">
        <v>1</v>
      </c>
      <c r="EO30" s="104">
        <v>1</v>
      </c>
      <c r="EP30" s="101">
        <v>4</v>
      </c>
      <c r="EQ30" s="102">
        <v>0</v>
      </c>
      <c r="ER30" s="103">
        <v>4</v>
      </c>
      <c r="ES30" s="413">
        <v>0</v>
      </c>
      <c r="ET30" s="102">
        <v>2</v>
      </c>
      <c r="EU30" s="102">
        <v>1</v>
      </c>
      <c r="EV30" s="102">
        <v>1</v>
      </c>
      <c r="EW30" s="102">
        <v>0</v>
      </c>
      <c r="EX30" s="102">
        <v>0</v>
      </c>
      <c r="EY30" s="103">
        <v>4</v>
      </c>
      <c r="EZ30" s="104">
        <v>8</v>
      </c>
      <c r="FA30" s="101">
        <v>2</v>
      </c>
      <c r="FB30" s="102">
        <v>1</v>
      </c>
      <c r="FC30" s="103">
        <v>3</v>
      </c>
      <c r="FD30" s="413">
        <v>0</v>
      </c>
      <c r="FE30" s="102">
        <v>5</v>
      </c>
      <c r="FF30" s="102">
        <v>0</v>
      </c>
      <c r="FG30" s="102">
        <v>1</v>
      </c>
      <c r="FH30" s="102">
        <v>2</v>
      </c>
      <c r="FI30" s="102">
        <v>0</v>
      </c>
      <c r="FJ30" s="103">
        <v>8</v>
      </c>
      <c r="FK30" s="104">
        <v>11</v>
      </c>
      <c r="FL30" s="101">
        <v>0</v>
      </c>
      <c r="FM30" s="102">
        <v>2</v>
      </c>
      <c r="FN30" s="103">
        <v>2</v>
      </c>
      <c r="FO30" s="413">
        <v>0</v>
      </c>
      <c r="FP30" s="102">
        <v>4</v>
      </c>
      <c r="FQ30" s="102">
        <v>0</v>
      </c>
      <c r="FR30" s="102">
        <v>2</v>
      </c>
      <c r="FS30" s="102">
        <v>0</v>
      </c>
      <c r="FT30" s="102">
        <v>2</v>
      </c>
      <c r="FU30" s="103">
        <v>8</v>
      </c>
      <c r="FV30" s="104">
        <v>10</v>
      </c>
      <c r="FW30" s="101">
        <v>0</v>
      </c>
      <c r="FX30" s="102">
        <v>0</v>
      </c>
      <c r="FY30" s="103">
        <v>0</v>
      </c>
      <c r="FZ30" s="413">
        <v>0</v>
      </c>
      <c r="GA30" s="102">
        <v>0</v>
      </c>
      <c r="GB30" s="102">
        <v>0</v>
      </c>
      <c r="GC30" s="102">
        <v>0</v>
      </c>
      <c r="GD30" s="102">
        <v>0</v>
      </c>
      <c r="GE30" s="102">
        <v>0</v>
      </c>
      <c r="GF30" s="103">
        <v>0</v>
      </c>
      <c r="GG30" s="104">
        <v>0</v>
      </c>
      <c r="GH30" s="101">
        <v>7</v>
      </c>
      <c r="GI30" s="102">
        <v>3</v>
      </c>
      <c r="GJ30" s="103">
        <v>10</v>
      </c>
      <c r="GK30" s="413">
        <v>0</v>
      </c>
      <c r="GL30" s="102">
        <v>11</v>
      </c>
      <c r="GM30" s="102">
        <v>2</v>
      </c>
      <c r="GN30" s="102">
        <v>4</v>
      </c>
      <c r="GO30" s="102">
        <v>2</v>
      </c>
      <c r="GP30" s="102">
        <v>2</v>
      </c>
      <c r="GQ30" s="103">
        <v>21</v>
      </c>
      <c r="GR30" s="104">
        <v>31</v>
      </c>
      <c r="GS30" s="105">
        <v>23</v>
      </c>
      <c r="GT30" s="97">
        <v>25</v>
      </c>
      <c r="GU30" s="98">
        <v>48</v>
      </c>
      <c r="GV30" s="413">
        <v>0</v>
      </c>
      <c r="GW30" s="97">
        <v>26</v>
      </c>
      <c r="GX30" s="97">
        <v>19</v>
      </c>
      <c r="GY30" s="97">
        <v>14</v>
      </c>
      <c r="GZ30" s="97">
        <v>14</v>
      </c>
      <c r="HA30" s="97">
        <v>10</v>
      </c>
      <c r="HB30" s="99">
        <v>83</v>
      </c>
      <c r="HC30" s="100">
        <v>131</v>
      </c>
      <c r="HD30" s="101">
        <v>1</v>
      </c>
      <c r="HE30" s="102">
        <v>2</v>
      </c>
      <c r="HF30" s="103">
        <v>3</v>
      </c>
      <c r="HG30" s="413">
        <v>0</v>
      </c>
      <c r="HH30" s="102">
        <v>0</v>
      </c>
      <c r="HI30" s="102">
        <v>0</v>
      </c>
      <c r="HJ30" s="102">
        <v>0</v>
      </c>
      <c r="HK30" s="102">
        <v>1</v>
      </c>
      <c r="HL30" s="102">
        <v>0</v>
      </c>
      <c r="HM30" s="103">
        <v>1</v>
      </c>
      <c r="HN30" s="104">
        <v>4</v>
      </c>
      <c r="HO30" s="101">
        <v>0</v>
      </c>
      <c r="HP30" s="102">
        <v>1</v>
      </c>
      <c r="HQ30" s="103">
        <v>1</v>
      </c>
      <c r="HR30" s="413">
        <v>0</v>
      </c>
      <c r="HS30" s="102">
        <v>1</v>
      </c>
      <c r="HT30" s="102">
        <v>1</v>
      </c>
      <c r="HU30" s="102">
        <v>1</v>
      </c>
      <c r="HV30" s="102">
        <v>0</v>
      </c>
      <c r="HW30" s="102">
        <v>2</v>
      </c>
      <c r="HX30" s="103">
        <v>5</v>
      </c>
      <c r="HY30" s="104">
        <v>6</v>
      </c>
      <c r="HZ30" s="101">
        <v>1</v>
      </c>
      <c r="IA30" s="102">
        <v>5</v>
      </c>
      <c r="IB30" s="103">
        <v>6</v>
      </c>
      <c r="IC30" s="413">
        <v>0</v>
      </c>
      <c r="ID30" s="102">
        <v>1</v>
      </c>
      <c r="IE30" s="102">
        <v>2</v>
      </c>
      <c r="IF30" s="102">
        <v>0</v>
      </c>
      <c r="IG30" s="102">
        <v>1</v>
      </c>
      <c r="IH30" s="102">
        <v>0</v>
      </c>
      <c r="II30" s="103">
        <v>4</v>
      </c>
      <c r="IJ30" s="104">
        <v>10</v>
      </c>
      <c r="IK30" s="101">
        <v>10</v>
      </c>
      <c r="IL30" s="102">
        <v>5</v>
      </c>
      <c r="IM30" s="103">
        <v>15</v>
      </c>
      <c r="IN30" s="413">
        <v>0</v>
      </c>
      <c r="IO30" s="102">
        <v>5</v>
      </c>
      <c r="IP30" s="102">
        <v>9</v>
      </c>
      <c r="IQ30" s="102">
        <v>4</v>
      </c>
      <c r="IR30" s="102">
        <v>2</v>
      </c>
      <c r="IS30" s="102">
        <v>2</v>
      </c>
      <c r="IT30" s="103">
        <v>22</v>
      </c>
      <c r="IU30" s="104">
        <v>37</v>
      </c>
      <c r="IV30" s="101">
        <v>8</v>
      </c>
      <c r="IW30" s="102">
        <v>6</v>
      </c>
      <c r="IX30" s="103">
        <v>14</v>
      </c>
      <c r="IY30" s="413">
        <v>0</v>
      </c>
      <c r="IZ30" s="102">
        <v>9</v>
      </c>
      <c r="JA30" s="102">
        <v>3</v>
      </c>
      <c r="JB30" s="102">
        <v>5</v>
      </c>
      <c r="JC30" s="102">
        <v>5</v>
      </c>
      <c r="JD30" s="102">
        <v>1</v>
      </c>
      <c r="JE30" s="103">
        <v>23</v>
      </c>
      <c r="JF30" s="104">
        <v>37</v>
      </c>
      <c r="JG30" s="101">
        <v>3</v>
      </c>
      <c r="JH30" s="102">
        <v>6</v>
      </c>
      <c r="JI30" s="103">
        <v>9</v>
      </c>
      <c r="JJ30" s="413">
        <v>0</v>
      </c>
      <c r="JK30" s="102">
        <v>10</v>
      </c>
      <c r="JL30" s="102">
        <v>4</v>
      </c>
      <c r="JM30" s="102">
        <v>4</v>
      </c>
      <c r="JN30" s="102">
        <v>5</v>
      </c>
      <c r="JO30" s="102">
        <v>5</v>
      </c>
      <c r="JP30" s="103">
        <v>28</v>
      </c>
      <c r="JQ30" s="104">
        <v>37</v>
      </c>
      <c r="JR30" s="101">
        <v>0</v>
      </c>
      <c r="JS30" s="102">
        <v>0</v>
      </c>
      <c r="JT30" s="103">
        <v>0</v>
      </c>
      <c r="JU30" s="413">
        <v>0</v>
      </c>
      <c r="JV30" s="102">
        <v>0</v>
      </c>
      <c r="JW30" s="102">
        <v>0</v>
      </c>
      <c r="JX30" s="102">
        <v>0</v>
      </c>
      <c r="JY30" s="102">
        <v>0</v>
      </c>
      <c r="JZ30" s="102">
        <v>0</v>
      </c>
      <c r="KA30" s="103">
        <v>0</v>
      </c>
      <c r="KB30" s="104">
        <v>0</v>
      </c>
      <c r="KC30" s="101">
        <v>23</v>
      </c>
      <c r="KD30" s="102">
        <v>25</v>
      </c>
      <c r="KE30" s="103">
        <v>48</v>
      </c>
      <c r="KF30" s="413">
        <v>0</v>
      </c>
      <c r="KG30" s="102">
        <v>26</v>
      </c>
      <c r="KH30" s="102">
        <v>19</v>
      </c>
      <c r="KI30" s="102">
        <v>14</v>
      </c>
      <c r="KJ30" s="102">
        <v>14</v>
      </c>
      <c r="KK30" s="102">
        <v>10</v>
      </c>
      <c r="KL30" s="103">
        <v>83</v>
      </c>
      <c r="KM30" s="104">
        <v>131</v>
      </c>
    </row>
    <row r="31" spans="2:299" s="70" customFormat="1" ht="21" customHeight="1" x14ac:dyDescent="0.2">
      <c r="B31" s="106" t="s">
        <v>28</v>
      </c>
      <c r="C31" s="96">
        <v>0</v>
      </c>
      <c r="D31" s="97">
        <v>3</v>
      </c>
      <c r="E31" s="98">
        <v>3</v>
      </c>
      <c r="F31" s="413">
        <v>0</v>
      </c>
      <c r="G31" s="97">
        <v>6</v>
      </c>
      <c r="H31" s="97">
        <v>2</v>
      </c>
      <c r="I31" s="97">
        <v>6</v>
      </c>
      <c r="J31" s="97">
        <v>2</v>
      </c>
      <c r="K31" s="97">
        <v>1</v>
      </c>
      <c r="L31" s="99">
        <v>17</v>
      </c>
      <c r="M31" s="100">
        <v>20</v>
      </c>
      <c r="N31" s="101">
        <v>0</v>
      </c>
      <c r="O31" s="102">
        <v>1</v>
      </c>
      <c r="P31" s="103">
        <v>1</v>
      </c>
      <c r="Q31" s="413">
        <v>0</v>
      </c>
      <c r="R31" s="102">
        <v>1</v>
      </c>
      <c r="S31" s="102">
        <v>0</v>
      </c>
      <c r="T31" s="102">
        <v>1</v>
      </c>
      <c r="U31" s="102">
        <v>0</v>
      </c>
      <c r="V31" s="102">
        <v>0</v>
      </c>
      <c r="W31" s="103">
        <v>2</v>
      </c>
      <c r="X31" s="104">
        <v>3</v>
      </c>
      <c r="Y31" s="101">
        <v>0</v>
      </c>
      <c r="Z31" s="102">
        <v>1</v>
      </c>
      <c r="AA31" s="103">
        <v>1</v>
      </c>
      <c r="AB31" s="413">
        <v>0</v>
      </c>
      <c r="AC31" s="102">
        <v>2</v>
      </c>
      <c r="AD31" s="102">
        <v>0</v>
      </c>
      <c r="AE31" s="102">
        <v>1</v>
      </c>
      <c r="AF31" s="102">
        <v>0</v>
      </c>
      <c r="AG31" s="102">
        <v>0</v>
      </c>
      <c r="AH31" s="103">
        <v>3</v>
      </c>
      <c r="AI31" s="104">
        <v>4</v>
      </c>
      <c r="AJ31" s="101">
        <v>0</v>
      </c>
      <c r="AK31" s="102">
        <v>0</v>
      </c>
      <c r="AL31" s="103">
        <v>0</v>
      </c>
      <c r="AM31" s="413">
        <v>0</v>
      </c>
      <c r="AN31" s="102">
        <v>1</v>
      </c>
      <c r="AO31" s="102">
        <v>0</v>
      </c>
      <c r="AP31" s="102">
        <v>1</v>
      </c>
      <c r="AQ31" s="102">
        <v>0</v>
      </c>
      <c r="AR31" s="102">
        <v>0</v>
      </c>
      <c r="AS31" s="103">
        <v>2</v>
      </c>
      <c r="AT31" s="104">
        <v>2</v>
      </c>
      <c r="AU31" s="101">
        <v>0</v>
      </c>
      <c r="AV31" s="102">
        <v>0</v>
      </c>
      <c r="AW31" s="103">
        <v>0</v>
      </c>
      <c r="AX31" s="413">
        <v>0</v>
      </c>
      <c r="AY31" s="102">
        <v>1</v>
      </c>
      <c r="AZ31" s="102">
        <v>2</v>
      </c>
      <c r="BA31" s="102">
        <v>0</v>
      </c>
      <c r="BB31" s="102">
        <v>0</v>
      </c>
      <c r="BC31" s="102">
        <v>0</v>
      </c>
      <c r="BD31" s="103">
        <v>3</v>
      </c>
      <c r="BE31" s="104">
        <v>3</v>
      </c>
      <c r="BF31" s="101">
        <v>0</v>
      </c>
      <c r="BG31" s="102">
        <v>1</v>
      </c>
      <c r="BH31" s="103">
        <v>1</v>
      </c>
      <c r="BI31" s="413">
        <v>0</v>
      </c>
      <c r="BJ31" s="102">
        <v>1</v>
      </c>
      <c r="BK31" s="102">
        <v>0</v>
      </c>
      <c r="BL31" s="102">
        <v>2</v>
      </c>
      <c r="BM31" s="102">
        <v>1</v>
      </c>
      <c r="BN31" s="102">
        <v>0</v>
      </c>
      <c r="BO31" s="103">
        <v>4</v>
      </c>
      <c r="BP31" s="104">
        <v>5</v>
      </c>
      <c r="BQ31" s="101">
        <v>0</v>
      </c>
      <c r="BR31" s="102">
        <v>0</v>
      </c>
      <c r="BS31" s="103">
        <v>0</v>
      </c>
      <c r="BT31" s="413">
        <v>0</v>
      </c>
      <c r="BU31" s="102">
        <v>0</v>
      </c>
      <c r="BV31" s="102">
        <v>0</v>
      </c>
      <c r="BW31" s="102">
        <v>1</v>
      </c>
      <c r="BX31" s="102">
        <v>1</v>
      </c>
      <c r="BY31" s="102">
        <v>1</v>
      </c>
      <c r="BZ31" s="103">
        <v>3</v>
      </c>
      <c r="CA31" s="104">
        <v>3</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2</v>
      </c>
      <c r="CS31" s="102">
        <v>6</v>
      </c>
      <c r="CT31" s="102">
        <v>2</v>
      </c>
      <c r="CU31" s="102">
        <v>1</v>
      </c>
      <c r="CV31" s="103">
        <v>17</v>
      </c>
      <c r="CW31" s="104">
        <v>20</v>
      </c>
      <c r="CX31" s="105">
        <v>0</v>
      </c>
      <c r="CY31" s="97">
        <v>0</v>
      </c>
      <c r="CZ31" s="98">
        <v>0</v>
      </c>
      <c r="DA31" s="413">
        <v>0</v>
      </c>
      <c r="DB31" s="97">
        <v>1</v>
      </c>
      <c r="DC31" s="97">
        <v>2</v>
      </c>
      <c r="DD31" s="97">
        <v>2</v>
      </c>
      <c r="DE31" s="97">
        <v>1</v>
      </c>
      <c r="DF31" s="97">
        <v>0</v>
      </c>
      <c r="DG31" s="99">
        <v>6</v>
      </c>
      <c r="DH31" s="100">
        <v>6</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1</v>
      </c>
      <c r="EA31" s="102">
        <v>0</v>
      </c>
      <c r="EB31" s="102">
        <v>0</v>
      </c>
      <c r="EC31" s="103">
        <v>1</v>
      </c>
      <c r="ED31" s="104">
        <v>1</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1</v>
      </c>
      <c r="FH31" s="102">
        <v>1</v>
      </c>
      <c r="FI31" s="102">
        <v>0</v>
      </c>
      <c r="FJ31" s="103">
        <v>4</v>
      </c>
      <c r="FK31" s="104">
        <v>4</v>
      </c>
      <c r="FL31" s="101">
        <v>0</v>
      </c>
      <c r="FM31" s="102">
        <v>0</v>
      </c>
      <c r="FN31" s="103">
        <v>0</v>
      </c>
      <c r="FO31" s="413">
        <v>0</v>
      </c>
      <c r="FP31" s="102">
        <v>0</v>
      </c>
      <c r="FQ31" s="102">
        <v>1</v>
      </c>
      <c r="FR31" s="102">
        <v>0</v>
      </c>
      <c r="FS31" s="102">
        <v>0</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2</v>
      </c>
      <c r="GN31" s="102">
        <v>2</v>
      </c>
      <c r="GO31" s="102">
        <v>1</v>
      </c>
      <c r="GP31" s="102">
        <v>0</v>
      </c>
      <c r="GQ31" s="103">
        <v>6</v>
      </c>
      <c r="GR31" s="104">
        <v>6</v>
      </c>
      <c r="GS31" s="105">
        <v>0</v>
      </c>
      <c r="GT31" s="97">
        <v>3</v>
      </c>
      <c r="GU31" s="98">
        <v>3</v>
      </c>
      <c r="GV31" s="413">
        <v>0</v>
      </c>
      <c r="GW31" s="97">
        <v>7</v>
      </c>
      <c r="GX31" s="97">
        <v>4</v>
      </c>
      <c r="GY31" s="97">
        <v>8</v>
      </c>
      <c r="GZ31" s="97">
        <v>3</v>
      </c>
      <c r="HA31" s="97">
        <v>1</v>
      </c>
      <c r="HB31" s="99">
        <v>23</v>
      </c>
      <c r="HC31" s="100">
        <v>26</v>
      </c>
      <c r="HD31" s="101">
        <v>0</v>
      </c>
      <c r="HE31" s="102">
        <v>1</v>
      </c>
      <c r="HF31" s="103">
        <v>1</v>
      </c>
      <c r="HG31" s="413">
        <v>0</v>
      </c>
      <c r="HH31" s="102">
        <v>1</v>
      </c>
      <c r="HI31" s="102">
        <v>0</v>
      </c>
      <c r="HJ31" s="102">
        <v>1</v>
      </c>
      <c r="HK31" s="102">
        <v>0</v>
      </c>
      <c r="HL31" s="102">
        <v>0</v>
      </c>
      <c r="HM31" s="103">
        <v>2</v>
      </c>
      <c r="HN31" s="104">
        <v>3</v>
      </c>
      <c r="HO31" s="101">
        <v>0</v>
      </c>
      <c r="HP31" s="102">
        <v>1</v>
      </c>
      <c r="HQ31" s="103">
        <v>1</v>
      </c>
      <c r="HR31" s="413">
        <v>0</v>
      </c>
      <c r="HS31" s="102">
        <v>2</v>
      </c>
      <c r="HT31" s="102">
        <v>0</v>
      </c>
      <c r="HU31" s="102">
        <v>2</v>
      </c>
      <c r="HV31" s="102">
        <v>0</v>
      </c>
      <c r="HW31" s="102">
        <v>0</v>
      </c>
      <c r="HX31" s="103">
        <v>4</v>
      </c>
      <c r="HY31" s="104">
        <v>5</v>
      </c>
      <c r="HZ31" s="101">
        <v>0</v>
      </c>
      <c r="IA31" s="102">
        <v>0</v>
      </c>
      <c r="IB31" s="103">
        <v>0</v>
      </c>
      <c r="IC31" s="413">
        <v>0</v>
      </c>
      <c r="ID31" s="102">
        <v>1</v>
      </c>
      <c r="IE31" s="102">
        <v>0</v>
      </c>
      <c r="IF31" s="102">
        <v>1</v>
      </c>
      <c r="IG31" s="102">
        <v>0</v>
      </c>
      <c r="IH31" s="102">
        <v>0</v>
      </c>
      <c r="II31" s="103">
        <v>2</v>
      </c>
      <c r="IJ31" s="104">
        <v>2</v>
      </c>
      <c r="IK31" s="101">
        <v>0</v>
      </c>
      <c r="IL31" s="102">
        <v>0</v>
      </c>
      <c r="IM31" s="103">
        <v>0</v>
      </c>
      <c r="IN31" s="413">
        <v>0</v>
      </c>
      <c r="IO31" s="102">
        <v>1</v>
      </c>
      <c r="IP31" s="102">
        <v>2</v>
      </c>
      <c r="IQ31" s="102">
        <v>0</v>
      </c>
      <c r="IR31" s="102">
        <v>0</v>
      </c>
      <c r="IS31" s="102">
        <v>0</v>
      </c>
      <c r="IT31" s="103">
        <v>3</v>
      </c>
      <c r="IU31" s="104">
        <v>3</v>
      </c>
      <c r="IV31" s="101">
        <v>0</v>
      </c>
      <c r="IW31" s="102">
        <v>1</v>
      </c>
      <c r="IX31" s="103">
        <v>1</v>
      </c>
      <c r="IY31" s="413">
        <v>0</v>
      </c>
      <c r="IZ31" s="102">
        <v>2</v>
      </c>
      <c r="JA31" s="102">
        <v>1</v>
      </c>
      <c r="JB31" s="102">
        <v>3</v>
      </c>
      <c r="JC31" s="102">
        <v>2</v>
      </c>
      <c r="JD31" s="102">
        <v>0</v>
      </c>
      <c r="JE31" s="103">
        <v>8</v>
      </c>
      <c r="JF31" s="104">
        <v>9</v>
      </c>
      <c r="JG31" s="101">
        <v>0</v>
      </c>
      <c r="JH31" s="102">
        <v>0</v>
      </c>
      <c r="JI31" s="103">
        <v>0</v>
      </c>
      <c r="JJ31" s="413">
        <v>0</v>
      </c>
      <c r="JK31" s="102">
        <v>0</v>
      </c>
      <c r="JL31" s="102">
        <v>1</v>
      </c>
      <c r="JM31" s="102">
        <v>1</v>
      </c>
      <c r="JN31" s="102">
        <v>1</v>
      </c>
      <c r="JO31" s="102">
        <v>1</v>
      </c>
      <c r="JP31" s="103">
        <v>4</v>
      </c>
      <c r="JQ31" s="104">
        <v>4</v>
      </c>
      <c r="JR31" s="101">
        <v>0</v>
      </c>
      <c r="JS31" s="102">
        <v>0</v>
      </c>
      <c r="JT31" s="103">
        <v>0</v>
      </c>
      <c r="JU31" s="413">
        <v>0</v>
      </c>
      <c r="JV31" s="102">
        <v>0</v>
      </c>
      <c r="JW31" s="102">
        <v>0</v>
      </c>
      <c r="JX31" s="102">
        <v>0</v>
      </c>
      <c r="JY31" s="102">
        <v>0</v>
      </c>
      <c r="JZ31" s="102">
        <v>0</v>
      </c>
      <c r="KA31" s="103">
        <v>0</v>
      </c>
      <c r="KB31" s="104">
        <v>0</v>
      </c>
      <c r="KC31" s="101">
        <v>0</v>
      </c>
      <c r="KD31" s="102">
        <v>3</v>
      </c>
      <c r="KE31" s="103">
        <v>3</v>
      </c>
      <c r="KF31" s="413">
        <v>0</v>
      </c>
      <c r="KG31" s="102">
        <v>7</v>
      </c>
      <c r="KH31" s="102">
        <v>4</v>
      </c>
      <c r="KI31" s="102">
        <v>8</v>
      </c>
      <c r="KJ31" s="102">
        <v>3</v>
      </c>
      <c r="KK31" s="102">
        <v>1</v>
      </c>
      <c r="KL31" s="103">
        <v>23</v>
      </c>
      <c r="KM31" s="104">
        <v>26</v>
      </c>
    </row>
    <row r="32" spans="2:299" s="70" customFormat="1" ht="21" customHeight="1" x14ac:dyDescent="0.2">
      <c r="B32" s="106" t="s">
        <v>29</v>
      </c>
      <c r="C32" s="96">
        <v>4</v>
      </c>
      <c r="D32" s="97">
        <v>3</v>
      </c>
      <c r="E32" s="98">
        <v>7</v>
      </c>
      <c r="F32" s="413">
        <v>0</v>
      </c>
      <c r="G32" s="97">
        <v>5</v>
      </c>
      <c r="H32" s="97">
        <v>4</v>
      </c>
      <c r="I32" s="97">
        <v>4</v>
      </c>
      <c r="J32" s="97">
        <v>4</v>
      </c>
      <c r="K32" s="97">
        <v>4</v>
      </c>
      <c r="L32" s="99">
        <v>21</v>
      </c>
      <c r="M32" s="100">
        <v>28</v>
      </c>
      <c r="N32" s="101">
        <v>0</v>
      </c>
      <c r="O32" s="102">
        <v>0</v>
      </c>
      <c r="P32" s="103">
        <v>0</v>
      </c>
      <c r="Q32" s="413">
        <v>0</v>
      </c>
      <c r="R32" s="102">
        <v>0</v>
      </c>
      <c r="S32" s="102">
        <v>0</v>
      </c>
      <c r="T32" s="102">
        <v>1</v>
      </c>
      <c r="U32" s="102">
        <v>0</v>
      </c>
      <c r="V32" s="102">
        <v>0</v>
      </c>
      <c r="W32" s="103">
        <v>1</v>
      </c>
      <c r="X32" s="104">
        <v>1</v>
      </c>
      <c r="Y32" s="101">
        <v>1</v>
      </c>
      <c r="Z32" s="102">
        <v>0</v>
      </c>
      <c r="AA32" s="103">
        <v>1</v>
      </c>
      <c r="AB32" s="413">
        <v>0</v>
      </c>
      <c r="AC32" s="102">
        <v>0</v>
      </c>
      <c r="AD32" s="102">
        <v>0</v>
      </c>
      <c r="AE32" s="102">
        <v>1</v>
      </c>
      <c r="AF32" s="102">
        <v>0</v>
      </c>
      <c r="AG32" s="102">
        <v>1</v>
      </c>
      <c r="AH32" s="103">
        <v>2</v>
      </c>
      <c r="AI32" s="104">
        <v>3</v>
      </c>
      <c r="AJ32" s="101">
        <v>0</v>
      </c>
      <c r="AK32" s="102">
        <v>0</v>
      </c>
      <c r="AL32" s="103">
        <v>0</v>
      </c>
      <c r="AM32" s="413">
        <v>0</v>
      </c>
      <c r="AN32" s="102">
        <v>1</v>
      </c>
      <c r="AO32" s="102">
        <v>0</v>
      </c>
      <c r="AP32" s="102">
        <v>0</v>
      </c>
      <c r="AQ32" s="102">
        <v>1</v>
      </c>
      <c r="AR32" s="102">
        <v>0</v>
      </c>
      <c r="AS32" s="103">
        <v>2</v>
      </c>
      <c r="AT32" s="104">
        <v>2</v>
      </c>
      <c r="AU32" s="101">
        <v>0</v>
      </c>
      <c r="AV32" s="102">
        <v>2</v>
      </c>
      <c r="AW32" s="103">
        <v>2</v>
      </c>
      <c r="AX32" s="413">
        <v>0</v>
      </c>
      <c r="AY32" s="102">
        <v>2</v>
      </c>
      <c r="AZ32" s="102">
        <v>0</v>
      </c>
      <c r="BA32" s="102">
        <v>0</v>
      </c>
      <c r="BB32" s="102">
        <v>2</v>
      </c>
      <c r="BC32" s="102">
        <v>0</v>
      </c>
      <c r="BD32" s="103">
        <v>4</v>
      </c>
      <c r="BE32" s="104">
        <v>6</v>
      </c>
      <c r="BF32" s="101">
        <v>3</v>
      </c>
      <c r="BG32" s="102">
        <v>0</v>
      </c>
      <c r="BH32" s="103">
        <v>3</v>
      </c>
      <c r="BI32" s="413">
        <v>0</v>
      </c>
      <c r="BJ32" s="102">
        <v>1</v>
      </c>
      <c r="BK32" s="102">
        <v>0</v>
      </c>
      <c r="BL32" s="102">
        <v>2</v>
      </c>
      <c r="BM32" s="102">
        <v>0</v>
      </c>
      <c r="BN32" s="102">
        <v>0</v>
      </c>
      <c r="BO32" s="103">
        <v>3</v>
      </c>
      <c r="BP32" s="104">
        <v>6</v>
      </c>
      <c r="BQ32" s="101">
        <v>0</v>
      </c>
      <c r="BR32" s="102">
        <v>1</v>
      </c>
      <c r="BS32" s="103">
        <v>1</v>
      </c>
      <c r="BT32" s="413">
        <v>0</v>
      </c>
      <c r="BU32" s="102">
        <v>1</v>
      </c>
      <c r="BV32" s="102">
        <v>4</v>
      </c>
      <c r="BW32" s="102">
        <v>0</v>
      </c>
      <c r="BX32" s="102">
        <v>1</v>
      </c>
      <c r="BY32" s="102">
        <v>3</v>
      </c>
      <c r="BZ32" s="103">
        <v>9</v>
      </c>
      <c r="CA32" s="104">
        <v>10</v>
      </c>
      <c r="CB32" s="101">
        <v>0</v>
      </c>
      <c r="CC32" s="102">
        <v>0</v>
      </c>
      <c r="CD32" s="103">
        <v>0</v>
      </c>
      <c r="CE32" s="413">
        <v>0</v>
      </c>
      <c r="CF32" s="102">
        <v>0</v>
      </c>
      <c r="CG32" s="102">
        <v>0</v>
      </c>
      <c r="CH32" s="102">
        <v>0</v>
      </c>
      <c r="CI32" s="102">
        <v>0</v>
      </c>
      <c r="CJ32" s="102">
        <v>0</v>
      </c>
      <c r="CK32" s="103">
        <v>0</v>
      </c>
      <c r="CL32" s="104">
        <v>0</v>
      </c>
      <c r="CM32" s="101">
        <v>4</v>
      </c>
      <c r="CN32" s="102">
        <v>3</v>
      </c>
      <c r="CO32" s="103">
        <v>7</v>
      </c>
      <c r="CP32" s="413">
        <v>0</v>
      </c>
      <c r="CQ32" s="102">
        <v>5</v>
      </c>
      <c r="CR32" s="102">
        <v>4</v>
      </c>
      <c r="CS32" s="102">
        <v>4</v>
      </c>
      <c r="CT32" s="102">
        <v>4</v>
      </c>
      <c r="CU32" s="102">
        <v>4</v>
      </c>
      <c r="CV32" s="103">
        <v>21</v>
      </c>
      <c r="CW32" s="104">
        <v>28</v>
      </c>
      <c r="CX32" s="105">
        <v>0</v>
      </c>
      <c r="CY32" s="97">
        <v>3</v>
      </c>
      <c r="CZ32" s="98">
        <v>3</v>
      </c>
      <c r="DA32" s="413">
        <v>0</v>
      </c>
      <c r="DB32" s="97">
        <v>6</v>
      </c>
      <c r="DC32" s="97">
        <v>5</v>
      </c>
      <c r="DD32" s="97">
        <v>0</v>
      </c>
      <c r="DE32" s="97">
        <v>2</v>
      </c>
      <c r="DF32" s="97">
        <v>0</v>
      </c>
      <c r="DG32" s="99">
        <v>13</v>
      </c>
      <c r="DH32" s="100">
        <v>16</v>
      </c>
      <c r="DI32" s="101">
        <v>0</v>
      </c>
      <c r="DJ32" s="102">
        <v>0</v>
      </c>
      <c r="DK32" s="103">
        <v>0</v>
      </c>
      <c r="DL32" s="413">
        <v>0</v>
      </c>
      <c r="DM32" s="102">
        <v>0</v>
      </c>
      <c r="DN32" s="102">
        <v>0</v>
      </c>
      <c r="DO32" s="102">
        <v>0</v>
      </c>
      <c r="DP32" s="102">
        <v>0</v>
      </c>
      <c r="DQ32" s="102">
        <v>0</v>
      </c>
      <c r="DR32" s="103">
        <v>0</v>
      </c>
      <c r="DS32" s="104">
        <v>0</v>
      </c>
      <c r="DT32" s="101">
        <v>0</v>
      </c>
      <c r="DU32" s="102">
        <v>1</v>
      </c>
      <c r="DV32" s="103">
        <v>1</v>
      </c>
      <c r="DW32" s="413">
        <v>0</v>
      </c>
      <c r="DX32" s="102">
        <v>0</v>
      </c>
      <c r="DY32" s="102">
        <v>1</v>
      </c>
      <c r="DZ32" s="102">
        <v>0</v>
      </c>
      <c r="EA32" s="102">
        <v>0</v>
      </c>
      <c r="EB32" s="102">
        <v>0</v>
      </c>
      <c r="EC32" s="103">
        <v>1</v>
      </c>
      <c r="ED32" s="104">
        <v>2</v>
      </c>
      <c r="EE32" s="101">
        <v>0</v>
      </c>
      <c r="EF32" s="102">
        <v>0</v>
      </c>
      <c r="EG32" s="103">
        <v>0</v>
      </c>
      <c r="EH32" s="413">
        <v>0</v>
      </c>
      <c r="EI32" s="102">
        <v>0</v>
      </c>
      <c r="EJ32" s="102">
        <v>2</v>
      </c>
      <c r="EK32" s="102">
        <v>0</v>
      </c>
      <c r="EL32" s="102">
        <v>0</v>
      </c>
      <c r="EM32" s="102">
        <v>0</v>
      </c>
      <c r="EN32" s="103">
        <v>2</v>
      </c>
      <c r="EO32" s="104">
        <v>2</v>
      </c>
      <c r="EP32" s="101">
        <v>0</v>
      </c>
      <c r="EQ32" s="102">
        <v>0</v>
      </c>
      <c r="ER32" s="103">
        <v>0</v>
      </c>
      <c r="ES32" s="413">
        <v>0</v>
      </c>
      <c r="ET32" s="102">
        <v>3</v>
      </c>
      <c r="EU32" s="102">
        <v>1</v>
      </c>
      <c r="EV32" s="102">
        <v>0</v>
      </c>
      <c r="EW32" s="102">
        <v>1</v>
      </c>
      <c r="EX32" s="102">
        <v>0</v>
      </c>
      <c r="EY32" s="103">
        <v>5</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2</v>
      </c>
      <c r="FQ32" s="102">
        <v>1</v>
      </c>
      <c r="FR32" s="102">
        <v>0</v>
      </c>
      <c r="FS32" s="102">
        <v>1</v>
      </c>
      <c r="FT32" s="102">
        <v>0</v>
      </c>
      <c r="FU32" s="103">
        <v>4</v>
      </c>
      <c r="FV32" s="104">
        <v>5</v>
      </c>
      <c r="FW32" s="101">
        <v>0</v>
      </c>
      <c r="FX32" s="102">
        <v>0</v>
      </c>
      <c r="FY32" s="103">
        <v>0</v>
      </c>
      <c r="FZ32" s="413">
        <v>0</v>
      </c>
      <c r="GA32" s="102">
        <v>0</v>
      </c>
      <c r="GB32" s="102">
        <v>0</v>
      </c>
      <c r="GC32" s="102">
        <v>0</v>
      </c>
      <c r="GD32" s="102">
        <v>0</v>
      </c>
      <c r="GE32" s="102">
        <v>0</v>
      </c>
      <c r="GF32" s="103">
        <v>0</v>
      </c>
      <c r="GG32" s="104">
        <v>0</v>
      </c>
      <c r="GH32" s="101">
        <v>0</v>
      </c>
      <c r="GI32" s="102">
        <v>3</v>
      </c>
      <c r="GJ32" s="103">
        <v>3</v>
      </c>
      <c r="GK32" s="413">
        <v>0</v>
      </c>
      <c r="GL32" s="102">
        <v>6</v>
      </c>
      <c r="GM32" s="102">
        <v>5</v>
      </c>
      <c r="GN32" s="102">
        <v>0</v>
      </c>
      <c r="GO32" s="102">
        <v>2</v>
      </c>
      <c r="GP32" s="102">
        <v>0</v>
      </c>
      <c r="GQ32" s="103">
        <v>13</v>
      </c>
      <c r="GR32" s="104">
        <v>16</v>
      </c>
      <c r="GS32" s="105">
        <v>4</v>
      </c>
      <c r="GT32" s="97">
        <v>6</v>
      </c>
      <c r="GU32" s="98">
        <v>10</v>
      </c>
      <c r="GV32" s="413">
        <v>0</v>
      </c>
      <c r="GW32" s="97">
        <v>11</v>
      </c>
      <c r="GX32" s="97">
        <v>9</v>
      </c>
      <c r="GY32" s="97">
        <v>4</v>
      </c>
      <c r="GZ32" s="97">
        <v>6</v>
      </c>
      <c r="HA32" s="97">
        <v>4</v>
      </c>
      <c r="HB32" s="99">
        <v>34</v>
      </c>
      <c r="HC32" s="100">
        <v>44</v>
      </c>
      <c r="HD32" s="101">
        <v>0</v>
      </c>
      <c r="HE32" s="102">
        <v>0</v>
      </c>
      <c r="HF32" s="103">
        <v>0</v>
      </c>
      <c r="HG32" s="413">
        <v>0</v>
      </c>
      <c r="HH32" s="102">
        <v>0</v>
      </c>
      <c r="HI32" s="102">
        <v>0</v>
      </c>
      <c r="HJ32" s="102">
        <v>1</v>
      </c>
      <c r="HK32" s="102">
        <v>0</v>
      </c>
      <c r="HL32" s="102">
        <v>0</v>
      </c>
      <c r="HM32" s="103">
        <v>1</v>
      </c>
      <c r="HN32" s="104">
        <v>1</v>
      </c>
      <c r="HO32" s="101">
        <v>1</v>
      </c>
      <c r="HP32" s="102">
        <v>1</v>
      </c>
      <c r="HQ32" s="103">
        <v>2</v>
      </c>
      <c r="HR32" s="413">
        <v>0</v>
      </c>
      <c r="HS32" s="102">
        <v>0</v>
      </c>
      <c r="HT32" s="102">
        <v>1</v>
      </c>
      <c r="HU32" s="102">
        <v>1</v>
      </c>
      <c r="HV32" s="102">
        <v>0</v>
      </c>
      <c r="HW32" s="102">
        <v>1</v>
      </c>
      <c r="HX32" s="103">
        <v>3</v>
      </c>
      <c r="HY32" s="104">
        <v>5</v>
      </c>
      <c r="HZ32" s="101">
        <v>0</v>
      </c>
      <c r="IA32" s="102">
        <v>0</v>
      </c>
      <c r="IB32" s="103">
        <v>0</v>
      </c>
      <c r="IC32" s="413">
        <v>0</v>
      </c>
      <c r="ID32" s="102">
        <v>1</v>
      </c>
      <c r="IE32" s="102">
        <v>2</v>
      </c>
      <c r="IF32" s="102">
        <v>0</v>
      </c>
      <c r="IG32" s="102">
        <v>1</v>
      </c>
      <c r="IH32" s="102">
        <v>0</v>
      </c>
      <c r="II32" s="103">
        <v>4</v>
      </c>
      <c r="IJ32" s="104">
        <v>4</v>
      </c>
      <c r="IK32" s="101">
        <v>0</v>
      </c>
      <c r="IL32" s="102">
        <v>2</v>
      </c>
      <c r="IM32" s="103">
        <v>2</v>
      </c>
      <c r="IN32" s="413">
        <v>0</v>
      </c>
      <c r="IO32" s="102">
        <v>5</v>
      </c>
      <c r="IP32" s="102">
        <v>1</v>
      </c>
      <c r="IQ32" s="102">
        <v>0</v>
      </c>
      <c r="IR32" s="102">
        <v>3</v>
      </c>
      <c r="IS32" s="102">
        <v>0</v>
      </c>
      <c r="IT32" s="103">
        <v>9</v>
      </c>
      <c r="IU32" s="104">
        <v>11</v>
      </c>
      <c r="IV32" s="101">
        <v>3</v>
      </c>
      <c r="IW32" s="102">
        <v>1</v>
      </c>
      <c r="IX32" s="103">
        <v>4</v>
      </c>
      <c r="IY32" s="413">
        <v>0</v>
      </c>
      <c r="IZ32" s="102">
        <v>2</v>
      </c>
      <c r="JA32" s="102">
        <v>0</v>
      </c>
      <c r="JB32" s="102">
        <v>2</v>
      </c>
      <c r="JC32" s="102">
        <v>0</v>
      </c>
      <c r="JD32" s="102">
        <v>0</v>
      </c>
      <c r="JE32" s="103">
        <v>4</v>
      </c>
      <c r="JF32" s="104">
        <v>8</v>
      </c>
      <c r="JG32" s="101">
        <v>0</v>
      </c>
      <c r="JH32" s="102">
        <v>2</v>
      </c>
      <c r="JI32" s="103">
        <v>2</v>
      </c>
      <c r="JJ32" s="413">
        <v>0</v>
      </c>
      <c r="JK32" s="102">
        <v>3</v>
      </c>
      <c r="JL32" s="102">
        <v>5</v>
      </c>
      <c r="JM32" s="102">
        <v>0</v>
      </c>
      <c r="JN32" s="102">
        <v>2</v>
      </c>
      <c r="JO32" s="102">
        <v>3</v>
      </c>
      <c r="JP32" s="103">
        <v>13</v>
      </c>
      <c r="JQ32" s="104">
        <v>15</v>
      </c>
      <c r="JR32" s="101">
        <v>0</v>
      </c>
      <c r="JS32" s="102">
        <v>0</v>
      </c>
      <c r="JT32" s="103">
        <v>0</v>
      </c>
      <c r="JU32" s="413">
        <v>0</v>
      </c>
      <c r="JV32" s="102">
        <v>0</v>
      </c>
      <c r="JW32" s="102">
        <v>0</v>
      </c>
      <c r="JX32" s="102">
        <v>0</v>
      </c>
      <c r="JY32" s="102">
        <v>0</v>
      </c>
      <c r="JZ32" s="102">
        <v>0</v>
      </c>
      <c r="KA32" s="103">
        <v>0</v>
      </c>
      <c r="KB32" s="104">
        <v>0</v>
      </c>
      <c r="KC32" s="101">
        <v>4</v>
      </c>
      <c r="KD32" s="102">
        <v>6</v>
      </c>
      <c r="KE32" s="103">
        <v>10</v>
      </c>
      <c r="KF32" s="413">
        <v>0</v>
      </c>
      <c r="KG32" s="102">
        <v>11</v>
      </c>
      <c r="KH32" s="102">
        <v>9</v>
      </c>
      <c r="KI32" s="102">
        <v>4</v>
      </c>
      <c r="KJ32" s="102">
        <v>6</v>
      </c>
      <c r="KK32" s="102">
        <v>4</v>
      </c>
      <c r="KL32" s="103">
        <v>34</v>
      </c>
      <c r="KM32" s="104">
        <v>44</v>
      </c>
    </row>
    <row r="33" spans="2:299" s="70" customFormat="1" ht="21" customHeight="1" x14ac:dyDescent="0.2">
      <c r="B33" s="106" t="s">
        <v>30</v>
      </c>
      <c r="C33" s="96">
        <v>3</v>
      </c>
      <c r="D33" s="97">
        <v>1</v>
      </c>
      <c r="E33" s="98">
        <v>4</v>
      </c>
      <c r="F33" s="413">
        <v>0</v>
      </c>
      <c r="G33" s="97">
        <v>5</v>
      </c>
      <c r="H33" s="97">
        <v>3</v>
      </c>
      <c r="I33" s="97">
        <v>3</v>
      </c>
      <c r="J33" s="97">
        <v>4</v>
      </c>
      <c r="K33" s="97">
        <v>2</v>
      </c>
      <c r="L33" s="99">
        <v>17</v>
      </c>
      <c r="M33" s="100">
        <v>21</v>
      </c>
      <c r="N33" s="101">
        <v>0</v>
      </c>
      <c r="O33" s="102">
        <v>0</v>
      </c>
      <c r="P33" s="103">
        <v>0</v>
      </c>
      <c r="Q33" s="413">
        <v>0</v>
      </c>
      <c r="R33" s="102">
        <v>0</v>
      </c>
      <c r="S33" s="102">
        <v>0</v>
      </c>
      <c r="T33" s="102">
        <v>0</v>
      </c>
      <c r="U33" s="102">
        <v>1</v>
      </c>
      <c r="V33" s="102">
        <v>0</v>
      </c>
      <c r="W33" s="103">
        <v>1</v>
      </c>
      <c r="X33" s="104">
        <v>1</v>
      </c>
      <c r="Y33" s="101">
        <v>0</v>
      </c>
      <c r="Z33" s="102">
        <v>0</v>
      </c>
      <c r="AA33" s="103">
        <v>0</v>
      </c>
      <c r="AB33" s="413">
        <v>0</v>
      </c>
      <c r="AC33" s="102">
        <v>0</v>
      </c>
      <c r="AD33" s="102">
        <v>0</v>
      </c>
      <c r="AE33" s="102">
        <v>1</v>
      </c>
      <c r="AF33" s="102">
        <v>0</v>
      </c>
      <c r="AG33" s="102">
        <v>0</v>
      </c>
      <c r="AH33" s="103">
        <v>1</v>
      </c>
      <c r="AI33" s="104">
        <v>1</v>
      </c>
      <c r="AJ33" s="101">
        <v>0</v>
      </c>
      <c r="AK33" s="102">
        <v>0</v>
      </c>
      <c r="AL33" s="103">
        <v>0</v>
      </c>
      <c r="AM33" s="413">
        <v>0</v>
      </c>
      <c r="AN33" s="102">
        <v>1</v>
      </c>
      <c r="AO33" s="102">
        <v>0</v>
      </c>
      <c r="AP33" s="102">
        <v>0</v>
      </c>
      <c r="AQ33" s="102">
        <v>0</v>
      </c>
      <c r="AR33" s="102">
        <v>0</v>
      </c>
      <c r="AS33" s="103">
        <v>1</v>
      </c>
      <c r="AT33" s="104">
        <v>1</v>
      </c>
      <c r="AU33" s="101">
        <v>1</v>
      </c>
      <c r="AV33" s="102">
        <v>0</v>
      </c>
      <c r="AW33" s="103">
        <v>1</v>
      </c>
      <c r="AX33" s="413">
        <v>0</v>
      </c>
      <c r="AY33" s="102">
        <v>3</v>
      </c>
      <c r="AZ33" s="102">
        <v>1</v>
      </c>
      <c r="BA33" s="102">
        <v>0</v>
      </c>
      <c r="BB33" s="102">
        <v>0</v>
      </c>
      <c r="BC33" s="102">
        <v>0</v>
      </c>
      <c r="BD33" s="103">
        <v>4</v>
      </c>
      <c r="BE33" s="104">
        <v>5</v>
      </c>
      <c r="BF33" s="101">
        <v>0</v>
      </c>
      <c r="BG33" s="102">
        <v>0</v>
      </c>
      <c r="BH33" s="103">
        <v>0</v>
      </c>
      <c r="BI33" s="413">
        <v>0</v>
      </c>
      <c r="BJ33" s="102">
        <v>0</v>
      </c>
      <c r="BK33" s="102">
        <v>1</v>
      </c>
      <c r="BL33" s="102">
        <v>2</v>
      </c>
      <c r="BM33" s="102">
        <v>1</v>
      </c>
      <c r="BN33" s="102">
        <v>1</v>
      </c>
      <c r="BO33" s="103">
        <v>5</v>
      </c>
      <c r="BP33" s="104">
        <v>5</v>
      </c>
      <c r="BQ33" s="101">
        <v>2</v>
      </c>
      <c r="BR33" s="102">
        <v>1</v>
      </c>
      <c r="BS33" s="103">
        <v>3</v>
      </c>
      <c r="BT33" s="413">
        <v>0</v>
      </c>
      <c r="BU33" s="102">
        <v>1</v>
      </c>
      <c r="BV33" s="102">
        <v>1</v>
      </c>
      <c r="BW33" s="102">
        <v>0</v>
      </c>
      <c r="BX33" s="102">
        <v>2</v>
      </c>
      <c r="BY33" s="102">
        <v>1</v>
      </c>
      <c r="BZ33" s="103">
        <v>5</v>
      </c>
      <c r="CA33" s="104">
        <v>8</v>
      </c>
      <c r="CB33" s="101">
        <v>0</v>
      </c>
      <c r="CC33" s="102">
        <v>0</v>
      </c>
      <c r="CD33" s="103">
        <v>0</v>
      </c>
      <c r="CE33" s="413">
        <v>0</v>
      </c>
      <c r="CF33" s="102">
        <v>0</v>
      </c>
      <c r="CG33" s="102">
        <v>0</v>
      </c>
      <c r="CH33" s="102">
        <v>0</v>
      </c>
      <c r="CI33" s="102">
        <v>0</v>
      </c>
      <c r="CJ33" s="102">
        <v>0</v>
      </c>
      <c r="CK33" s="103">
        <v>0</v>
      </c>
      <c r="CL33" s="104">
        <v>0</v>
      </c>
      <c r="CM33" s="101">
        <v>3</v>
      </c>
      <c r="CN33" s="102">
        <v>1</v>
      </c>
      <c r="CO33" s="103">
        <v>4</v>
      </c>
      <c r="CP33" s="413">
        <v>0</v>
      </c>
      <c r="CQ33" s="102">
        <v>5</v>
      </c>
      <c r="CR33" s="102">
        <v>3</v>
      </c>
      <c r="CS33" s="102">
        <v>3</v>
      </c>
      <c r="CT33" s="102">
        <v>4</v>
      </c>
      <c r="CU33" s="102">
        <v>2</v>
      </c>
      <c r="CV33" s="103">
        <v>17</v>
      </c>
      <c r="CW33" s="104">
        <v>21</v>
      </c>
      <c r="CX33" s="105">
        <v>1</v>
      </c>
      <c r="CY33" s="97">
        <v>2</v>
      </c>
      <c r="CZ33" s="98">
        <v>3</v>
      </c>
      <c r="DA33" s="413">
        <v>0</v>
      </c>
      <c r="DB33" s="97">
        <v>3</v>
      </c>
      <c r="DC33" s="97">
        <v>1</v>
      </c>
      <c r="DD33" s="97">
        <v>1</v>
      </c>
      <c r="DE33" s="97">
        <v>0</v>
      </c>
      <c r="DF33" s="97">
        <v>0</v>
      </c>
      <c r="DG33" s="99">
        <v>5</v>
      </c>
      <c r="DH33" s="100">
        <v>8</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1</v>
      </c>
      <c r="FC33" s="103">
        <v>1</v>
      </c>
      <c r="FD33" s="413">
        <v>0</v>
      </c>
      <c r="FE33" s="102">
        <v>2</v>
      </c>
      <c r="FF33" s="102">
        <v>0</v>
      </c>
      <c r="FG33" s="102">
        <v>0</v>
      </c>
      <c r="FH33" s="102">
        <v>0</v>
      </c>
      <c r="FI33" s="102">
        <v>0</v>
      </c>
      <c r="FJ33" s="103">
        <v>2</v>
      </c>
      <c r="FK33" s="104">
        <v>3</v>
      </c>
      <c r="FL33" s="101">
        <v>0</v>
      </c>
      <c r="FM33" s="102">
        <v>1</v>
      </c>
      <c r="FN33" s="103">
        <v>1</v>
      </c>
      <c r="FO33" s="413">
        <v>0</v>
      </c>
      <c r="FP33" s="102">
        <v>0</v>
      </c>
      <c r="FQ33" s="102">
        <v>1</v>
      </c>
      <c r="FR33" s="102">
        <v>1</v>
      </c>
      <c r="FS33" s="102">
        <v>0</v>
      </c>
      <c r="FT33" s="102">
        <v>0</v>
      </c>
      <c r="FU33" s="103">
        <v>2</v>
      </c>
      <c r="FV33" s="104">
        <v>3</v>
      </c>
      <c r="FW33" s="101">
        <v>0</v>
      </c>
      <c r="FX33" s="102">
        <v>0</v>
      </c>
      <c r="FY33" s="103">
        <v>0</v>
      </c>
      <c r="FZ33" s="413">
        <v>0</v>
      </c>
      <c r="GA33" s="102">
        <v>0</v>
      </c>
      <c r="GB33" s="102">
        <v>0</v>
      </c>
      <c r="GC33" s="102">
        <v>0</v>
      </c>
      <c r="GD33" s="102">
        <v>0</v>
      </c>
      <c r="GE33" s="102">
        <v>0</v>
      </c>
      <c r="GF33" s="103">
        <v>0</v>
      </c>
      <c r="GG33" s="104">
        <v>0</v>
      </c>
      <c r="GH33" s="101">
        <v>1</v>
      </c>
      <c r="GI33" s="102">
        <v>2</v>
      </c>
      <c r="GJ33" s="103">
        <v>3</v>
      </c>
      <c r="GK33" s="413">
        <v>0</v>
      </c>
      <c r="GL33" s="102">
        <v>3</v>
      </c>
      <c r="GM33" s="102">
        <v>1</v>
      </c>
      <c r="GN33" s="102">
        <v>1</v>
      </c>
      <c r="GO33" s="102">
        <v>0</v>
      </c>
      <c r="GP33" s="102">
        <v>0</v>
      </c>
      <c r="GQ33" s="103">
        <v>5</v>
      </c>
      <c r="GR33" s="104">
        <v>8</v>
      </c>
      <c r="GS33" s="105">
        <v>4</v>
      </c>
      <c r="GT33" s="97">
        <v>3</v>
      </c>
      <c r="GU33" s="98">
        <v>7</v>
      </c>
      <c r="GV33" s="413">
        <v>0</v>
      </c>
      <c r="GW33" s="97">
        <v>8</v>
      </c>
      <c r="GX33" s="97">
        <v>4</v>
      </c>
      <c r="GY33" s="97">
        <v>4</v>
      </c>
      <c r="GZ33" s="97">
        <v>4</v>
      </c>
      <c r="HA33" s="97">
        <v>2</v>
      </c>
      <c r="HB33" s="99">
        <v>22</v>
      </c>
      <c r="HC33" s="100">
        <v>29</v>
      </c>
      <c r="HD33" s="101">
        <v>0</v>
      </c>
      <c r="HE33" s="102">
        <v>0</v>
      </c>
      <c r="HF33" s="103">
        <v>0</v>
      </c>
      <c r="HG33" s="413">
        <v>0</v>
      </c>
      <c r="HH33" s="102">
        <v>0</v>
      </c>
      <c r="HI33" s="102">
        <v>0</v>
      </c>
      <c r="HJ33" s="102">
        <v>0</v>
      </c>
      <c r="HK33" s="102">
        <v>1</v>
      </c>
      <c r="HL33" s="102">
        <v>0</v>
      </c>
      <c r="HM33" s="103">
        <v>1</v>
      </c>
      <c r="HN33" s="104">
        <v>1</v>
      </c>
      <c r="HO33" s="101">
        <v>0</v>
      </c>
      <c r="HP33" s="102">
        <v>0</v>
      </c>
      <c r="HQ33" s="103">
        <v>0</v>
      </c>
      <c r="HR33" s="413">
        <v>0</v>
      </c>
      <c r="HS33" s="102">
        <v>1</v>
      </c>
      <c r="HT33" s="102">
        <v>0</v>
      </c>
      <c r="HU33" s="102">
        <v>1</v>
      </c>
      <c r="HV33" s="102">
        <v>0</v>
      </c>
      <c r="HW33" s="102">
        <v>0</v>
      </c>
      <c r="HX33" s="103">
        <v>2</v>
      </c>
      <c r="HY33" s="104">
        <v>2</v>
      </c>
      <c r="HZ33" s="101">
        <v>1</v>
      </c>
      <c r="IA33" s="102">
        <v>0</v>
      </c>
      <c r="IB33" s="103">
        <v>1</v>
      </c>
      <c r="IC33" s="413">
        <v>0</v>
      </c>
      <c r="ID33" s="102">
        <v>1</v>
      </c>
      <c r="IE33" s="102">
        <v>0</v>
      </c>
      <c r="IF33" s="102">
        <v>0</v>
      </c>
      <c r="IG33" s="102">
        <v>0</v>
      </c>
      <c r="IH33" s="102">
        <v>0</v>
      </c>
      <c r="II33" s="103">
        <v>1</v>
      </c>
      <c r="IJ33" s="104">
        <v>2</v>
      </c>
      <c r="IK33" s="101">
        <v>1</v>
      </c>
      <c r="IL33" s="102">
        <v>0</v>
      </c>
      <c r="IM33" s="103">
        <v>1</v>
      </c>
      <c r="IN33" s="413">
        <v>0</v>
      </c>
      <c r="IO33" s="102">
        <v>3</v>
      </c>
      <c r="IP33" s="102">
        <v>1</v>
      </c>
      <c r="IQ33" s="102">
        <v>0</v>
      </c>
      <c r="IR33" s="102">
        <v>0</v>
      </c>
      <c r="IS33" s="102">
        <v>0</v>
      </c>
      <c r="IT33" s="103">
        <v>4</v>
      </c>
      <c r="IU33" s="104">
        <v>5</v>
      </c>
      <c r="IV33" s="101">
        <v>0</v>
      </c>
      <c r="IW33" s="102">
        <v>1</v>
      </c>
      <c r="IX33" s="103">
        <v>1</v>
      </c>
      <c r="IY33" s="413">
        <v>0</v>
      </c>
      <c r="IZ33" s="102">
        <v>2</v>
      </c>
      <c r="JA33" s="102">
        <v>1</v>
      </c>
      <c r="JB33" s="102">
        <v>2</v>
      </c>
      <c r="JC33" s="102">
        <v>1</v>
      </c>
      <c r="JD33" s="102">
        <v>1</v>
      </c>
      <c r="JE33" s="103">
        <v>7</v>
      </c>
      <c r="JF33" s="104">
        <v>8</v>
      </c>
      <c r="JG33" s="101">
        <v>2</v>
      </c>
      <c r="JH33" s="102">
        <v>2</v>
      </c>
      <c r="JI33" s="103">
        <v>4</v>
      </c>
      <c r="JJ33" s="413">
        <v>0</v>
      </c>
      <c r="JK33" s="102">
        <v>1</v>
      </c>
      <c r="JL33" s="102">
        <v>2</v>
      </c>
      <c r="JM33" s="102">
        <v>1</v>
      </c>
      <c r="JN33" s="102">
        <v>2</v>
      </c>
      <c r="JO33" s="102">
        <v>1</v>
      </c>
      <c r="JP33" s="103">
        <v>7</v>
      </c>
      <c r="JQ33" s="104">
        <v>11</v>
      </c>
      <c r="JR33" s="101">
        <v>0</v>
      </c>
      <c r="JS33" s="102">
        <v>0</v>
      </c>
      <c r="JT33" s="103">
        <v>0</v>
      </c>
      <c r="JU33" s="413">
        <v>0</v>
      </c>
      <c r="JV33" s="102">
        <v>0</v>
      </c>
      <c r="JW33" s="102">
        <v>0</v>
      </c>
      <c r="JX33" s="102">
        <v>0</v>
      </c>
      <c r="JY33" s="102">
        <v>0</v>
      </c>
      <c r="JZ33" s="102">
        <v>0</v>
      </c>
      <c r="KA33" s="103">
        <v>0</v>
      </c>
      <c r="KB33" s="104">
        <v>0</v>
      </c>
      <c r="KC33" s="101">
        <v>4</v>
      </c>
      <c r="KD33" s="102">
        <v>3</v>
      </c>
      <c r="KE33" s="103">
        <v>7</v>
      </c>
      <c r="KF33" s="413">
        <v>0</v>
      </c>
      <c r="KG33" s="102">
        <v>8</v>
      </c>
      <c r="KH33" s="102">
        <v>4</v>
      </c>
      <c r="KI33" s="102">
        <v>4</v>
      </c>
      <c r="KJ33" s="102">
        <v>4</v>
      </c>
      <c r="KK33" s="102">
        <v>2</v>
      </c>
      <c r="KL33" s="103">
        <v>22</v>
      </c>
      <c r="KM33" s="104">
        <v>29</v>
      </c>
    </row>
    <row r="34" spans="2:299" s="70" customFormat="1" ht="21" customHeight="1" x14ac:dyDescent="0.2">
      <c r="B34" s="106" t="s">
        <v>31</v>
      </c>
      <c r="C34" s="96">
        <v>4</v>
      </c>
      <c r="D34" s="97">
        <v>4</v>
      </c>
      <c r="E34" s="98">
        <v>8</v>
      </c>
      <c r="F34" s="413">
        <v>0</v>
      </c>
      <c r="G34" s="97">
        <v>9</v>
      </c>
      <c r="H34" s="97">
        <v>3</v>
      </c>
      <c r="I34" s="97">
        <v>7</v>
      </c>
      <c r="J34" s="97">
        <v>2</v>
      </c>
      <c r="K34" s="97">
        <v>3</v>
      </c>
      <c r="L34" s="99">
        <v>24</v>
      </c>
      <c r="M34" s="100">
        <v>32</v>
      </c>
      <c r="N34" s="101">
        <v>0</v>
      </c>
      <c r="O34" s="102">
        <v>0</v>
      </c>
      <c r="P34" s="103">
        <v>0</v>
      </c>
      <c r="Q34" s="413">
        <v>0</v>
      </c>
      <c r="R34" s="102">
        <v>0</v>
      </c>
      <c r="S34" s="102">
        <v>1</v>
      </c>
      <c r="T34" s="102">
        <v>0</v>
      </c>
      <c r="U34" s="102">
        <v>0</v>
      </c>
      <c r="V34" s="102">
        <v>0</v>
      </c>
      <c r="W34" s="103">
        <v>1</v>
      </c>
      <c r="X34" s="104">
        <v>1</v>
      </c>
      <c r="Y34" s="101">
        <v>1</v>
      </c>
      <c r="Z34" s="102">
        <v>0</v>
      </c>
      <c r="AA34" s="103">
        <v>1</v>
      </c>
      <c r="AB34" s="413">
        <v>0</v>
      </c>
      <c r="AC34" s="102">
        <v>3</v>
      </c>
      <c r="AD34" s="102">
        <v>0</v>
      </c>
      <c r="AE34" s="102">
        <v>3</v>
      </c>
      <c r="AF34" s="102">
        <v>1</v>
      </c>
      <c r="AG34" s="102">
        <v>1</v>
      </c>
      <c r="AH34" s="103">
        <v>8</v>
      </c>
      <c r="AI34" s="104">
        <v>9</v>
      </c>
      <c r="AJ34" s="101">
        <v>0</v>
      </c>
      <c r="AK34" s="102">
        <v>1</v>
      </c>
      <c r="AL34" s="103">
        <v>1</v>
      </c>
      <c r="AM34" s="413">
        <v>0</v>
      </c>
      <c r="AN34" s="102">
        <v>2</v>
      </c>
      <c r="AO34" s="102">
        <v>1</v>
      </c>
      <c r="AP34" s="102">
        <v>1</v>
      </c>
      <c r="AQ34" s="102">
        <v>0</v>
      </c>
      <c r="AR34" s="102">
        <v>0</v>
      </c>
      <c r="AS34" s="103">
        <v>4</v>
      </c>
      <c r="AT34" s="104">
        <v>5</v>
      </c>
      <c r="AU34" s="101">
        <v>2</v>
      </c>
      <c r="AV34" s="102">
        <v>1</v>
      </c>
      <c r="AW34" s="103">
        <v>3</v>
      </c>
      <c r="AX34" s="413">
        <v>0</v>
      </c>
      <c r="AY34" s="102">
        <v>0</v>
      </c>
      <c r="AZ34" s="102">
        <v>0</v>
      </c>
      <c r="BA34" s="102">
        <v>0</v>
      </c>
      <c r="BB34" s="102">
        <v>0</v>
      </c>
      <c r="BC34" s="102">
        <v>0</v>
      </c>
      <c r="BD34" s="103">
        <v>0</v>
      </c>
      <c r="BE34" s="104">
        <v>3</v>
      </c>
      <c r="BF34" s="101">
        <v>0</v>
      </c>
      <c r="BG34" s="102">
        <v>1</v>
      </c>
      <c r="BH34" s="103">
        <v>1</v>
      </c>
      <c r="BI34" s="413">
        <v>0</v>
      </c>
      <c r="BJ34" s="102">
        <v>2</v>
      </c>
      <c r="BK34" s="102">
        <v>0</v>
      </c>
      <c r="BL34" s="102">
        <v>1</v>
      </c>
      <c r="BM34" s="102">
        <v>1</v>
      </c>
      <c r="BN34" s="102">
        <v>1</v>
      </c>
      <c r="BO34" s="103">
        <v>5</v>
      </c>
      <c r="BP34" s="104">
        <v>6</v>
      </c>
      <c r="BQ34" s="101">
        <v>1</v>
      </c>
      <c r="BR34" s="102">
        <v>1</v>
      </c>
      <c r="BS34" s="103">
        <v>2</v>
      </c>
      <c r="BT34" s="413">
        <v>0</v>
      </c>
      <c r="BU34" s="102">
        <v>2</v>
      </c>
      <c r="BV34" s="102">
        <v>1</v>
      </c>
      <c r="BW34" s="102">
        <v>2</v>
      </c>
      <c r="BX34" s="102">
        <v>0</v>
      </c>
      <c r="BY34" s="102">
        <v>1</v>
      </c>
      <c r="BZ34" s="103">
        <v>6</v>
      </c>
      <c r="CA34" s="104">
        <v>8</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9</v>
      </c>
      <c r="CR34" s="102">
        <v>3</v>
      </c>
      <c r="CS34" s="102">
        <v>7</v>
      </c>
      <c r="CT34" s="102">
        <v>2</v>
      </c>
      <c r="CU34" s="102">
        <v>3</v>
      </c>
      <c r="CV34" s="103">
        <v>24</v>
      </c>
      <c r="CW34" s="104">
        <v>32</v>
      </c>
      <c r="CX34" s="105">
        <v>1</v>
      </c>
      <c r="CY34" s="97">
        <v>1</v>
      </c>
      <c r="CZ34" s="98">
        <v>2</v>
      </c>
      <c r="DA34" s="413">
        <v>0</v>
      </c>
      <c r="DB34" s="97">
        <v>1</v>
      </c>
      <c r="DC34" s="97">
        <v>1</v>
      </c>
      <c r="DD34" s="97">
        <v>2</v>
      </c>
      <c r="DE34" s="97">
        <v>1</v>
      </c>
      <c r="DF34" s="97">
        <v>0</v>
      </c>
      <c r="DG34" s="99">
        <v>5</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1</v>
      </c>
      <c r="EW34" s="102">
        <v>0</v>
      </c>
      <c r="EX34" s="102">
        <v>0</v>
      </c>
      <c r="EY34" s="103">
        <v>2</v>
      </c>
      <c r="EZ34" s="104">
        <v>2</v>
      </c>
      <c r="FA34" s="101">
        <v>1</v>
      </c>
      <c r="FB34" s="102">
        <v>1</v>
      </c>
      <c r="FC34" s="103">
        <v>2</v>
      </c>
      <c r="FD34" s="413">
        <v>0</v>
      </c>
      <c r="FE34" s="102">
        <v>0</v>
      </c>
      <c r="FF34" s="102">
        <v>0</v>
      </c>
      <c r="FG34" s="102">
        <v>0</v>
      </c>
      <c r="FH34" s="102">
        <v>0</v>
      </c>
      <c r="FI34" s="102">
        <v>0</v>
      </c>
      <c r="FJ34" s="103">
        <v>0</v>
      </c>
      <c r="FK34" s="104">
        <v>2</v>
      </c>
      <c r="FL34" s="101">
        <v>0</v>
      </c>
      <c r="FM34" s="102">
        <v>0</v>
      </c>
      <c r="FN34" s="103">
        <v>0</v>
      </c>
      <c r="FO34" s="413">
        <v>0</v>
      </c>
      <c r="FP34" s="102">
        <v>0</v>
      </c>
      <c r="FQ34" s="102">
        <v>1</v>
      </c>
      <c r="FR34" s="102">
        <v>1</v>
      </c>
      <c r="FS34" s="102">
        <v>0</v>
      </c>
      <c r="FT34" s="102">
        <v>0</v>
      </c>
      <c r="FU34" s="103">
        <v>2</v>
      </c>
      <c r="FV34" s="104">
        <v>2</v>
      </c>
      <c r="FW34" s="101">
        <v>0</v>
      </c>
      <c r="FX34" s="102">
        <v>0</v>
      </c>
      <c r="FY34" s="103">
        <v>0</v>
      </c>
      <c r="FZ34" s="413">
        <v>0</v>
      </c>
      <c r="GA34" s="102">
        <v>0</v>
      </c>
      <c r="GB34" s="102">
        <v>0</v>
      </c>
      <c r="GC34" s="102">
        <v>0</v>
      </c>
      <c r="GD34" s="102">
        <v>0</v>
      </c>
      <c r="GE34" s="102">
        <v>0</v>
      </c>
      <c r="GF34" s="103">
        <v>0</v>
      </c>
      <c r="GG34" s="104">
        <v>0</v>
      </c>
      <c r="GH34" s="101">
        <v>1</v>
      </c>
      <c r="GI34" s="102">
        <v>1</v>
      </c>
      <c r="GJ34" s="103">
        <v>2</v>
      </c>
      <c r="GK34" s="413">
        <v>0</v>
      </c>
      <c r="GL34" s="102">
        <v>1</v>
      </c>
      <c r="GM34" s="102">
        <v>1</v>
      </c>
      <c r="GN34" s="102">
        <v>2</v>
      </c>
      <c r="GO34" s="102">
        <v>1</v>
      </c>
      <c r="GP34" s="102">
        <v>0</v>
      </c>
      <c r="GQ34" s="103">
        <v>5</v>
      </c>
      <c r="GR34" s="104">
        <v>7</v>
      </c>
      <c r="GS34" s="105">
        <v>5</v>
      </c>
      <c r="GT34" s="97">
        <v>5</v>
      </c>
      <c r="GU34" s="98">
        <v>10</v>
      </c>
      <c r="GV34" s="413">
        <v>0</v>
      </c>
      <c r="GW34" s="97">
        <v>10</v>
      </c>
      <c r="GX34" s="97">
        <v>4</v>
      </c>
      <c r="GY34" s="97">
        <v>9</v>
      </c>
      <c r="GZ34" s="97">
        <v>3</v>
      </c>
      <c r="HA34" s="97">
        <v>3</v>
      </c>
      <c r="HB34" s="99">
        <v>29</v>
      </c>
      <c r="HC34" s="100">
        <v>39</v>
      </c>
      <c r="HD34" s="101">
        <v>0</v>
      </c>
      <c r="HE34" s="102">
        <v>0</v>
      </c>
      <c r="HF34" s="103">
        <v>0</v>
      </c>
      <c r="HG34" s="413">
        <v>0</v>
      </c>
      <c r="HH34" s="102">
        <v>0</v>
      </c>
      <c r="HI34" s="102">
        <v>1</v>
      </c>
      <c r="HJ34" s="102">
        <v>0</v>
      </c>
      <c r="HK34" s="102">
        <v>0</v>
      </c>
      <c r="HL34" s="102">
        <v>0</v>
      </c>
      <c r="HM34" s="103">
        <v>1</v>
      </c>
      <c r="HN34" s="104">
        <v>1</v>
      </c>
      <c r="HO34" s="101">
        <v>1</v>
      </c>
      <c r="HP34" s="102">
        <v>0</v>
      </c>
      <c r="HQ34" s="103">
        <v>1</v>
      </c>
      <c r="HR34" s="413">
        <v>0</v>
      </c>
      <c r="HS34" s="102">
        <v>3</v>
      </c>
      <c r="HT34" s="102">
        <v>0</v>
      </c>
      <c r="HU34" s="102">
        <v>3</v>
      </c>
      <c r="HV34" s="102">
        <v>1</v>
      </c>
      <c r="HW34" s="102">
        <v>1</v>
      </c>
      <c r="HX34" s="103">
        <v>8</v>
      </c>
      <c r="HY34" s="104">
        <v>9</v>
      </c>
      <c r="HZ34" s="101">
        <v>0</v>
      </c>
      <c r="IA34" s="102">
        <v>1</v>
      </c>
      <c r="IB34" s="103">
        <v>1</v>
      </c>
      <c r="IC34" s="413">
        <v>0</v>
      </c>
      <c r="ID34" s="102">
        <v>2</v>
      </c>
      <c r="IE34" s="102">
        <v>1</v>
      </c>
      <c r="IF34" s="102">
        <v>1</v>
      </c>
      <c r="IG34" s="102">
        <v>1</v>
      </c>
      <c r="IH34" s="102">
        <v>0</v>
      </c>
      <c r="II34" s="103">
        <v>5</v>
      </c>
      <c r="IJ34" s="104">
        <v>6</v>
      </c>
      <c r="IK34" s="101">
        <v>2</v>
      </c>
      <c r="IL34" s="102">
        <v>1</v>
      </c>
      <c r="IM34" s="103">
        <v>3</v>
      </c>
      <c r="IN34" s="413">
        <v>0</v>
      </c>
      <c r="IO34" s="102">
        <v>1</v>
      </c>
      <c r="IP34" s="102">
        <v>0</v>
      </c>
      <c r="IQ34" s="102">
        <v>1</v>
      </c>
      <c r="IR34" s="102">
        <v>0</v>
      </c>
      <c r="IS34" s="102">
        <v>0</v>
      </c>
      <c r="IT34" s="103">
        <v>2</v>
      </c>
      <c r="IU34" s="104">
        <v>5</v>
      </c>
      <c r="IV34" s="101">
        <v>1</v>
      </c>
      <c r="IW34" s="102">
        <v>2</v>
      </c>
      <c r="IX34" s="103">
        <v>3</v>
      </c>
      <c r="IY34" s="413">
        <v>0</v>
      </c>
      <c r="IZ34" s="102">
        <v>2</v>
      </c>
      <c r="JA34" s="102">
        <v>0</v>
      </c>
      <c r="JB34" s="102">
        <v>1</v>
      </c>
      <c r="JC34" s="102">
        <v>1</v>
      </c>
      <c r="JD34" s="102">
        <v>1</v>
      </c>
      <c r="JE34" s="103">
        <v>5</v>
      </c>
      <c r="JF34" s="104">
        <v>8</v>
      </c>
      <c r="JG34" s="101">
        <v>1</v>
      </c>
      <c r="JH34" s="102">
        <v>1</v>
      </c>
      <c r="JI34" s="103">
        <v>2</v>
      </c>
      <c r="JJ34" s="413">
        <v>0</v>
      </c>
      <c r="JK34" s="102">
        <v>2</v>
      </c>
      <c r="JL34" s="102">
        <v>2</v>
      </c>
      <c r="JM34" s="102">
        <v>3</v>
      </c>
      <c r="JN34" s="102">
        <v>0</v>
      </c>
      <c r="JO34" s="102">
        <v>1</v>
      </c>
      <c r="JP34" s="103">
        <v>8</v>
      </c>
      <c r="JQ34" s="104">
        <v>10</v>
      </c>
      <c r="JR34" s="101">
        <v>0</v>
      </c>
      <c r="JS34" s="102">
        <v>0</v>
      </c>
      <c r="JT34" s="103">
        <v>0</v>
      </c>
      <c r="JU34" s="413">
        <v>0</v>
      </c>
      <c r="JV34" s="102">
        <v>0</v>
      </c>
      <c r="JW34" s="102">
        <v>0</v>
      </c>
      <c r="JX34" s="102">
        <v>0</v>
      </c>
      <c r="JY34" s="102">
        <v>0</v>
      </c>
      <c r="JZ34" s="102">
        <v>0</v>
      </c>
      <c r="KA34" s="103">
        <v>0</v>
      </c>
      <c r="KB34" s="104">
        <v>0</v>
      </c>
      <c r="KC34" s="101">
        <v>5</v>
      </c>
      <c r="KD34" s="102">
        <v>5</v>
      </c>
      <c r="KE34" s="103">
        <v>10</v>
      </c>
      <c r="KF34" s="413">
        <v>0</v>
      </c>
      <c r="KG34" s="102">
        <v>10</v>
      </c>
      <c r="KH34" s="102">
        <v>4</v>
      </c>
      <c r="KI34" s="102">
        <v>9</v>
      </c>
      <c r="KJ34" s="102">
        <v>3</v>
      </c>
      <c r="KK34" s="102">
        <v>3</v>
      </c>
      <c r="KL34" s="103">
        <v>29</v>
      </c>
      <c r="KM34" s="104">
        <v>39</v>
      </c>
    </row>
    <row r="35" spans="2:299" s="70" customFormat="1" ht="21" customHeight="1" x14ac:dyDescent="0.2">
      <c r="B35" s="106" t="s">
        <v>32</v>
      </c>
      <c r="C35" s="96">
        <v>3</v>
      </c>
      <c r="D35" s="97">
        <v>4</v>
      </c>
      <c r="E35" s="98">
        <v>7</v>
      </c>
      <c r="F35" s="413">
        <v>0</v>
      </c>
      <c r="G35" s="97">
        <v>13</v>
      </c>
      <c r="H35" s="97">
        <v>5</v>
      </c>
      <c r="I35" s="97">
        <v>3</v>
      </c>
      <c r="J35" s="97">
        <v>5</v>
      </c>
      <c r="K35" s="97">
        <v>4</v>
      </c>
      <c r="L35" s="99">
        <v>30</v>
      </c>
      <c r="M35" s="100">
        <v>37</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1</v>
      </c>
      <c r="AD35" s="102">
        <v>1</v>
      </c>
      <c r="AE35" s="102">
        <v>0</v>
      </c>
      <c r="AF35" s="102">
        <v>1</v>
      </c>
      <c r="AG35" s="102">
        <v>1</v>
      </c>
      <c r="AH35" s="103">
        <v>4</v>
      </c>
      <c r="AI35" s="104">
        <v>4</v>
      </c>
      <c r="AJ35" s="101">
        <v>2</v>
      </c>
      <c r="AK35" s="102">
        <v>0</v>
      </c>
      <c r="AL35" s="103">
        <v>2</v>
      </c>
      <c r="AM35" s="413">
        <v>0</v>
      </c>
      <c r="AN35" s="102">
        <v>2</v>
      </c>
      <c r="AO35" s="102">
        <v>0</v>
      </c>
      <c r="AP35" s="102">
        <v>0</v>
      </c>
      <c r="AQ35" s="102">
        <v>1</v>
      </c>
      <c r="AR35" s="102">
        <v>2</v>
      </c>
      <c r="AS35" s="103">
        <v>5</v>
      </c>
      <c r="AT35" s="104">
        <v>7</v>
      </c>
      <c r="AU35" s="101">
        <v>1</v>
      </c>
      <c r="AV35" s="102">
        <v>2</v>
      </c>
      <c r="AW35" s="103">
        <v>3</v>
      </c>
      <c r="AX35" s="413">
        <v>0</v>
      </c>
      <c r="AY35" s="102">
        <v>6</v>
      </c>
      <c r="AZ35" s="102">
        <v>1</v>
      </c>
      <c r="BA35" s="102">
        <v>0</v>
      </c>
      <c r="BB35" s="102">
        <v>0</v>
      </c>
      <c r="BC35" s="102">
        <v>1</v>
      </c>
      <c r="BD35" s="103">
        <v>8</v>
      </c>
      <c r="BE35" s="104">
        <v>11</v>
      </c>
      <c r="BF35" s="101">
        <v>0</v>
      </c>
      <c r="BG35" s="102">
        <v>1</v>
      </c>
      <c r="BH35" s="103">
        <v>1</v>
      </c>
      <c r="BI35" s="413">
        <v>0</v>
      </c>
      <c r="BJ35" s="102">
        <v>2</v>
      </c>
      <c r="BK35" s="102">
        <v>1</v>
      </c>
      <c r="BL35" s="102">
        <v>1</v>
      </c>
      <c r="BM35" s="102">
        <v>2</v>
      </c>
      <c r="BN35" s="102">
        <v>0</v>
      </c>
      <c r="BO35" s="103">
        <v>6</v>
      </c>
      <c r="BP35" s="104">
        <v>7</v>
      </c>
      <c r="BQ35" s="101">
        <v>0</v>
      </c>
      <c r="BR35" s="102">
        <v>1</v>
      </c>
      <c r="BS35" s="103">
        <v>1</v>
      </c>
      <c r="BT35" s="413">
        <v>0</v>
      </c>
      <c r="BU35" s="102">
        <v>2</v>
      </c>
      <c r="BV35" s="102">
        <v>2</v>
      </c>
      <c r="BW35" s="102">
        <v>2</v>
      </c>
      <c r="BX35" s="102">
        <v>1</v>
      </c>
      <c r="BY35" s="102">
        <v>0</v>
      </c>
      <c r="BZ35" s="103">
        <v>7</v>
      </c>
      <c r="CA35" s="104">
        <v>8</v>
      </c>
      <c r="CB35" s="101">
        <v>0</v>
      </c>
      <c r="CC35" s="102">
        <v>0</v>
      </c>
      <c r="CD35" s="103">
        <v>0</v>
      </c>
      <c r="CE35" s="413">
        <v>0</v>
      </c>
      <c r="CF35" s="102">
        <v>0</v>
      </c>
      <c r="CG35" s="102">
        <v>0</v>
      </c>
      <c r="CH35" s="102">
        <v>0</v>
      </c>
      <c r="CI35" s="102">
        <v>0</v>
      </c>
      <c r="CJ35" s="102">
        <v>0</v>
      </c>
      <c r="CK35" s="103">
        <v>0</v>
      </c>
      <c r="CL35" s="104">
        <v>0</v>
      </c>
      <c r="CM35" s="101">
        <v>3</v>
      </c>
      <c r="CN35" s="102">
        <v>4</v>
      </c>
      <c r="CO35" s="103">
        <v>7</v>
      </c>
      <c r="CP35" s="413">
        <v>0</v>
      </c>
      <c r="CQ35" s="102">
        <v>13</v>
      </c>
      <c r="CR35" s="102">
        <v>5</v>
      </c>
      <c r="CS35" s="102">
        <v>3</v>
      </c>
      <c r="CT35" s="102">
        <v>5</v>
      </c>
      <c r="CU35" s="102">
        <v>4</v>
      </c>
      <c r="CV35" s="103">
        <v>30</v>
      </c>
      <c r="CW35" s="104">
        <v>37</v>
      </c>
      <c r="CX35" s="105">
        <v>2</v>
      </c>
      <c r="CY35" s="97">
        <v>1</v>
      </c>
      <c r="CZ35" s="98">
        <v>3</v>
      </c>
      <c r="DA35" s="413">
        <v>0</v>
      </c>
      <c r="DB35" s="97">
        <v>3</v>
      </c>
      <c r="DC35" s="97">
        <v>3</v>
      </c>
      <c r="DD35" s="97">
        <v>1</v>
      </c>
      <c r="DE35" s="97">
        <v>2</v>
      </c>
      <c r="DF35" s="97">
        <v>0</v>
      </c>
      <c r="DG35" s="99">
        <v>9</v>
      </c>
      <c r="DH35" s="100">
        <v>12</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0</v>
      </c>
      <c r="EJ35" s="102">
        <v>0</v>
      </c>
      <c r="EK35" s="102">
        <v>1</v>
      </c>
      <c r="EL35" s="102">
        <v>0</v>
      </c>
      <c r="EM35" s="102">
        <v>0</v>
      </c>
      <c r="EN35" s="103">
        <v>1</v>
      </c>
      <c r="EO35" s="104">
        <v>1</v>
      </c>
      <c r="EP35" s="101">
        <v>1</v>
      </c>
      <c r="EQ35" s="102">
        <v>0</v>
      </c>
      <c r="ER35" s="103">
        <v>1</v>
      </c>
      <c r="ES35" s="413">
        <v>0</v>
      </c>
      <c r="ET35" s="102">
        <v>0</v>
      </c>
      <c r="EU35" s="102">
        <v>0</v>
      </c>
      <c r="EV35" s="102">
        <v>0</v>
      </c>
      <c r="EW35" s="102">
        <v>1</v>
      </c>
      <c r="EX35" s="102">
        <v>0</v>
      </c>
      <c r="EY35" s="103">
        <v>1</v>
      </c>
      <c r="EZ35" s="104">
        <v>2</v>
      </c>
      <c r="FA35" s="101">
        <v>0</v>
      </c>
      <c r="FB35" s="102">
        <v>1</v>
      </c>
      <c r="FC35" s="103">
        <v>1</v>
      </c>
      <c r="FD35" s="413">
        <v>0</v>
      </c>
      <c r="FE35" s="102">
        <v>1</v>
      </c>
      <c r="FF35" s="102">
        <v>1</v>
      </c>
      <c r="FG35" s="102">
        <v>0</v>
      </c>
      <c r="FH35" s="102">
        <v>0</v>
      </c>
      <c r="FI35" s="102">
        <v>0</v>
      </c>
      <c r="FJ35" s="103">
        <v>2</v>
      </c>
      <c r="FK35" s="104">
        <v>3</v>
      </c>
      <c r="FL35" s="101">
        <v>0</v>
      </c>
      <c r="FM35" s="102">
        <v>0</v>
      </c>
      <c r="FN35" s="103">
        <v>0</v>
      </c>
      <c r="FO35" s="413">
        <v>0</v>
      </c>
      <c r="FP35" s="102">
        <v>2</v>
      </c>
      <c r="FQ35" s="102">
        <v>2</v>
      </c>
      <c r="FR35" s="102">
        <v>0</v>
      </c>
      <c r="FS35" s="102">
        <v>1</v>
      </c>
      <c r="FT35" s="102">
        <v>0</v>
      </c>
      <c r="FU35" s="103">
        <v>5</v>
      </c>
      <c r="FV35" s="104">
        <v>5</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3</v>
      </c>
      <c r="GM35" s="102">
        <v>3</v>
      </c>
      <c r="GN35" s="102">
        <v>1</v>
      </c>
      <c r="GO35" s="102">
        <v>2</v>
      </c>
      <c r="GP35" s="102">
        <v>0</v>
      </c>
      <c r="GQ35" s="103">
        <v>9</v>
      </c>
      <c r="GR35" s="104">
        <v>12</v>
      </c>
      <c r="GS35" s="105">
        <v>5</v>
      </c>
      <c r="GT35" s="97">
        <v>5</v>
      </c>
      <c r="GU35" s="98">
        <v>10</v>
      </c>
      <c r="GV35" s="413">
        <v>0</v>
      </c>
      <c r="GW35" s="97">
        <v>16</v>
      </c>
      <c r="GX35" s="97">
        <v>8</v>
      </c>
      <c r="GY35" s="97">
        <v>4</v>
      </c>
      <c r="GZ35" s="97">
        <v>7</v>
      </c>
      <c r="HA35" s="97">
        <v>4</v>
      </c>
      <c r="HB35" s="99">
        <v>39</v>
      </c>
      <c r="HC35" s="100">
        <v>49</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1</v>
      </c>
      <c r="HT35" s="102">
        <v>1</v>
      </c>
      <c r="HU35" s="102">
        <v>0</v>
      </c>
      <c r="HV35" s="102">
        <v>1</v>
      </c>
      <c r="HW35" s="102">
        <v>1</v>
      </c>
      <c r="HX35" s="103">
        <v>4</v>
      </c>
      <c r="HY35" s="104">
        <v>5</v>
      </c>
      <c r="HZ35" s="101">
        <v>2</v>
      </c>
      <c r="IA35" s="102">
        <v>0</v>
      </c>
      <c r="IB35" s="103">
        <v>2</v>
      </c>
      <c r="IC35" s="413">
        <v>0</v>
      </c>
      <c r="ID35" s="102">
        <v>2</v>
      </c>
      <c r="IE35" s="102">
        <v>0</v>
      </c>
      <c r="IF35" s="102">
        <v>1</v>
      </c>
      <c r="IG35" s="102">
        <v>1</v>
      </c>
      <c r="IH35" s="102">
        <v>2</v>
      </c>
      <c r="II35" s="103">
        <v>6</v>
      </c>
      <c r="IJ35" s="104">
        <v>8</v>
      </c>
      <c r="IK35" s="101">
        <v>2</v>
      </c>
      <c r="IL35" s="102">
        <v>2</v>
      </c>
      <c r="IM35" s="103">
        <v>4</v>
      </c>
      <c r="IN35" s="413">
        <v>0</v>
      </c>
      <c r="IO35" s="102">
        <v>6</v>
      </c>
      <c r="IP35" s="102">
        <v>1</v>
      </c>
      <c r="IQ35" s="102">
        <v>0</v>
      </c>
      <c r="IR35" s="102">
        <v>1</v>
      </c>
      <c r="IS35" s="102">
        <v>1</v>
      </c>
      <c r="IT35" s="103">
        <v>9</v>
      </c>
      <c r="IU35" s="104">
        <v>13</v>
      </c>
      <c r="IV35" s="101">
        <v>0</v>
      </c>
      <c r="IW35" s="102">
        <v>2</v>
      </c>
      <c r="IX35" s="103">
        <v>2</v>
      </c>
      <c r="IY35" s="413">
        <v>0</v>
      </c>
      <c r="IZ35" s="102">
        <v>3</v>
      </c>
      <c r="JA35" s="102">
        <v>2</v>
      </c>
      <c r="JB35" s="102">
        <v>1</v>
      </c>
      <c r="JC35" s="102">
        <v>2</v>
      </c>
      <c r="JD35" s="102">
        <v>0</v>
      </c>
      <c r="JE35" s="103">
        <v>8</v>
      </c>
      <c r="JF35" s="104">
        <v>10</v>
      </c>
      <c r="JG35" s="101">
        <v>0</v>
      </c>
      <c r="JH35" s="102">
        <v>1</v>
      </c>
      <c r="JI35" s="103">
        <v>1</v>
      </c>
      <c r="JJ35" s="413">
        <v>0</v>
      </c>
      <c r="JK35" s="102">
        <v>4</v>
      </c>
      <c r="JL35" s="102">
        <v>4</v>
      </c>
      <c r="JM35" s="102">
        <v>2</v>
      </c>
      <c r="JN35" s="102">
        <v>2</v>
      </c>
      <c r="JO35" s="102">
        <v>0</v>
      </c>
      <c r="JP35" s="103">
        <v>12</v>
      </c>
      <c r="JQ35" s="104">
        <v>13</v>
      </c>
      <c r="JR35" s="101">
        <v>0</v>
      </c>
      <c r="JS35" s="102">
        <v>0</v>
      </c>
      <c r="JT35" s="103">
        <v>0</v>
      </c>
      <c r="JU35" s="413">
        <v>0</v>
      </c>
      <c r="JV35" s="102">
        <v>0</v>
      </c>
      <c r="JW35" s="102">
        <v>0</v>
      </c>
      <c r="JX35" s="102">
        <v>0</v>
      </c>
      <c r="JY35" s="102">
        <v>0</v>
      </c>
      <c r="JZ35" s="102">
        <v>0</v>
      </c>
      <c r="KA35" s="103">
        <v>0</v>
      </c>
      <c r="KB35" s="104">
        <v>0</v>
      </c>
      <c r="KC35" s="101">
        <v>5</v>
      </c>
      <c r="KD35" s="102">
        <v>5</v>
      </c>
      <c r="KE35" s="103">
        <v>10</v>
      </c>
      <c r="KF35" s="413">
        <v>0</v>
      </c>
      <c r="KG35" s="102">
        <v>16</v>
      </c>
      <c r="KH35" s="102">
        <v>8</v>
      </c>
      <c r="KI35" s="102">
        <v>4</v>
      </c>
      <c r="KJ35" s="102">
        <v>7</v>
      </c>
      <c r="KK35" s="102">
        <v>4</v>
      </c>
      <c r="KL35" s="103">
        <v>39</v>
      </c>
      <c r="KM35" s="104">
        <v>49</v>
      </c>
    </row>
    <row r="36" spans="2:299" s="70" customFormat="1" ht="21" customHeight="1" x14ac:dyDescent="0.2">
      <c r="B36" s="106" t="s">
        <v>33</v>
      </c>
      <c r="C36" s="96">
        <v>1</v>
      </c>
      <c r="D36" s="97">
        <v>4</v>
      </c>
      <c r="E36" s="98">
        <v>5</v>
      </c>
      <c r="F36" s="413">
        <v>0</v>
      </c>
      <c r="G36" s="97">
        <v>9</v>
      </c>
      <c r="H36" s="97">
        <v>2</v>
      </c>
      <c r="I36" s="97">
        <v>4</v>
      </c>
      <c r="J36" s="97">
        <v>2</v>
      </c>
      <c r="K36" s="97">
        <v>3</v>
      </c>
      <c r="L36" s="99">
        <v>20</v>
      </c>
      <c r="M36" s="100">
        <v>25</v>
      </c>
      <c r="N36" s="101">
        <v>0</v>
      </c>
      <c r="O36" s="102">
        <v>0</v>
      </c>
      <c r="P36" s="103">
        <v>0</v>
      </c>
      <c r="Q36" s="413">
        <v>0</v>
      </c>
      <c r="R36" s="102">
        <v>2</v>
      </c>
      <c r="S36" s="102">
        <v>0</v>
      </c>
      <c r="T36" s="102">
        <v>0</v>
      </c>
      <c r="U36" s="102">
        <v>1</v>
      </c>
      <c r="V36" s="102">
        <v>0</v>
      </c>
      <c r="W36" s="103">
        <v>3</v>
      </c>
      <c r="X36" s="104">
        <v>3</v>
      </c>
      <c r="Y36" s="101">
        <v>0</v>
      </c>
      <c r="Z36" s="102">
        <v>0</v>
      </c>
      <c r="AA36" s="103">
        <v>0</v>
      </c>
      <c r="AB36" s="413">
        <v>0</v>
      </c>
      <c r="AC36" s="102">
        <v>1</v>
      </c>
      <c r="AD36" s="102">
        <v>0</v>
      </c>
      <c r="AE36" s="102">
        <v>1</v>
      </c>
      <c r="AF36" s="102">
        <v>0</v>
      </c>
      <c r="AG36" s="102">
        <v>1</v>
      </c>
      <c r="AH36" s="103">
        <v>3</v>
      </c>
      <c r="AI36" s="104">
        <v>3</v>
      </c>
      <c r="AJ36" s="101">
        <v>0</v>
      </c>
      <c r="AK36" s="102">
        <v>1</v>
      </c>
      <c r="AL36" s="103">
        <v>1</v>
      </c>
      <c r="AM36" s="413">
        <v>0</v>
      </c>
      <c r="AN36" s="102">
        <v>2</v>
      </c>
      <c r="AO36" s="102">
        <v>1</v>
      </c>
      <c r="AP36" s="102">
        <v>1</v>
      </c>
      <c r="AQ36" s="102">
        <v>0</v>
      </c>
      <c r="AR36" s="102">
        <v>1</v>
      </c>
      <c r="AS36" s="103">
        <v>5</v>
      </c>
      <c r="AT36" s="104">
        <v>6</v>
      </c>
      <c r="AU36" s="101">
        <v>1</v>
      </c>
      <c r="AV36" s="102">
        <v>2</v>
      </c>
      <c r="AW36" s="103">
        <v>3</v>
      </c>
      <c r="AX36" s="413">
        <v>0</v>
      </c>
      <c r="AY36" s="102">
        <v>1</v>
      </c>
      <c r="AZ36" s="102">
        <v>0</v>
      </c>
      <c r="BA36" s="102">
        <v>1</v>
      </c>
      <c r="BB36" s="102">
        <v>0</v>
      </c>
      <c r="BC36" s="102">
        <v>0</v>
      </c>
      <c r="BD36" s="103">
        <v>2</v>
      </c>
      <c r="BE36" s="104">
        <v>5</v>
      </c>
      <c r="BF36" s="101">
        <v>0</v>
      </c>
      <c r="BG36" s="102">
        <v>1</v>
      </c>
      <c r="BH36" s="103">
        <v>1</v>
      </c>
      <c r="BI36" s="413">
        <v>0</v>
      </c>
      <c r="BJ36" s="102">
        <v>1</v>
      </c>
      <c r="BK36" s="102">
        <v>1</v>
      </c>
      <c r="BL36" s="102">
        <v>0</v>
      </c>
      <c r="BM36" s="102">
        <v>0</v>
      </c>
      <c r="BN36" s="102">
        <v>1</v>
      </c>
      <c r="BO36" s="103">
        <v>3</v>
      </c>
      <c r="BP36" s="104">
        <v>4</v>
      </c>
      <c r="BQ36" s="101">
        <v>0</v>
      </c>
      <c r="BR36" s="102">
        <v>0</v>
      </c>
      <c r="BS36" s="103">
        <v>0</v>
      </c>
      <c r="BT36" s="413">
        <v>0</v>
      </c>
      <c r="BU36" s="102">
        <v>2</v>
      </c>
      <c r="BV36" s="102">
        <v>0</v>
      </c>
      <c r="BW36" s="102">
        <v>1</v>
      </c>
      <c r="BX36" s="102">
        <v>1</v>
      </c>
      <c r="BY36" s="102">
        <v>0</v>
      </c>
      <c r="BZ36" s="103">
        <v>4</v>
      </c>
      <c r="CA36" s="104">
        <v>4</v>
      </c>
      <c r="CB36" s="101">
        <v>0</v>
      </c>
      <c r="CC36" s="102">
        <v>0</v>
      </c>
      <c r="CD36" s="103">
        <v>0</v>
      </c>
      <c r="CE36" s="413">
        <v>0</v>
      </c>
      <c r="CF36" s="102">
        <v>0</v>
      </c>
      <c r="CG36" s="102">
        <v>0</v>
      </c>
      <c r="CH36" s="102">
        <v>0</v>
      </c>
      <c r="CI36" s="102">
        <v>0</v>
      </c>
      <c r="CJ36" s="102">
        <v>0</v>
      </c>
      <c r="CK36" s="103">
        <v>0</v>
      </c>
      <c r="CL36" s="104">
        <v>0</v>
      </c>
      <c r="CM36" s="101">
        <v>1</v>
      </c>
      <c r="CN36" s="102">
        <v>4</v>
      </c>
      <c r="CO36" s="103">
        <v>5</v>
      </c>
      <c r="CP36" s="413">
        <v>0</v>
      </c>
      <c r="CQ36" s="102">
        <v>9</v>
      </c>
      <c r="CR36" s="102">
        <v>2</v>
      </c>
      <c r="CS36" s="102">
        <v>4</v>
      </c>
      <c r="CT36" s="102">
        <v>2</v>
      </c>
      <c r="CU36" s="102">
        <v>3</v>
      </c>
      <c r="CV36" s="103">
        <v>20</v>
      </c>
      <c r="CW36" s="104">
        <v>25</v>
      </c>
      <c r="CX36" s="105">
        <v>0</v>
      </c>
      <c r="CY36" s="97">
        <v>3</v>
      </c>
      <c r="CZ36" s="98">
        <v>3</v>
      </c>
      <c r="DA36" s="413">
        <v>0</v>
      </c>
      <c r="DB36" s="97">
        <v>4</v>
      </c>
      <c r="DC36" s="97">
        <v>2</v>
      </c>
      <c r="DD36" s="97">
        <v>4</v>
      </c>
      <c r="DE36" s="97">
        <v>1</v>
      </c>
      <c r="DF36" s="97">
        <v>3</v>
      </c>
      <c r="DG36" s="99">
        <v>14</v>
      </c>
      <c r="DH36" s="100">
        <v>17</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2</v>
      </c>
      <c r="ER36" s="103">
        <v>2</v>
      </c>
      <c r="ES36" s="413">
        <v>0</v>
      </c>
      <c r="ET36" s="102">
        <v>0</v>
      </c>
      <c r="EU36" s="102">
        <v>0</v>
      </c>
      <c r="EV36" s="102">
        <v>0</v>
      </c>
      <c r="EW36" s="102">
        <v>0</v>
      </c>
      <c r="EX36" s="102">
        <v>0</v>
      </c>
      <c r="EY36" s="103">
        <v>0</v>
      </c>
      <c r="EZ36" s="104">
        <v>2</v>
      </c>
      <c r="FA36" s="101">
        <v>0</v>
      </c>
      <c r="FB36" s="102">
        <v>0</v>
      </c>
      <c r="FC36" s="103">
        <v>0</v>
      </c>
      <c r="FD36" s="413">
        <v>0</v>
      </c>
      <c r="FE36" s="102">
        <v>1</v>
      </c>
      <c r="FF36" s="102">
        <v>1</v>
      </c>
      <c r="FG36" s="102">
        <v>0</v>
      </c>
      <c r="FH36" s="102">
        <v>0</v>
      </c>
      <c r="FI36" s="102">
        <v>0</v>
      </c>
      <c r="FJ36" s="103">
        <v>2</v>
      </c>
      <c r="FK36" s="104">
        <v>2</v>
      </c>
      <c r="FL36" s="101">
        <v>0</v>
      </c>
      <c r="FM36" s="102">
        <v>1</v>
      </c>
      <c r="FN36" s="103">
        <v>1</v>
      </c>
      <c r="FO36" s="413">
        <v>0</v>
      </c>
      <c r="FP36" s="102">
        <v>3</v>
      </c>
      <c r="FQ36" s="102">
        <v>1</v>
      </c>
      <c r="FR36" s="102">
        <v>4</v>
      </c>
      <c r="FS36" s="102">
        <v>1</v>
      </c>
      <c r="FT36" s="102">
        <v>3</v>
      </c>
      <c r="FU36" s="103">
        <v>12</v>
      </c>
      <c r="FV36" s="104">
        <v>13</v>
      </c>
      <c r="FW36" s="101">
        <v>0</v>
      </c>
      <c r="FX36" s="102">
        <v>0</v>
      </c>
      <c r="FY36" s="103">
        <v>0</v>
      </c>
      <c r="FZ36" s="413">
        <v>0</v>
      </c>
      <c r="GA36" s="102">
        <v>0</v>
      </c>
      <c r="GB36" s="102">
        <v>0</v>
      </c>
      <c r="GC36" s="102">
        <v>0</v>
      </c>
      <c r="GD36" s="102">
        <v>0</v>
      </c>
      <c r="GE36" s="102">
        <v>0</v>
      </c>
      <c r="GF36" s="103">
        <v>0</v>
      </c>
      <c r="GG36" s="104">
        <v>0</v>
      </c>
      <c r="GH36" s="101">
        <v>0</v>
      </c>
      <c r="GI36" s="102">
        <v>3</v>
      </c>
      <c r="GJ36" s="103">
        <v>3</v>
      </c>
      <c r="GK36" s="413">
        <v>0</v>
      </c>
      <c r="GL36" s="102">
        <v>4</v>
      </c>
      <c r="GM36" s="102">
        <v>2</v>
      </c>
      <c r="GN36" s="102">
        <v>4</v>
      </c>
      <c r="GO36" s="102">
        <v>1</v>
      </c>
      <c r="GP36" s="102">
        <v>3</v>
      </c>
      <c r="GQ36" s="103">
        <v>14</v>
      </c>
      <c r="GR36" s="104">
        <v>17</v>
      </c>
      <c r="GS36" s="105">
        <v>1</v>
      </c>
      <c r="GT36" s="97">
        <v>7</v>
      </c>
      <c r="GU36" s="98">
        <v>8</v>
      </c>
      <c r="GV36" s="413">
        <v>0</v>
      </c>
      <c r="GW36" s="97">
        <v>13</v>
      </c>
      <c r="GX36" s="97">
        <v>4</v>
      </c>
      <c r="GY36" s="97">
        <v>8</v>
      </c>
      <c r="GZ36" s="97">
        <v>3</v>
      </c>
      <c r="HA36" s="97">
        <v>6</v>
      </c>
      <c r="HB36" s="99">
        <v>34</v>
      </c>
      <c r="HC36" s="100">
        <v>42</v>
      </c>
      <c r="HD36" s="101">
        <v>0</v>
      </c>
      <c r="HE36" s="102">
        <v>0</v>
      </c>
      <c r="HF36" s="103">
        <v>0</v>
      </c>
      <c r="HG36" s="413">
        <v>0</v>
      </c>
      <c r="HH36" s="102">
        <v>2</v>
      </c>
      <c r="HI36" s="102">
        <v>0</v>
      </c>
      <c r="HJ36" s="102">
        <v>0</v>
      </c>
      <c r="HK36" s="102">
        <v>1</v>
      </c>
      <c r="HL36" s="102">
        <v>0</v>
      </c>
      <c r="HM36" s="103">
        <v>3</v>
      </c>
      <c r="HN36" s="104">
        <v>3</v>
      </c>
      <c r="HO36" s="101">
        <v>0</v>
      </c>
      <c r="HP36" s="102">
        <v>0</v>
      </c>
      <c r="HQ36" s="103">
        <v>0</v>
      </c>
      <c r="HR36" s="413">
        <v>0</v>
      </c>
      <c r="HS36" s="102">
        <v>1</v>
      </c>
      <c r="HT36" s="102">
        <v>0</v>
      </c>
      <c r="HU36" s="102">
        <v>1</v>
      </c>
      <c r="HV36" s="102">
        <v>0</v>
      </c>
      <c r="HW36" s="102">
        <v>1</v>
      </c>
      <c r="HX36" s="103">
        <v>3</v>
      </c>
      <c r="HY36" s="104">
        <v>3</v>
      </c>
      <c r="HZ36" s="101">
        <v>0</v>
      </c>
      <c r="IA36" s="102">
        <v>1</v>
      </c>
      <c r="IB36" s="103">
        <v>1</v>
      </c>
      <c r="IC36" s="413">
        <v>0</v>
      </c>
      <c r="ID36" s="102">
        <v>2</v>
      </c>
      <c r="IE36" s="102">
        <v>1</v>
      </c>
      <c r="IF36" s="102">
        <v>1</v>
      </c>
      <c r="IG36" s="102">
        <v>0</v>
      </c>
      <c r="IH36" s="102">
        <v>1</v>
      </c>
      <c r="II36" s="103">
        <v>5</v>
      </c>
      <c r="IJ36" s="104">
        <v>6</v>
      </c>
      <c r="IK36" s="101">
        <v>1</v>
      </c>
      <c r="IL36" s="102">
        <v>4</v>
      </c>
      <c r="IM36" s="103">
        <v>5</v>
      </c>
      <c r="IN36" s="413">
        <v>0</v>
      </c>
      <c r="IO36" s="102">
        <v>1</v>
      </c>
      <c r="IP36" s="102">
        <v>0</v>
      </c>
      <c r="IQ36" s="102">
        <v>1</v>
      </c>
      <c r="IR36" s="102">
        <v>0</v>
      </c>
      <c r="IS36" s="102">
        <v>0</v>
      </c>
      <c r="IT36" s="103">
        <v>2</v>
      </c>
      <c r="IU36" s="104">
        <v>7</v>
      </c>
      <c r="IV36" s="101">
        <v>0</v>
      </c>
      <c r="IW36" s="102">
        <v>1</v>
      </c>
      <c r="IX36" s="103">
        <v>1</v>
      </c>
      <c r="IY36" s="413">
        <v>0</v>
      </c>
      <c r="IZ36" s="102">
        <v>2</v>
      </c>
      <c r="JA36" s="102">
        <v>2</v>
      </c>
      <c r="JB36" s="102">
        <v>0</v>
      </c>
      <c r="JC36" s="102">
        <v>0</v>
      </c>
      <c r="JD36" s="102">
        <v>1</v>
      </c>
      <c r="JE36" s="103">
        <v>5</v>
      </c>
      <c r="JF36" s="104">
        <v>6</v>
      </c>
      <c r="JG36" s="101">
        <v>0</v>
      </c>
      <c r="JH36" s="102">
        <v>1</v>
      </c>
      <c r="JI36" s="103">
        <v>1</v>
      </c>
      <c r="JJ36" s="413">
        <v>0</v>
      </c>
      <c r="JK36" s="102">
        <v>5</v>
      </c>
      <c r="JL36" s="102">
        <v>1</v>
      </c>
      <c r="JM36" s="102">
        <v>5</v>
      </c>
      <c r="JN36" s="102">
        <v>2</v>
      </c>
      <c r="JO36" s="102">
        <v>3</v>
      </c>
      <c r="JP36" s="103">
        <v>16</v>
      </c>
      <c r="JQ36" s="104">
        <v>17</v>
      </c>
      <c r="JR36" s="101">
        <v>0</v>
      </c>
      <c r="JS36" s="102">
        <v>0</v>
      </c>
      <c r="JT36" s="103">
        <v>0</v>
      </c>
      <c r="JU36" s="413">
        <v>0</v>
      </c>
      <c r="JV36" s="102">
        <v>0</v>
      </c>
      <c r="JW36" s="102">
        <v>0</v>
      </c>
      <c r="JX36" s="102">
        <v>0</v>
      </c>
      <c r="JY36" s="102">
        <v>0</v>
      </c>
      <c r="JZ36" s="102">
        <v>0</v>
      </c>
      <c r="KA36" s="103">
        <v>0</v>
      </c>
      <c r="KB36" s="104">
        <v>0</v>
      </c>
      <c r="KC36" s="101">
        <v>1</v>
      </c>
      <c r="KD36" s="102">
        <v>7</v>
      </c>
      <c r="KE36" s="103">
        <v>8</v>
      </c>
      <c r="KF36" s="413">
        <v>0</v>
      </c>
      <c r="KG36" s="102">
        <v>13</v>
      </c>
      <c r="KH36" s="102">
        <v>4</v>
      </c>
      <c r="KI36" s="102">
        <v>8</v>
      </c>
      <c r="KJ36" s="102">
        <v>3</v>
      </c>
      <c r="KK36" s="102">
        <v>6</v>
      </c>
      <c r="KL36" s="103">
        <v>34</v>
      </c>
      <c r="KM36" s="104">
        <v>42</v>
      </c>
    </row>
    <row r="37" spans="2:299" s="70" customFormat="1" ht="21" customHeight="1" x14ac:dyDescent="0.2">
      <c r="B37" s="106" t="s">
        <v>34</v>
      </c>
      <c r="C37" s="96">
        <v>3</v>
      </c>
      <c r="D37" s="97">
        <v>1</v>
      </c>
      <c r="E37" s="98">
        <v>4</v>
      </c>
      <c r="F37" s="413">
        <v>0</v>
      </c>
      <c r="G37" s="97">
        <v>4</v>
      </c>
      <c r="H37" s="97">
        <v>2</v>
      </c>
      <c r="I37" s="97">
        <v>3</v>
      </c>
      <c r="J37" s="97">
        <v>1</v>
      </c>
      <c r="K37" s="97">
        <v>0</v>
      </c>
      <c r="L37" s="99">
        <v>10</v>
      </c>
      <c r="M37" s="100">
        <v>1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2</v>
      </c>
      <c r="AK37" s="102">
        <v>0</v>
      </c>
      <c r="AL37" s="103">
        <v>2</v>
      </c>
      <c r="AM37" s="413">
        <v>0</v>
      </c>
      <c r="AN37" s="102">
        <v>0</v>
      </c>
      <c r="AO37" s="102">
        <v>0</v>
      </c>
      <c r="AP37" s="102">
        <v>0</v>
      </c>
      <c r="AQ37" s="102">
        <v>0</v>
      </c>
      <c r="AR37" s="102">
        <v>0</v>
      </c>
      <c r="AS37" s="103">
        <v>0</v>
      </c>
      <c r="AT37" s="104">
        <v>2</v>
      </c>
      <c r="AU37" s="101">
        <v>1</v>
      </c>
      <c r="AV37" s="102">
        <v>1</v>
      </c>
      <c r="AW37" s="103">
        <v>2</v>
      </c>
      <c r="AX37" s="413">
        <v>0</v>
      </c>
      <c r="AY37" s="102">
        <v>2</v>
      </c>
      <c r="AZ37" s="102">
        <v>1</v>
      </c>
      <c r="BA37" s="102">
        <v>0</v>
      </c>
      <c r="BB37" s="102">
        <v>1</v>
      </c>
      <c r="BC37" s="102">
        <v>0</v>
      </c>
      <c r="BD37" s="103">
        <v>4</v>
      </c>
      <c r="BE37" s="104">
        <v>6</v>
      </c>
      <c r="BF37" s="101">
        <v>0</v>
      </c>
      <c r="BG37" s="102">
        <v>0</v>
      </c>
      <c r="BH37" s="103">
        <v>0</v>
      </c>
      <c r="BI37" s="413">
        <v>0</v>
      </c>
      <c r="BJ37" s="102">
        <v>1</v>
      </c>
      <c r="BK37" s="102">
        <v>0</v>
      </c>
      <c r="BL37" s="102">
        <v>0</v>
      </c>
      <c r="BM37" s="102">
        <v>0</v>
      </c>
      <c r="BN37" s="102">
        <v>0</v>
      </c>
      <c r="BO37" s="103">
        <v>1</v>
      </c>
      <c r="BP37" s="104">
        <v>1</v>
      </c>
      <c r="BQ37" s="101">
        <v>0</v>
      </c>
      <c r="BR37" s="102">
        <v>0</v>
      </c>
      <c r="BS37" s="103">
        <v>0</v>
      </c>
      <c r="BT37" s="413">
        <v>0</v>
      </c>
      <c r="BU37" s="102">
        <v>1</v>
      </c>
      <c r="BV37" s="102">
        <v>0</v>
      </c>
      <c r="BW37" s="102">
        <v>3</v>
      </c>
      <c r="BX37" s="102">
        <v>0</v>
      </c>
      <c r="BY37" s="102">
        <v>0</v>
      </c>
      <c r="BZ37" s="103">
        <v>4</v>
      </c>
      <c r="CA37" s="104">
        <v>4</v>
      </c>
      <c r="CB37" s="101">
        <v>0</v>
      </c>
      <c r="CC37" s="102">
        <v>0</v>
      </c>
      <c r="CD37" s="103">
        <v>0</v>
      </c>
      <c r="CE37" s="413">
        <v>0</v>
      </c>
      <c r="CF37" s="102">
        <v>0</v>
      </c>
      <c r="CG37" s="102">
        <v>0</v>
      </c>
      <c r="CH37" s="102">
        <v>0</v>
      </c>
      <c r="CI37" s="102">
        <v>0</v>
      </c>
      <c r="CJ37" s="102">
        <v>0</v>
      </c>
      <c r="CK37" s="103">
        <v>0</v>
      </c>
      <c r="CL37" s="104">
        <v>0</v>
      </c>
      <c r="CM37" s="101">
        <v>3</v>
      </c>
      <c r="CN37" s="102">
        <v>1</v>
      </c>
      <c r="CO37" s="103">
        <v>4</v>
      </c>
      <c r="CP37" s="413">
        <v>0</v>
      </c>
      <c r="CQ37" s="102">
        <v>4</v>
      </c>
      <c r="CR37" s="102">
        <v>2</v>
      </c>
      <c r="CS37" s="102">
        <v>3</v>
      </c>
      <c r="CT37" s="102">
        <v>1</v>
      </c>
      <c r="CU37" s="102">
        <v>0</v>
      </c>
      <c r="CV37" s="103">
        <v>10</v>
      </c>
      <c r="CW37" s="104">
        <v>14</v>
      </c>
      <c r="CX37" s="105">
        <v>1</v>
      </c>
      <c r="CY37" s="97">
        <v>3</v>
      </c>
      <c r="CZ37" s="98">
        <v>4</v>
      </c>
      <c r="DA37" s="413">
        <v>0</v>
      </c>
      <c r="DB37" s="97">
        <v>2</v>
      </c>
      <c r="DC37" s="97">
        <v>0</v>
      </c>
      <c r="DD37" s="97">
        <v>1</v>
      </c>
      <c r="DE37" s="97">
        <v>1</v>
      </c>
      <c r="DF37" s="97">
        <v>0</v>
      </c>
      <c r="DG37" s="99">
        <v>4</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1</v>
      </c>
      <c r="EF37" s="102">
        <v>1</v>
      </c>
      <c r="EG37" s="103">
        <v>2</v>
      </c>
      <c r="EH37" s="413">
        <v>0</v>
      </c>
      <c r="EI37" s="102">
        <v>1</v>
      </c>
      <c r="EJ37" s="102">
        <v>0</v>
      </c>
      <c r="EK37" s="102">
        <v>1</v>
      </c>
      <c r="EL37" s="102">
        <v>0</v>
      </c>
      <c r="EM37" s="102">
        <v>0</v>
      </c>
      <c r="EN37" s="103">
        <v>2</v>
      </c>
      <c r="EO37" s="104">
        <v>4</v>
      </c>
      <c r="EP37" s="101">
        <v>0</v>
      </c>
      <c r="EQ37" s="102">
        <v>1</v>
      </c>
      <c r="ER37" s="103">
        <v>1</v>
      </c>
      <c r="ES37" s="413">
        <v>0</v>
      </c>
      <c r="ET37" s="102">
        <v>0</v>
      </c>
      <c r="EU37" s="102">
        <v>0</v>
      </c>
      <c r="EV37" s="102">
        <v>0</v>
      </c>
      <c r="EW37" s="102">
        <v>0</v>
      </c>
      <c r="EX37" s="102">
        <v>0</v>
      </c>
      <c r="EY37" s="103">
        <v>0</v>
      </c>
      <c r="EZ37" s="104">
        <v>1</v>
      </c>
      <c r="FA37" s="101">
        <v>0</v>
      </c>
      <c r="FB37" s="102">
        <v>1</v>
      </c>
      <c r="FC37" s="103">
        <v>1</v>
      </c>
      <c r="FD37" s="413">
        <v>0</v>
      </c>
      <c r="FE37" s="102">
        <v>1</v>
      </c>
      <c r="FF37" s="102">
        <v>0</v>
      </c>
      <c r="FG37" s="102">
        <v>0</v>
      </c>
      <c r="FH37" s="102">
        <v>1</v>
      </c>
      <c r="FI37" s="102">
        <v>0</v>
      </c>
      <c r="FJ37" s="103">
        <v>2</v>
      </c>
      <c r="FK37" s="104">
        <v>3</v>
      </c>
      <c r="FL37" s="101">
        <v>0</v>
      </c>
      <c r="FM37" s="102">
        <v>0</v>
      </c>
      <c r="FN37" s="103">
        <v>0</v>
      </c>
      <c r="FO37" s="413">
        <v>0</v>
      </c>
      <c r="FP37" s="102">
        <v>0</v>
      </c>
      <c r="FQ37" s="102">
        <v>0</v>
      </c>
      <c r="FR37" s="102">
        <v>0</v>
      </c>
      <c r="FS37" s="102">
        <v>0</v>
      </c>
      <c r="FT37" s="102">
        <v>0</v>
      </c>
      <c r="FU37" s="103">
        <v>0</v>
      </c>
      <c r="FV37" s="104">
        <v>0</v>
      </c>
      <c r="FW37" s="101">
        <v>0</v>
      </c>
      <c r="FX37" s="102">
        <v>0</v>
      </c>
      <c r="FY37" s="103">
        <v>0</v>
      </c>
      <c r="FZ37" s="413">
        <v>0</v>
      </c>
      <c r="GA37" s="102">
        <v>0</v>
      </c>
      <c r="GB37" s="102">
        <v>0</v>
      </c>
      <c r="GC37" s="102">
        <v>0</v>
      </c>
      <c r="GD37" s="102">
        <v>0</v>
      </c>
      <c r="GE37" s="102">
        <v>0</v>
      </c>
      <c r="GF37" s="103">
        <v>0</v>
      </c>
      <c r="GG37" s="104">
        <v>0</v>
      </c>
      <c r="GH37" s="101">
        <v>1</v>
      </c>
      <c r="GI37" s="102">
        <v>3</v>
      </c>
      <c r="GJ37" s="103">
        <v>4</v>
      </c>
      <c r="GK37" s="413">
        <v>0</v>
      </c>
      <c r="GL37" s="102">
        <v>2</v>
      </c>
      <c r="GM37" s="102">
        <v>0</v>
      </c>
      <c r="GN37" s="102">
        <v>1</v>
      </c>
      <c r="GO37" s="102">
        <v>1</v>
      </c>
      <c r="GP37" s="102">
        <v>0</v>
      </c>
      <c r="GQ37" s="103">
        <v>4</v>
      </c>
      <c r="GR37" s="104">
        <v>8</v>
      </c>
      <c r="GS37" s="105">
        <v>4</v>
      </c>
      <c r="GT37" s="97">
        <v>4</v>
      </c>
      <c r="GU37" s="98">
        <v>8</v>
      </c>
      <c r="GV37" s="413">
        <v>0</v>
      </c>
      <c r="GW37" s="97">
        <v>6</v>
      </c>
      <c r="GX37" s="97">
        <v>2</v>
      </c>
      <c r="GY37" s="97">
        <v>4</v>
      </c>
      <c r="GZ37" s="97">
        <v>2</v>
      </c>
      <c r="HA37" s="97">
        <v>0</v>
      </c>
      <c r="HB37" s="99">
        <v>14</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3</v>
      </c>
      <c r="IA37" s="102">
        <v>1</v>
      </c>
      <c r="IB37" s="103">
        <v>4</v>
      </c>
      <c r="IC37" s="413">
        <v>0</v>
      </c>
      <c r="ID37" s="102">
        <v>1</v>
      </c>
      <c r="IE37" s="102">
        <v>0</v>
      </c>
      <c r="IF37" s="102">
        <v>1</v>
      </c>
      <c r="IG37" s="102">
        <v>0</v>
      </c>
      <c r="IH37" s="102">
        <v>0</v>
      </c>
      <c r="II37" s="103">
        <v>2</v>
      </c>
      <c r="IJ37" s="104">
        <v>6</v>
      </c>
      <c r="IK37" s="101">
        <v>1</v>
      </c>
      <c r="IL37" s="102">
        <v>2</v>
      </c>
      <c r="IM37" s="103">
        <v>3</v>
      </c>
      <c r="IN37" s="413">
        <v>0</v>
      </c>
      <c r="IO37" s="102">
        <v>2</v>
      </c>
      <c r="IP37" s="102">
        <v>1</v>
      </c>
      <c r="IQ37" s="102">
        <v>0</v>
      </c>
      <c r="IR37" s="102">
        <v>1</v>
      </c>
      <c r="IS37" s="102">
        <v>0</v>
      </c>
      <c r="IT37" s="103">
        <v>4</v>
      </c>
      <c r="IU37" s="104">
        <v>7</v>
      </c>
      <c r="IV37" s="101">
        <v>0</v>
      </c>
      <c r="IW37" s="102">
        <v>1</v>
      </c>
      <c r="IX37" s="103">
        <v>1</v>
      </c>
      <c r="IY37" s="413">
        <v>0</v>
      </c>
      <c r="IZ37" s="102">
        <v>2</v>
      </c>
      <c r="JA37" s="102">
        <v>0</v>
      </c>
      <c r="JB37" s="102">
        <v>0</v>
      </c>
      <c r="JC37" s="102">
        <v>1</v>
      </c>
      <c r="JD37" s="102">
        <v>0</v>
      </c>
      <c r="JE37" s="103">
        <v>3</v>
      </c>
      <c r="JF37" s="104">
        <v>4</v>
      </c>
      <c r="JG37" s="101">
        <v>0</v>
      </c>
      <c r="JH37" s="102">
        <v>0</v>
      </c>
      <c r="JI37" s="103">
        <v>0</v>
      </c>
      <c r="JJ37" s="413">
        <v>0</v>
      </c>
      <c r="JK37" s="102">
        <v>1</v>
      </c>
      <c r="JL37" s="102">
        <v>0</v>
      </c>
      <c r="JM37" s="102">
        <v>3</v>
      </c>
      <c r="JN37" s="102">
        <v>0</v>
      </c>
      <c r="JO37" s="102">
        <v>0</v>
      </c>
      <c r="JP37" s="103">
        <v>4</v>
      </c>
      <c r="JQ37" s="104">
        <v>4</v>
      </c>
      <c r="JR37" s="101">
        <v>0</v>
      </c>
      <c r="JS37" s="102">
        <v>0</v>
      </c>
      <c r="JT37" s="103">
        <v>0</v>
      </c>
      <c r="JU37" s="413">
        <v>0</v>
      </c>
      <c r="JV37" s="102">
        <v>0</v>
      </c>
      <c r="JW37" s="102">
        <v>0</v>
      </c>
      <c r="JX37" s="102">
        <v>0</v>
      </c>
      <c r="JY37" s="102">
        <v>0</v>
      </c>
      <c r="JZ37" s="102">
        <v>0</v>
      </c>
      <c r="KA37" s="103">
        <v>0</v>
      </c>
      <c r="KB37" s="104">
        <v>0</v>
      </c>
      <c r="KC37" s="101">
        <v>4</v>
      </c>
      <c r="KD37" s="102">
        <v>4</v>
      </c>
      <c r="KE37" s="103">
        <v>8</v>
      </c>
      <c r="KF37" s="413">
        <v>0</v>
      </c>
      <c r="KG37" s="102">
        <v>6</v>
      </c>
      <c r="KH37" s="102">
        <v>2</v>
      </c>
      <c r="KI37" s="102">
        <v>4</v>
      </c>
      <c r="KJ37" s="102">
        <v>2</v>
      </c>
      <c r="KK37" s="102">
        <v>0</v>
      </c>
      <c r="KL37" s="103">
        <v>14</v>
      </c>
      <c r="KM37" s="104">
        <v>22</v>
      </c>
    </row>
    <row r="38" spans="2:299" s="70" customFormat="1" ht="21" customHeight="1" x14ac:dyDescent="0.2">
      <c r="B38" s="106" t="s">
        <v>35</v>
      </c>
      <c r="C38" s="96">
        <v>11</v>
      </c>
      <c r="D38" s="97">
        <v>11</v>
      </c>
      <c r="E38" s="98">
        <v>22</v>
      </c>
      <c r="F38" s="413">
        <v>0</v>
      </c>
      <c r="G38" s="97">
        <v>11</v>
      </c>
      <c r="H38" s="97">
        <v>11</v>
      </c>
      <c r="I38" s="97">
        <v>6</v>
      </c>
      <c r="J38" s="97">
        <v>1</v>
      </c>
      <c r="K38" s="97">
        <v>0</v>
      </c>
      <c r="L38" s="99">
        <v>29</v>
      </c>
      <c r="M38" s="100">
        <v>51</v>
      </c>
      <c r="N38" s="101">
        <v>1</v>
      </c>
      <c r="O38" s="102">
        <v>0</v>
      </c>
      <c r="P38" s="103">
        <v>1</v>
      </c>
      <c r="Q38" s="413">
        <v>0</v>
      </c>
      <c r="R38" s="102">
        <v>0</v>
      </c>
      <c r="S38" s="102">
        <v>1</v>
      </c>
      <c r="T38" s="102">
        <v>0</v>
      </c>
      <c r="U38" s="102">
        <v>0</v>
      </c>
      <c r="V38" s="102">
        <v>0</v>
      </c>
      <c r="W38" s="103">
        <v>1</v>
      </c>
      <c r="X38" s="104">
        <v>2</v>
      </c>
      <c r="Y38" s="101">
        <v>1</v>
      </c>
      <c r="Z38" s="102">
        <v>0</v>
      </c>
      <c r="AA38" s="103">
        <v>1</v>
      </c>
      <c r="AB38" s="413">
        <v>0</v>
      </c>
      <c r="AC38" s="102">
        <v>0</v>
      </c>
      <c r="AD38" s="102">
        <v>0</v>
      </c>
      <c r="AE38" s="102">
        <v>1</v>
      </c>
      <c r="AF38" s="102">
        <v>0</v>
      </c>
      <c r="AG38" s="102">
        <v>0</v>
      </c>
      <c r="AH38" s="103">
        <v>1</v>
      </c>
      <c r="AI38" s="104">
        <v>2</v>
      </c>
      <c r="AJ38" s="101">
        <v>0</v>
      </c>
      <c r="AK38" s="102">
        <v>2</v>
      </c>
      <c r="AL38" s="103">
        <v>2</v>
      </c>
      <c r="AM38" s="413">
        <v>0</v>
      </c>
      <c r="AN38" s="102">
        <v>3</v>
      </c>
      <c r="AO38" s="102">
        <v>1</v>
      </c>
      <c r="AP38" s="102">
        <v>4</v>
      </c>
      <c r="AQ38" s="102">
        <v>0</v>
      </c>
      <c r="AR38" s="102">
        <v>0</v>
      </c>
      <c r="AS38" s="103">
        <v>8</v>
      </c>
      <c r="AT38" s="104">
        <v>10</v>
      </c>
      <c r="AU38" s="101">
        <v>3</v>
      </c>
      <c r="AV38" s="102">
        <v>3</v>
      </c>
      <c r="AW38" s="103">
        <v>6</v>
      </c>
      <c r="AX38" s="413">
        <v>0</v>
      </c>
      <c r="AY38" s="102">
        <v>3</v>
      </c>
      <c r="AZ38" s="102">
        <v>4</v>
      </c>
      <c r="BA38" s="102">
        <v>0</v>
      </c>
      <c r="BB38" s="102">
        <v>0</v>
      </c>
      <c r="BC38" s="102">
        <v>0</v>
      </c>
      <c r="BD38" s="103">
        <v>7</v>
      </c>
      <c r="BE38" s="104">
        <v>13</v>
      </c>
      <c r="BF38" s="101">
        <v>2</v>
      </c>
      <c r="BG38" s="102">
        <v>5</v>
      </c>
      <c r="BH38" s="103">
        <v>7</v>
      </c>
      <c r="BI38" s="413">
        <v>0</v>
      </c>
      <c r="BJ38" s="102">
        <v>3</v>
      </c>
      <c r="BK38" s="102">
        <v>2</v>
      </c>
      <c r="BL38" s="102">
        <v>1</v>
      </c>
      <c r="BM38" s="102">
        <v>0</v>
      </c>
      <c r="BN38" s="102">
        <v>0</v>
      </c>
      <c r="BO38" s="103">
        <v>6</v>
      </c>
      <c r="BP38" s="104">
        <v>13</v>
      </c>
      <c r="BQ38" s="101">
        <v>4</v>
      </c>
      <c r="BR38" s="102">
        <v>1</v>
      </c>
      <c r="BS38" s="103">
        <v>5</v>
      </c>
      <c r="BT38" s="413">
        <v>0</v>
      </c>
      <c r="BU38" s="102">
        <v>2</v>
      </c>
      <c r="BV38" s="102">
        <v>3</v>
      </c>
      <c r="BW38" s="102">
        <v>0</v>
      </c>
      <c r="BX38" s="102">
        <v>1</v>
      </c>
      <c r="BY38" s="102">
        <v>0</v>
      </c>
      <c r="BZ38" s="103">
        <v>6</v>
      </c>
      <c r="CA38" s="104">
        <v>11</v>
      </c>
      <c r="CB38" s="101">
        <v>0</v>
      </c>
      <c r="CC38" s="102">
        <v>0</v>
      </c>
      <c r="CD38" s="103">
        <v>0</v>
      </c>
      <c r="CE38" s="413">
        <v>0</v>
      </c>
      <c r="CF38" s="102">
        <v>0</v>
      </c>
      <c r="CG38" s="102">
        <v>0</v>
      </c>
      <c r="CH38" s="102">
        <v>0</v>
      </c>
      <c r="CI38" s="102">
        <v>0</v>
      </c>
      <c r="CJ38" s="102">
        <v>0</v>
      </c>
      <c r="CK38" s="103">
        <v>0</v>
      </c>
      <c r="CL38" s="104">
        <v>0</v>
      </c>
      <c r="CM38" s="101">
        <v>11</v>
      </c>
      <c r="CN38" s="102">
        <v>11</v>
      </c>
      <c r="CO38" s="103">
        <v>22</v>
      </c>
      <c r="CP38" s="413">
        <v>0</v>
      </c>
      <c r="CQ38" s="102">
        <v>11</v>
      </c>
      <c r="CR38" s="102">
        <v>11</v>
      </c>
      <c r="CS38" s="102">
        <v>6</v>
      </c>
      <c r="CT38" s="102">
        <v>1</v>
      </c>
      <c r="CU38" s="102">
        <v>0</v>
      </c>
      <c r="CV38" s="103">
        <v>29</v>
      </c>
      <c r="CW38" s="104">
        <v>51</v>
      </c>
      <c r="CX38" s="105">
        <v>3</v>
      </c>
      <c r="CY38" s="97">
        <v>3</v>
      </c>
      <c r="CZ38" s="98">
        <v>6</v>
      </c>
      <c r="DA38" s="413">
        <v>0</v>
      </c>
      <c r="DB38" s="97">
        <v>5</v>
      </c>
      <c r="DC38" s="97">
        <v>4</v>
      </c>
      <c r="DD38" s="97">
        <v>1</v>
      </c>
      <c r="DE38" s="97">
        <v>2</v>
      </c>
      <c r="DF38" s="97">
        <v>3</v>
      </c>
      <c r="DG38" s="99">
        <v>15</v>
      </c>
      <c r="DH38" s="100">
        <v>21</v>
      </c>
      <c r="DI38" s="101">
        <v>0</v>
      </c>
      <c r="DJ38" s="102">
        <v>0</v>
      </c>
      <c r="DK38" s="103">
        <v>0</v>
      </c>
      <c r="DL38" s="413">
        <v>0</v>
      </c>
      <c r="DM38" s="102">
        <v>0</v>
      </c>
      <c r="DN38" s="102">
        <v>1</v>
      </c>
      <c r="DO38" s="102">
        <v>0</v>
      </c>
      <c r="DP38" s="102">
        <v>0</v>
      </c>
      <c r="DQ38" s="102">
        <v>0</v>
      </c>
      <c r="DR38" s="103">
        <v>1</v>
      </c>
      <c r="DS38" s="104">
        <v>1</v>
      </c>
      <c r="DT38" s="101">
        <v>1</v>
      </c>
      <c r="DU38" s="102">
        <v>0</v>
      </c>
      <c r="DV38" s="103">
        <v>1</v>
      </c>
      <c r="DW38" s="413">
        <v>0</v>
      </c>
      <c r="DX38" s="102">
        <v>1</v>
      </c>
      <c r="DY38" s="102">
        <v>0</v>
      </c>
      <c r="DZ38" s="102">
        <v>0</v>
      </c>
      <c r="EA38" s="102">
        <v>0</v>
      </c>
      <c r="EB38" s="102">
        <v>0</v>
      </c>
      <c r="EC38" s="103">
        <v>1</v>
      </c>
      <c r="ED38" s="104">
        <v>2</v>
      </c>
      <c r="EE38" s="101">
        <v>1</v>
      </c>
      <c r="EF38" s="102">
        <v>0</v>
      </c>
      <c r="EG38" s="103">
        <v>1</v>
      </c>
      <c r="EH38" s="413">
        <v>0</v>
      </c>
      <c r="EI38" s="102">
        <v>0</v>
      </c>
      <c r="EJ38" s="102">
        <v>1</v>
      </c>
      <c r="EK38" s="102">
        <v>0</v>
      </c>
      <c r="EL38" s="102">
        <v>0</v>
      </c>
      <c r="EM38" s="102">
        <v>0</v>
      </c>
      <c r="EN38" s="103">
        <v>1</v>
      </c>
      <c r="EO38" s="104">
        <v>2</v>
      </c>
      <c r="EP38" s="101">
        <v>0</v>
      </c>
      <c r="EQ38" s="102">
        <v>1</v>
      </c>
      <c r="ER38" s="103">
        <v>1</v>
      </c>
      <c r="ES38" s="413">
        <v>0</v>
      </c>
      <c r="ET38" s="102">
        <v>1</v>
      </c>
      <c r="EU38" s="102">
        <v>0</v>
      </c>
      <c r="EV38" s="102">
        <v>0</v>
      </c>
      <c r="EW38" s="102">
        <v>1</v>
      </c>
      <c r="EX38" s="102">
        <v>0</v>
      </c>
      <c r="EY38" s="103">
        <v>2</v>
      </c>
      <c r="EZ38" s="104">
        <v>3</v>
      </c>
      <c r="FA38" s="101">
        <v>0</v>
      </c>
      <c r="FB38" s="102">
        <v>1</v>
      </c>
      <c r="FC38" s="103">
        <v>1</v>
      </c>
      <c r="FD38" s="413">
        <v>0</v>
      </c>
      <c r="FE38" s="102">
        <v>1</v>
      </c>
      <c r="FF38" s="102">
        <v>0</v>
      </c>
      <c r="FG38" s="102">
        <v>0</v>
      </c>
      <c r="FH38" s="102">
        <v>0</v>
      </c>
      <c r="FI38" s="102">
        <v>1</v>
      </c>
      <c r="FJ38" s="103">
        <v>2</v>
      </c>
      <c r="FK38" s="104">
        <v>3</v>
      </c>
      <c r="FL38" s="101">
        <v>1</v>
      </c>
      <c r="FM38" s="102">
        <v>1</v>
      </c>
      <c r="FN38" s="103">
        <v>2</v>
      </c>
      <c r="FO38" s="413">
        <v>0</v>
      </c>
      <c r="FP38" s="102">
        <v>2</v>
      </c>
      <c r="FQ38" s="102">
        <v>2</v>
      </c>
      <c r="FR38" s="102">
        <v>1</v>
      </c>
      <c r="FS38" s="102">
        <v>1</v>
      </c>
      <c r="FT38" s="102">
        <v>2</v>
      </c>
      <c r="FU38" s="103">
        <v>8</v>
      </c>
      <c r="FV38" s="104">
        <v>10</v>
      </c>
      <c r="FW38" s="101">
        <v>0</v>
      </c>
      <c r="FX38" s="102">
        <v>0</v>
      </c>
      <c r="FY38" s="103">
        <v>0</v>
      </c>
      <c r="FZ38" s="413">
        <v>0</v>
      </c>
      <c r="GA38" s="102">
        <v>0</v>
      </c>
      <c r="GB38" s="102">
        <v>0</v>
      </c>
      <c r="GC38" s="102">
        <v>0</v>
      </c>
      <c r="GD38" s="102">
        <v>0</v>
      </c>
      <c r="GE38" s="102">
        <v>0</v>
      </c>
      <c r="GF38" s="103">
        <v>0</v>
      </c>
      <c r="GG38" s="104">
        <v>0</v>
      </c>
      <c r="GH38" s="101">
        <v>3</v>
      </c>
      <c r="GI38" s="102">
        <v>3</v>
      </c>
      <c r="GJ38" s="103">
        <v>6</v>
      </c>
      <c r="GK38" s="413">
        <v>0</v>
      </c>
      <c r="GL38" s="102">
        <v>5</v>
      </c>
      <c r="GM38" s="102">
        <v>4</v>
      </c>
      <c r="GN38" s="102">
        <v>1</v>
      </c>
      <c r="GO38" s="102">
        <v>2</v>
      </c>
      <c r="GP38" s="102">
        <v>3</v>
      </c>
      <c r="GQ38" s="103">
        <v>15</v>
      </c>
      <c r="GR38" s="104">
        <v>21</v>
      </c>
      <c r="GS38" s="105">
        <v>14</v>
      </c>
      <c r="GT38" s="97">
        <v>14</v>
      </c>
      <c r="GU38" s="98">
        <v>28</v>
      </c>
      <c r="GV38" s="413">
        <v>0</v>
      </c>
      <c r="GW38" s="97">
        <v>16</v>
      </c>
      <c r="GX38" s="97">
        <v>15</v>
      </c>
      <c r="GY38" s="97">
        <v>7</v>
      </c>
      <c r="GZ38" s="97">
        <v>3</v>
      </c>
      <c r="HA38" s="97">
        <v>3</v>
      </c>
      <c r="HB38" s="99">
        <v>44</v>
      </c>
      <c r="HC38" s="100">
        <v>72</v>
      </c>
      <c r="HD38" s="101">
        <v>1</v>
      </c>
      <c r="HE38" s="102">
        <v>0</v>
      </c>
      <c r="HF38" s="103">
        <v>1</v>
      </c>
      <c r="HG38" s="413">
        <v>0</v>
      </c>
      <c r="HH38" s="102">
        <v>0</v>
      </c>
      <c r="HI38" s="102">
        <v>2</v>
      </c>
      <c r="HJ38" s="102">
        <v>0</v>
      </c>
      <c r="HK38" s="102">
        <v>0</v>
      </c>
      <c r="HL38" s="102">
        <v>0</v>
      </c>
      <c r="HM38" s="103">
        <v>2</v>
      </c>
      <c r="HN38" s="104">
        <v>3</v>
      </c>
      <c r="HO38" s="101">
        <v>2</v>
      </c>
      <c r="HP38" s="102">
        <v>0</v>
      </c>
      <c r="HQ38" s="103">
        <v>2</v>
      </c>
      <c r="HR38" s="413">
        <v>0</v>
      </c>
      <c r="HS38" s="102">
        <v>1</v>
      </c>
      <c r="HT38" s="102">
        <v>0</v>
      </c>
      <c r="HU38" s="102">
        <v>1</v>
      </c>
      <c r="HV38" s="102">
        <v>0</v>
      </c>
      <c r="HW38" s="102">
        <v>0</v>
      </c>
      <c r="HX38" s="103">
        <v>2</v>
      </c>
      <c r="HY38" s="104">
        <v>4</v>
      </c>
      <c r="HZ38" s="101">
        <v>1</v>
      </c>
      <c r="IA38" s="102">
        <v>2</v>
      </c>
      <c r="IB38" s="103">
        <v>3</v>
      </c>
      <c r="IC38" s="413">
        <v>0</v>
      </c>
      <c r="ID38" s="102">
        <v>3</v>
      </c>
      <c r="IE38" s="102">
        <v>2</v>
      </c>
      <c r="IF38" s="102">
        <v>4</v>
      </c>
      <c r="IG38" s="102">
        <v>0</v>
      </c>
      <c r="IH38" s="102">
        <v>0</v>
      </c>
      <c r="II38" s="103">
        <v>9</v>
      </c>
      <c r="IJ38" s="104">
        <v>12</v>
      </c>
      <c r="IK38" s="101">
        <v>3</v>
      </c>
      <c r="IL38" s="102">
        <v>4</v>
      </c>
      <c r="IM38" s="103">
        <v>7</v>
      </c>
      <c r="IN38" s="413">
        <v>0</v>
      </c>
      <c r="IO38" s="102">
        <v>4</v>
      </c>
      <c r="IP38" s="102">
        <v>4</v>
      </c>
      <c r="IQ38" s="102">
        <v>0</v>
      </c>
      <c r="IR38" s="102">
        <v>1</v>
      </c>
      <c r="IS38" s="102">
        <v>0</v>
      </c>
      <c r="IT38" s="103">
        <v>9</v>
      </c>
      <c r="IU38" s="104">
        <v>16</v>
      </c>
      <c r="IV38" s="101">
        <v>2</v>
      </c>
      <c r="IW38" s="102">
        <v>6</v>
      </c>
      <c r="IX38" s="103">
        <v>8</v>
      </c>
      <c r="IY38" s="413">
        <v>0</v>
      </c>
      <c r="IZ38" s="102">
        <v>4</v>
      </c>
      <c r="JA38" s="102">
        <v>2</v>
      </c>
      <c r="JB38" s="102">
        <v>1</v>
      </c>
      <c r="JC38" s="102">
        <v>0</v>
      </c>
      <c r="JD38" s="102">
        <v>1</v>
      </c>
      <c r="JE38" s="103">
        <v>8</v>
      </c>
      <c r="JF38" s="104">
        <v>16</v>
      </c>
      <c r="JG38" s="101">
        <v>5</v>
      </c>
      <c r="JH38" s="102">
        <v>2</v>
      </c>
      <c r="JI38" s="103">
        <v>7</v>
      </c>
      <c r="JJ38" s="413">
        <v>0</v>
      </c>
      <c r="JK38" s="102">
        <v>4</v>
      </c>
      <c r="JL38" s="102">
        <v>5</v>
      </c>
      <c r="JM38" s="102">
        <v>1</v>
      </c>
      <c r="JN38" s="102">
        <v>2</v>
      </c>
      <c r="JO38" s="102">
        <v>2</v>
      </c>
      <c r="JP38" s="103">
        <v>14</v>
      </c>
      <c r="JQ38" s="104">
        <v>21</v>
      </c>
      <c r="JR38" s="101">
        <v>0</v>
      </c>
      <c r="JS38" s="102">
        <v>0</v>
      </c>
      <c r="JT38" s="103">
        <v>0</v>
      </c>
      <c r="JU38" s="413">
        <v>0</v>
      </c>
      <c r="JV38" s="102">
        <v>0</v>
      </c>
      <c r="JW38" s="102">
        <v>0</v>
      </c>
      <c r="JX38" s="102">
        <v>0</v>
      </c>
      <c r="JY38" s="102">
        <v>0</v>
      </c>
      <c r="JZ38" s="102">
        <v>0</v>
      </c>
      <c r="KA38" s="103">
        <v>0</v>
      </c>
      <c r="KB38" s="104">
        <v>0</v>
      </c>
      <c r="KC38" s="101">
        <v>14</v>
      </c>
      <c r="KD38" s="102">
        <v>14</v>
      </c>
      <c r="KE38" s="103">
        <v>28</v>
      </c>
      <c r="KF38" s="413">
        <v>0</v>
      </c>
      <c r="KG38" s="102">
        <v>16</v>
      </c>
      <c r="KH38" s="102">
        <v>15</v>
      </c>
      <c r="KI38" s="102">
        <v>7</v>
      </c>
      <c r="KJ38" s="102">
        <v>3</v>
      </c>
      <c r="KK38" s="102">
        <v>3</v>
      </c>
      <c r="KL38" s="103">
        <v>44</v>
      </c>
      <c r="KM38" s="104">
        <v>72</v>
      </c>
    </row>
    <row r="39" spans="2:299" s="70" customFormat="1" ht="21" customHeight="1" x14ac:dyDescent="0.2">
      <c r="B39" s="106" t="s">
        <v>36</v>
      </c>
      <c r="C39" s="96">
        <v>5</v>
      </c>
      <c r="D39" s="97">
        <v>8</v>
      </c>
      <c r="E39" s="98">
        <v>13</v>
      </c>
      <c r="F39" s="413">
        <v>0</v>
      </c>
      <c r="G39" s="97">
        <v>10</v>
      </c>
      <c r="H39" s="97">
        <v>11</v>
      </c>
      <c r="I39" s="97">
        <v>11</v>
      </c>
      <c r="J39" s="97">
        <v>3</v>
      </c>
      <c r="K39" s="97">
        <v>0</v>
      </c>
      <c r="L39" s="99">
        <v>35</v>
      </c>
      <c r="M39" s="100">
        <v>48</v>
      </c>
      <c r="N39" s="101">
        <v>0</v>
      </c>
      <c r="O39" s="102">
        <v>1</v>
      </c>
      <c r="P39" s="103">
        <v>1</v>
      </c>
      <c r="Q39" s="413">
        <v>0</v>
      </c>
      <c r="R39" s="102">
        <v>0</v>
      </c>
      <c r="S39" s="102">
        <v>0</v>
      </c>
      <c r="T39" s="102">
        <v>1</v>
      </c>
      <c r="U39" s="102">
        <v>0</v>
      </c>
      <c r="V39" s="102">
        <v>0</v>
      </c>
      <c r="W39" s="103">
        <v>1</v>
      </c>
      <c r="X39" s="104">
        <v>2</v>
      </c>
      <c r="Y39" s="101">
        <v>1</v>
      </c>
      <c r="Z39" s="102">
        <v>1</v>
      </c>
      <c r="AA39" s="103">
        <v>2</v>
      </c>
      <c r="AB39" s="413">
        <v>0</v>
      </c>
      <c r="AC39" s="102">
        <v>0</v>
      </c>
      <c r="AD39" s="102">
        <v>3</v>
      </c>
      <c r="AE39" s="102">
        <v>0</v>
      </c>
      <c r="AF39" s="102">
        <v>0</v>
      </c>
      <c r="AG39" s="102">
        <v>0</v>
      </c>
      <c r="AH39" s="103">
        <v>3</v>
      </c>
      <c r="AI39" s="104">
        <v>5</v>
      </c>
      <c r="AJ39" s="101">
        <v>0</v>
      </c>
      <c r="AK39" s="102">
        <v>0</v>
      </c>
      <c r="AL39" s="103">
        <v>0</v>
      </c>
      <c r="AM39" s="413">
        <v>0</v>
      </c>
      <c r="AN39" s="102">
        <v>1</v>
      </c>
      <c r="AO39" s="102">
        <v>2</v>
      </c>
      <c r="AP39" s="102">
        <v>0</v>
      </c>
      <c r="AQ39" s="102">
        <v>1</v>
      </c>
      <c r="AR39" s="102">
        <v>0</v>
      </c>
      <c r="AS39" s="103">
        <v>4</v>
      </c>
      <c r="AT39" s="104">
        <v>4</v>
      </c>
      <c r="AU39" s="101">
        <v>3</v>
      </c>
      <c r="AV39" s="102">
        <v>1</v>
      </c>
      <c r="AW39" s="103">
        <v>4</v>
      </c>
      <c r="AX39" s="413">
        <v>0</v>
      </c>
      <c r="AY39" s="102">
        <v>5</v>
      </c>
      <c r="AZ39" s="102">
        <v>2</v>
      </c>
      <c r="BA39" s="102">
        <v>4</v>
      </c>
      <c r="BB39" s="102">
        <v>1</v>
      </c>
      <c r="BC39" s="102">
        <v>0</v>
      </c>
      <c r="BD39" s="103">
        <v>12</v>
      </c>
      <c r="BE39" s="104">
        <v>16</v>
      </c>
      <c r="BF39" s="101">
        <v>1</v>
      </c>
      <c r="BG39" s="102">
        <v>3</v>
      </c>
      <c r="BH39" s="103">
        <v>4</v>
      </c>
      <c r="BI39" s="413">
        <v>0</v>
      </c>
      <c r="BJ39" s="102">
        <v>2</v>
      </c>
      <c r="BK39" s="102">
        <v>1</v>
      </c>
      <c r="BL39" s="102">
        <v>2</v>
      </c>
      <c r="BM39" s="102">
        <v>0</v>
      </c>
      <c r="BN39" s="102">
        <v>0</v>
      </c>
      <c r="BO39" s="103">
        <v>5</v>
      </c>
      <c r="BP39" s="104">
        <v>9</v>
      </c>
      <c r="BQ39" s="101">
        <v>0</v>
      </c>
      <c r="BR39" s="102">
        <v>2</v>
      </c>
      <c r="BS39" s="103">
        <v>2</v>
      </c>
      <c r="BT39" s="413">
        <v>0</v>
      </c>
      <c r="BU39" s="102">
        <v>2</v>
      </c>
      <c r="BV39" s="102">
        <v>3</v>
      </c>
      <c r="BW39" s="102">
        <v>4</v>
      </c>
      <c r="BX39" s="102">
        <v>1</v>
      </c>
      <c r="BY39" s="102">
        <v>0</v>
      </c>
      <c r="BZ39" s="103">
        <v>10</v>
      </c>
      <c r="CA39" s="104">
        <v>12</v>
      </c>
      <c r="CB39" s="101">
        <v>0</v>
      </c>
      <c r="CC39" s="102">
        <v>0</v>
      </c>
      <c r="CD39" s="103">
        <v>0</v>
      </c>
      <c r="CE39" s="413">
        <v>0</v>
      </c>
      <c r="CF39" s="102">
        <v>0</v>
      </c>
      <c r="CG39" s="102">
        <v>0</v>
      </c>
      <c r="CH39" s="102">
        <v>0</v>
      </c>
      <c r="CI39" s="102">
        <v>0</v>
      </c>
      <c r="CJ39" s="102">
        <v>0</v>
      </c>
      <c r="CK39" s="103">
        <v>0</v>
      </c>
      <c r="CL39" s="104">
        <v>0</v>
      </c>
      <c r="CM39" s="101">
        <v>5</v>
      </c>
      <c r="CN39" s="102">
        <v>8</v>
      </c>
      <c r="CO39" s="103">
        <v>13</v>
      </c>
      <c r="CP39" s="413">
        <v>0</v>
      </c>
      <c r="CQ39" s="102">
        <v>10</v>
      </c>
      <c r="CR39" s="102">
        <v>11</v>
      </c>
      <c r="CS39" s="102">
        <v>11</v>
      </c>
      <c r="CT39" s="102">
        <v>3</v>
      </c>
      <c r="CU39" s="102">
        <v>0</v>
      </c>
      <c r="CV39" s="103">
        <v>35</v>
      </c>
      <c r="CW39" s="104">
        <v>48</v>
      </c>
      <c r="CX39" s="105">
        <v>1</v>
      </c>
      <c r="CY39" s="97">
        <v>6</v>
      </c>
      <c r="CZ39" s="98">
        <v>7</v>
      </c>
      <c r="DA39" s="413">
        <v>0</v>
      </c>
      <c r="DB39" s="97">
        <v>4</v>
      </c>
      <c r="DC39" s="97">
        <v>7</v>
      </c>
      <c r="DD39" s="97">
        <v>2</v>
      </c>
      <c r="DE39" s="97">
        <v>3</v>
      </c>
      <c r="DF39" s="97">
        <v>2</v>
      </c>
      <c r="DG39" s="99">
        <v>18</v>
      </c>
      <c r="DH39" s="100">
        <v>25</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0</v>
      </c>
      <c r="DY39" s="102">
        <v>0</v>
      </c>
      <c r="DZ39" s="102">
        <v>0</v>
      </c>
      <c r="EA39" s="102">
        <v>0</v>
      </c>
      <c r="EB39" s="102">
        <v>0</v>
      </c>
      <c r="EC39" s="103">
        <v>0</v>
      </c>
      <c r="ED39" s="104">
        <v>0</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0</v>
      </c>
      <c r="EU39" s="102">
        <v>0</v>
      </c>
      <c r="EV39" s="102">
        <v>0</v>
      </c>
      <c r="EW39" s="102">
        <v>0</v>
      </c>
      <c r="EX39" s="102">
        <v>0</v>
      </c>
      <c r="EY39" s="103">
        <v>0</v>
      </c>
      <c r="EZ39" s="104">
        <v>0</v>
      </c>
      <c r="FA39" s="101">
        <v>0</v>
      </c>
      <c r="FB39" s="102">
        <v>4</v>
      </c>
      <c r="FC39" s="103">
        <v>4</v>
      </c>
      <c r="FD39" s="413">
        <v>0</v>
      </c>
      <c r="FE39" s="102">
        <v>2</v>
      </c>
      <c r="FF39" s="102">
        <v>4</v>
      </c>
      <c r="FG39" s="102">
        <v>1</v>
      </c>
      <c r="FH39" s="102">
        <v>2</v>
      </c>
      <c r="FI39" s="102">
        <v>0</v>
      </c>
      <c r="FJ39" s="103">
        <v>9</v>
      </c>
      <c r="FK39" s="104">
        <v>13</v>
      </c>
      <c r="FL39" s="101">
        <v>1</v>
      </c>
      <c r="FM39" s="102">
        <v>1</v>
      </c>
      <c r="FN39" s="103">
        <v>2</v>
      </c>
      <c r="FO39" s="413">
        <v>0</v>
      </c>
      <c r="FP39" s="102">
        <v>2</v>
      </c>
      <c r="FQ39" s="102">
        <v>3</v>
      </c>
      <c r="FR39" s="102">
        <v>1</v>
      </c>
      <c r="FS39" s="102">
        <v>1</v>
      </c>
      <c r="FT39" s="102">
        <v>2</v>
      </c>
      <c r="FU39" s="103">
        <v>9</v>
      </c>
      <c r="FV39" s="104">
        <v>11</v>
      </c>
      <c r="FW39" s="101">
        <v>0</v>
      </c>
      <c r="FX39" s="102">
        <v>0</v>
      </c>
      <c r="FY39" s="103">
        <v>0</v>
      </c>
      <c r="FZ39" s="413">
        <v>0</v>
      </c>
      <c r="GA39" s="102">
        <v>0</v>
      </c>
      <c r="GB39" s="102">
        <v>0</v>
      </c>
      <c r="GC39" s="102">
        <v>0</v>
      </c>
      <c r="GD39" s="102">
        <v>0</v>
      </c>
      <c r="GE39" s="102">
        <v>0</v>
      </c>
      <c r="GF39" s="103">
        <v>0</v>
      </c>
      <c r="GG39" s="104">
        <v>0</v>
      </c>
      <c r="GH39" s="101">
        <v>1</v>
      </c>
      <c r="GI39" s="102">
        <v>6</v>
      </c>
      <c r="GJ39" s="103">
        <v>7</v>
      </c>
      <c r="GK39" s="413">
        <v>0</v>
      </c>
      <c r="GL39" s="102">
        <v>4</v>
      </c>
      <c r="GM39" s="102">
        <v>7</v>
      </c>
      <c r="GN39" s="102">
        <v>2</v>
      </c>
      <c r="GO39" s="102">
        <v>3</v>
      </c>
      <c r="GP39" s="102">
        <v>2</v>
      </c>
      <c r="GQ39" s="103">
        <v>18</v>
      </c>
      <c r="GR39" s="104">
        <v>25</v>
      </c>
      <c r="GS39" s="105">
        <v>6</v>
      </c>
      <c r="GT39" s="97">
        <v>14</v>
      </c>
      <c r="GU39" s="98">
        <v>20</v>
      </c>
      <c r="GV39" s="413">
        <v>0</v>
      </c>
      <c r="GW39" s="97">
        <v>14</v>
      </c>
      <c r="GX39" s="97">
        <v>18</v>
      </c>
      <c r="GY39" s="97">
        <v>13</v>
      </c>
      <c r="GZ39" s="97">
        <v>6</v>
      </c>
      <c r="HA39" s="97">
        <v>2</v>
      </c>
      <c r="HB39" s="99">
        <v>53</v>
      </c>
      <c r="HC39" s="100">
        <v>73</v>
      </c>
      <c r="HD39" s="101">
        <v>0</v>
      </c>
      <c r="HE39" s="102">
        <v>1</v>
      </c>
      <c r="HF39" s="103">
        <v>1</v>
      </c>
      <c r="HG39" s="413">
        <v>0</v>
      </c>
      <c r="HH39" s="102">
        <v>0</v>
      </c>
      <c r="HI39" s="102">
        <v>0</v>
      </c>
      <c r="HJ39" s="102">
        <v>1</v>
      </c>
      <c r="HK39" s="102">
        <v>0</v>
      </c>
      <c r="HL39" s="102">
        <v>0</v>
      </c>
      <c r="HM39" s="103">
        <v>1</v>
      </c>
      <c r="HN39" s="104">
        <v>2</v>
      </c>
      <c r="HO39" s="101">
        <v>1</v>
      </c>
      <c r="HP39" s="102">
        <v>1</v>
      </c>
      <c r="HQ39" s="103">
        <v>2</v>
      </c>
      <c r="HR39" s="413">
        <v>0</v>
      </c>
      <c r="HS39" s="102">
        <v>0</v>
      </c>
      <c r="HT39" s="102">
        <v>3</v>
      </c>
      <c r="HU39" s="102">
        <v>0</v>
      </c>
      <c r="HV39" s="102">
        <v>0</v>
      </c>
      <c r="HW39" s="102">
        <v>0</v>
      </c>
      <c r="HX39" s="103">
        <v>3</v>
      </c>
      <c r="HY39" s="104">
        <v>5</v>
      </c>
      <c r="HZ39" s="101">
        <v>0</v>
      </c>
      <c r="IA39" s="102">
        <v>1</v>
      </c>
      <c r="IB39" s="103">
        <v>1</v>
      </c>
      <c r="IC39" s="413">
        <v>0</v>
      </c>
      <c r="ID39" s="102">
        <v>1</v>
      </c>
      <c r="IE39" s="102">
        <v>2</v>
      </c>
      <c r="IF39" s="102">
        <v>0</v>
      </c>
      <c r="IG39" s="102">
        <v>1</v>
      </c>
      <c r="IH39" s="102">
        <v>0</v>
      </c>
      <c r="II39" s="103">
        <v>4</v>
      </c>
      <c r="IJ39" s="104">
        <v>5</v>
      </c>
      <c r="IK39" s="101">
        <v>3</v>
      </c>
      <c r="IL39" s="102">
        <v>1</v>
      </c>
      <c r="IM39" s="103">
        <v>4</v>
      </c>
      <c r="IN39" s="413">
        <v>0</v>
      </c>
      <c r="IO39" s="102">
        <v>5</v>
      </c>
      <c r="IP39" s="102">
        <v>2</v>
      </c>
      <c r="IQ39" s="102">
        <v>4</v>
      </c>
      <c r="IR39" s="102">
        <v>1</v>
      </c>
      <c r="IS39" s="102">
        <v>0</v>
      </c>
      <c r="IT39" s="103">
        <v>12</v>
      </c>
      <c r="IU39" s="104">
        <v>16</v>
      </c>
      <c r="IV39" s="101">
        <v>1</v>
      </c>
      <c r="IW39" s="102">
        <v>7</v>
      </c>
      <c r="IX39" s="103">
        <v>8</v>
      </c>
      <c r="IY39" s="413">
        <v>0</v>
      </c>
      <c r="IZ39" s="102">
        <v>4</v>
      </c>
      <c r="JA39" s="102">
        <v>5</v>
      </c>
      <c r="JB39" s="102">
        <v>3</v>
      </c>
      <c r="JC39" s="102">
        <v>2</v>
      </c>
      <c r="JD39" s="102">
        <v>0</v>
      </c>
      <c r="JE39" s="103">
        <v>14</v>
      </c>
      <c r="JF39" s="104">
        <v>22</v>
      </c>
      <c r="JG39" s="101">
        <v>1</v>
      </c>
      <c r="JH39" s="102">
        <v>3</v>
      </c>
      <c r="JI39" s="103">
        <v>4</v>
      </c>
      <c r="JJ39" s="413">
        <v>0</v>
      </c>
      <c r="JK39" s="102">
        <v>4</v>
      </c>
      <c r="JL39" s="102">
        <v>6</v>
      </c>
      <c r="JM39" s="102">
        <v>5</v>
      </c>
      <c r="JN39" s="102">
        <v>2</v>
      </c>
      <c r="JO39" s="102">
        <v>2</v>
      </c>
      <c r="JP39" s="103">
        <v>19</v>
      </c>
      <c r="JQ39" s="104">
        <v>23</v>
      </c>
      <c r="JR39" s="101">
        <v>0</v>
      </c>
      <c r="JS39" s="102">
        <v>0</v>
      </c>
      <c r="JT39" s="103">
        <v>0</v>
      </c>
      <c r="JU39" s="413">
        <v>0</v>
      </c>
      <c r="JV39" s="102">
        <v>0</v>
      </c>
      <c r="JW39" s="102">
        <v>0</v>
      </c>
      <c r="JX39" s="102">
        <v>0</v>
      </c>
      <c r="JY39" s="102">
        <v>0</v>
      </c>
      <c r="JZ39" s="102">
        <v>0</v>
      </c>
      <c r="KA39" s="103">
        <v>0</v>
      </c>
      <c r="KB39" s="104">
        <v>0</v>
      </c>
      <c r="KC39" s="101">
        <v>6</v>
      </c>
      <c r="KD39" s="102">
        <v>14</v>
      </c>
      <c r="KE39" s="103">
        <v>20</v>
      </c>
      <c r="KF39" s="413">
        <v>0</v>
      </c>
      <c r="KG39" s="102">
        <v>14</v>
      </c>
      <c r="KH39" s="102">
        <v>18</v>
      </c>
      <c r="KI39" s="102">
        <v>13</v>
      </c>
      <c r="KJ39" s="102">
        <v>6</v>
      </c>
      <c r="KK39" s="102">
        <v>2</v>
      </c>
      <c r="KL39" s="103">
        <v>53</v>
      </c>
      <c r="KM39" s="104">
        <v>73</v>
      </c>
    </row>
    <row r="40" spans="2:299" s="70" customFormat="1" ht="21" customHeight="1" thickBot="1" x14ac:dyDescent="0.25">
      <c r="B40" s="108" t="s">
        <v>37</v>
      </c>
      <c r="C40" s="109">
        <v>0</v>
      </c>
      <c r="D40" s="110">
        <v>0</v>
      </c>
      <c r="E40" s="111">
        <v>0</v>
      </c>
      <c r="F40" s="414">
        <v>0</v>
      </c>
      <c r="G40" s="110">
        <v>0</v>
      </c>
      <c r="H40" s="110">
        <v>1</v>
      </c>
      <c r="I40" s="110">
        <v>0</v>
      </c>
      <c r="J40" s="110">
        <v>0</v>
      </c>
      <c r="K40" s="110">
        <v>0</v>
      </c>
      <c r="L40" s="112">
        <v>1</v>
      </c>
      <c r="M40" s="113">
        <v>1</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1</v>
      </c>
      <c r="AE40" s="115">
        <v>0</v>
      </c>
      <c r="AF40" s="115">
        <v>0</v>
      </c>
      <c r="AG40" s="115">
        <v>0</v>
      </c>
      <c r="AH40" s="116">
        <v>1</v>
      </c>
      <c r="AI40" s="117">
        <v>1</v>
      </c>
      <c r="AJ40" s="114">
        <v>0</v>
      </c>
      <c r="AK40" s="115">
        <v>0</v>
      </c>
      <c r="AL40" s="116">
        <v>0</v>
      </c>
      <c r="AM40" s="414">
        <v>0</v>
      </c>
      <c r="AN40" s="115">
        <v>0</v>
      </c>
      <c r="AO40" s="115">
        <v>0</v>
      </c>
      <c r="AP40" s="115">
        <v>0</v>
      </c>
      <c r="AQ40" s="115">
        <v>0</v>
      </c>
      <c r="AR40" s="115">
        <v>0</v>
      </c>
      <c r="AS40" s="116">
        <v>0</v>
      </c>
      <c r="AT40" s="117">
        <v>0</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1</v>
      </c>
      <c r="CS40" s="115">
        <v>0</v>
      </c>
      <c r="CT40" s="115">
        <v>0</v>
      </c>
      <c r="CU40" s="115">
        <v>0</v>
      </c>
      <c r="CV40" s="116">
        <v>1</v>
      </c>
      <c r="CW40" s="117">
        <v>1</v>
      </c>
      <c r="CX40" s="118">
        <v>1</v>
      </c>
      <c r="CY40" s="110">
        <v>0</v>
      </c>
      <c r="CZ40" s="111">
        <v>1</v>
      </c>
      <c r="DA40" s="414">
        <v>0</v>
      </c>
      <c r="DB40" s="110">
        <v>0</v>
      </c>
      <c r="DC40" s="110">
        <v>0</v>
      </c>
      <c r="DD40" s="110">
        <v>0</v>
      </c>
      <c r="DE40" s="110">
        <v>0</v>
      </c>
      <c r="DF40" s="110">
        <v>1</v>
      </c>
      <c r="DG40" s="112">
        <v>1</v>
      </c>
      <c r="DH40" s="113">
        <v>2</v>
      </c>
      <c r="DI40" s="114">
        <v>0</v>
      </c>
      <c r="DJ40" s="115">
        <v>0</v>
      </c>
      <c r="DK40" s="116">
        <v>0</v>
      </c>
      <c r="DL40" s="414">
        <v>0</v>
      </c>
      <c r="DM40" s="115">
        <v>0</v>
      </c>
      <c r="DN40" s="115">
        <v>0</v>
      </c>
      <c r="DO40" s="115">
        <v>0</v>
      </c>
      <c r="DP40" s="115">
        <v>0</v>
      </c>
      <c r="DQ40" s="115">
        <v>0</v>
      </c>
      <c r="DR40" s="116">
        <v>0</v>
      </c>
      <c r="DS40" s="117">
        <v>0</v>
      </c>
      <c r="DT40" s="114">
        <v>1</v>
      </c>
      <c r="DU40" s="115">
        <v>0</v>
      </c>
      <c r="DV40" s="116">
        <v>1</v>
      </c>
      <c r="DW40" s="414">
        <v>0</v>
      </c>
      <c r="DX40" s="115">
        <v>0</v>
      </c>
      <c r="DY40" s="115">
        <v>0</v>
      </c>
      <c r="DZ40" s="115">
        <v>0</v>
      </c>
      <c r="EA40" s="115">
        <v>0</v>
      </c>
      <c r="EB40" s="115">
        <v>0</v>
      </c>
      <c r="EC40" s="116">
        <v>0</v>
      </c>
      <c r="ED40" s="117">
        <v>1</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1</v>
      </c>
      <c r="FU40" s="116">
        <v>1</v>
      </c>
      <c r="FV40" s="117">
        <v>1</v>
      </c>
      <c r="FW40" s="114">
        <v>0</v>
      </c>
      <c r="FX40" s="115">
        <v>0</v>
      </c>
      <c r="FY40" s="116">
        <v>0</v>
      </c>
      <c r="FZ40" s="414">
        <v>0</v>
      </c>
      <c r="GA40" s="115">
        <v>0</v>
      </c>
      <c r="GB40" s="115">
        <v>0</v>
      </c>
      <c r="GC40" s="115">
        <v>0</v>
      </c>
      <c r="GD40" s="115">
        <v>0</v>
      </c>
      <c r="GE40" s="115">
        <v>0</v>
      </c>
      <c r="GF40" s="116">
        <v>0</v>
      </c>
      <c r="GG40" s="117">
        <v>0</v>
      </c>
      <c r="GH40" s="114">
        <v>1</v>
      </c>
      <c r="GI40" s="115">
        <v>0</v>
      </c>
      <c r="GJ40" s="116">
        <v>1</v>
      </c>
      <c r="GK40" s="414">
        <v>0</v>
      </c>
      <c r="GL40" s="115">
        <v>0</v>
      </c>
      <c r="GM40" s="115">
        <v>0</v>
      </c>
      <c r="GN40" s="115">
        <v>0</v>
      </c>
      <c r="GO40" s="115">
        <v>0</v>
      </c>
      <c r="GP40" s="115">
        <v>1</v>
      </c>
      <c r="GQ40" s="116">
        <v>1</v>
      </c>
      <c r="GR40" s="117">
        <v>2</v>
      </c>
      <c r="GS40" s="118">
        <v>1</v>
      </c>
      <c r="GT40" s="110">
        <v>0</v>
      </c>
      <c r="GU40" s="111">
        <v>1</v>
      </c>
      <c r="GV40" s="414">
        <v>0</v>
      </c>
      <c r="GW40" s="110">
        <v>0</v>
      </c>
      <c r="GX40" s="110">
        <v>1</v>
      </c>
      <c r="GY40" s="110">
        <v>0</v>
      </c>
      <c r="GZ40" s="110">
        <v>0</v>
      </c>
      <c r="HA40" s="110">
        <v>1</v>
      </c>
      <c r="HB40" s="112">
        <v>2</v>
      </c>
      <c r="HC40" s="113">
        <v>3</v>
      </c>
      <c r="HD40" s="114">
        <v>0</v>
      </c>
      <c r="HE40" s="115">
        <v>0</v>
      </c>
      <c r="HF40" s="116">
        <v>0</v>
      </c>
      <c r="HG40" s="414">
        <v>0</v>
      </c>
      <c r="HH40" s="115">
        <v>0</v>
      </c>
      <c r="HI40" s="115">
        <v>0</v>
      </c>
      <c r="HJ40" s="115">
        <v>0</v>
      </c>
      <c r="HK40" s="115">
        <v>0</v>
      </c>
      <c r="HL40" s="115">
        <v>0</v>
      </c>
      <c r="HM40" s="116">
        <v>0</v>
      </c>
      <c r="HN40" s="117">
        <v>0</v>
      </c>
      <c r="HO40" s="114">
        <v>1</v>
      </c>
      <c r="HP40" s="115">
        <v>0</v>
      </c>
      <c r="HQ40" s="116">
        <v>1</v>
      </c>
      <c r="HR40" s="414">
        <v>0</v>
      </c>
      <c r="HS40" s="115">
        <v>0</v>
      </c>
      <c r="HT40" s="115">
        <v>1</v>
      </c>
      <c r="HU40" s="115">
        <v>0</v>
      </c>
      <c r="HV40" s="115">
        <v>0</v>
      </c>
      <c r="HW40" s="115">
        <v>0</v>
      </c>
      <c r="HX40" s="116">
        <v>1</v>
      </c>
      <c r="HY40" s="117">
        <v>2</v>
      </c>
      <c r="HZ40" s="114">
        <v>0</v>
      </c>
      <c r="IA40" s="115">
        <v>0</v>
      </c>
      <c r="IB40" s="116">
        <v>0</v>
      </c>
      <c r="IC40" s="414">
        <v>0</v>
      </c>
      <c r="ID40" s="115">
        <v>0</v>
      </c>
      <c r="IE40" s="115">
        <v>0</v>
      </c>
      <c r="IF40" s="115">
        <v>0</v>
      </c>
      <c r="IG40" s="115">
        <v>0</v>
      </c>
      <c r="IH40" s="115">
        <v>0</v>
      </c>
      <c r="II40" s="116">
        <v>0</v>
      </c>
      <c r="IJ40" s="117">
        <v>0</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1</v>
      </c>
      <c r="JP40" s="116">
        <v>1</v>
      </c>
      <c r="JQ40" s="117">
        <v>1</v>
      </c>
      <c r="JR40" s="114">
        <v>0</v>
      </c>
      <c r="JS40" s="115">
        <v>0</v>
      </c>
      <c r="JT40" s="116">
        <v>0</v>
      </c>
      <c r="JU40" s="414">
        <v>0</v>
      </c>
      <c r="JV40" s="115">
        <v>0</v>
      </c>
      <c r="JW40" s="115">
        <v>0</v>
      </c>
      <c r="JX40" s="115">
        <v>0</v>
      </c>
      <c r="JY40" s="115">
        <v>0</v>
      </c>
      <c r="JZ40" s="115">
        <v>0</v>
      </c>
      <c r="KA40" s="116">
        <v>0</v>
      </c>
      <c r="KB40" s="117">
        <v>0</v>
      </c>
      <c r="KC40" s="114">
        <v>1</v>
      </c>
      <c r="KD40" s="115">
        <v>0</v>
      </c>
      <c r="KE40" s="116">
        <v>1</v>
      </c>
      <c r="KF40" s="414">
        <v>0</v>
      </c>
      <c r="KG40" s="115">
        <v>0</v>
      </c>
      <c r="KH40" s="115">
        <v>1</v>
      </c>
      <c r="KI40" s="115">
        <v>0</v>
      </c>
      <c r="KJ40" s="115">
        <v>0</v>
      </c>
      <c r="KK40" s="115">
        <v>1</v>
      </c>
      <c r="KL40" s="116">
        <v>2</v>
      </c>
      <c r="KM40" s="117">
        <v>3</v>
      </c>
    </row>
    <row r="41" spans="2:299" ht="32.25" customHeight="1" x14ac:dyDescent="0.2">
      <c r="C41" s="70"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1">
        <f>第１表!F2</f>
        <v>6</v>
      </c>
      <c r="H1" s="441"/>
      <c r="I1" s="18">
        <f>第１表!G2</f>
        <v>7</v>
      </c>
      <c r="J1" s="445">
        <f>IF(I1&lt;3,I1+12-2,I1-2)</f>
        <v>5</v>
      </c>
      <c r="K1" s="445"/>
    </row>
    <row r="2" spans="2:35" ht="24" customHeight="1" thickBot="1" x14ac:dyDescent="0.25">
      <c r="B2" s="71"/>
      <c r="J2" s="14"/>
      <c r="K2" s="14"/>
      <c r="L2" s="14"/>
      <c r="M2" s="14"/>
      <c r="N2" s="14"/>
      <c r="O2" s="14"/>
      <c r="P2" s="15"/>
      <c r="Q2" s="15"/>
      <c r="R2" s="15"/>
    </row>
    <row r="3" spans="2:35" s="71" customFormat="1"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7662</v>
      </c>
      <c r="D5" s="125">
        <v>32044</v>
      </c>
      <c r="E5" s="126">
        <v>49706</v>
      </c>
      <c r="F5" s="127">
        <v>0</v>
      </c>
      <c r="G5" s="125">
        <v>61997</v>
      </c>
      <c r="H5" s="125">
        <v>64282</v>
      </c>
      <c r="I5" s="125">
        <v>36620</v>
      </c>
      <c r="J5" s="125">
        <v>27843</v>
      </c>
      <c r="K5" s="125">
        <v>16595</v>
      </c>
      <c r="L5" s="126">
        <v>207337</v>
      </c>
      <c r="M5" s="128">
        <v>257043</v>
      </c>
      <c r="N5" s="129">
        <v>340</v>
      </c>
      <c r="O5" s="125">
        <v>895</v>
      </c>
      <c r="P5" s="126">
        <v>1235</v>
      </c>
      <c r="Q5" s="127">
        <v>0</v>
      </c>
      <c r="R5" s="125">
        <v>1078</v>
      </c>
      <c r="S5" s="125">
        <v>2009</v>
      </c>
      <c r="T5" s="125">
        <v>1027</v>
      </c>
      <c r="U5" s="125">
        <v>821</v>
      </c>
      <c r="V5" s="125">
        <v>778</v>
      </c>
      <c r="W5" s="126">
        <v>5713</v>
      </c>
      <c r="X5" s="128">
        <v>6948</v>
      </c>
      <c r="Y5" s="124">
        <v>18002</v>
      </c>
      <c r="Z5" s="125">
        <v>32939</v>
      </c>
      <c r="AA5" s="126">
        <v>50941</v>
      </c>
      <c r="AB5" s="127">
        <v>0</v>
      </c>
      <c r="AC5" s="125">
        <v>63075</v>
      </c>
      <c r="AD5" s="125">
        <v>66291</v>
      </c>
      <c r="AE5" s="125">
        <v>37647</v>
      </c>
      <c r="AF5" s="125">
        <v>28664</v>
      </c>
      <c r="AG5" s="125">
        <v>17373</v>
      </c>
      <c r="AH5" s="126">
        <v>213050</v>
      </c>
      <c r="AI5" s="128">
        <v>263991</v>
      </c>
    </row>
    <row r="6" spans="2:35" ht="21" customHeight="1" x14ac:dyDescent="0.2">
      <c r="B6" s="95" t="s">
        <v>5</v>
      </c>
      <c r="C6" s="130">
        <v>6439</v>
      </c>
      <c r="D6" s="131">
        <v>14303</v>
      </c>
      <c r="E6" s="132">
        <v>20742</v>
      </c>
      <c r="F6" s="133">
        <v>0</v>
      </c>
      <c r="G6" s="131">
        <v>16181</v>
      </c>
      <c r="H6" s="131">
        <v>24018</v>
      </c>
      <c r="I6" s="131">
        <v>12033</v>
      </c>
      <c r="J6" s="131">
        <v>9428</v>
      </c>
      <c r="K6" s="131">
        <v>5471</v>
      </c>
      <c r="L6" s="132">
        <v>67131</v>
      </c>
      <c r="M6" s="134">
        <v>87873</v>
      </c>
      <c r="N6" s="135">
        <v>102</v>
      </c>
      <c r="O6" s="131">
        <v>389</v>
      </c>
      <c r="P6" s="132">
        <v>491</v>
      </c>
      <c r="Q6" s="133">
        <v>0</v>
      </c>
      <c r="R6" s="131">
        <v>236</v>
      </c>
      <c r="S6" s="131">
        <v>810</v>
      </c>
      <c r="T6" s="131">
        <v>381</v>
      </c>
      <c r="U6" s="131">
        <v>300</v>
      </c>
      <c r="V6" s="131">
        <v>312</v>
      </c>
      <c r="W6" s="132">
        <v>2039</v>
      </c>
      <c r="X6" s="134">
        <v>2530</v>
      </c>
      <c r="Y6" s="130">
        <v>6541</v>
      </c>
      <c r="Z6" s="131">
        <v>14692</v>
      </c>
      <c r="AA6" s="132">
        <v>21233</v>
      </c>
      <c r="AB6" s="133">
        <v>0</v>
      </c>
      <c r="AC6" s="131">
        <v>16417</v>
      </c>
      <c r="AD6" s="131">
        <v>24828</v>
      </c>
      <c r="AE6" s="131">
        <v>12414</v>
      </c>
      <c r="AF6" s="131">
        <v>9728</v>
      </c>
      <c r="AG6" s="131">
        <v>5783</v>
      </c>
      <c r="AH6" s="132">
        <v>69170</v>
      </c>
      <c r="AI6" s="134">
        <v>90403</v>
      </c>
    </row>
    <row r="7" spans="2:35" ht="21" customHeight="1" x14ac:dyDescent="0.2">
      <c r="B7" s="106" t="s">
        <v>6</v>
      </c>
      <c r="C7" s="130">
        <v>2479</v>
      </c>
      <c r="D7" s="131">
        <v>3817</v>
      </c>
      <c r="E7" s="132">
        <v>6296</v>
      </c>
      <c r="F7" s="133">
        <v>0</v>
      </c>
      <c r="G7" s="131">
        <v>11145</v>
      </c>
      <c r="H7" s="131">
        <v>9671</v>
      </c>
      <c r="I7" s="131">
        <v>5740</v>
      </c>
      <c r="J7" s="131">
        <v>4406</v>
      </c>
      <c r="K7" s="131">
        <v>2868</v>
      </c>
      <c r="L7" s="132">
        <v>33830</v>
      </c>
      <c r="M7" s="134">
        <v>40126</v>
      </c>
      <c r="N7" s="135">
        <v>73</v>
      </c>
      <c r="O7" s="131">
        <v>117</v>
      </c>
      <c r="P7" s="132">
        <v>190</v>
      </c>
      <c r="Q7" s="133">
        <v>0</v>
      </c>
      <c r="R7" s="131">
        <v>234</v>
      </c>
      <c r="S7" s="131">
        <v>273</v>
      </c>
      <c r="T7" s="131">
        <v>160</v>
      </c>
      <c r="U7" s="131">
        <v>145</v>
      </c>
      <c r="V7" s="131">
        <v>131</v>
      </c>
      <c r="W7" s="132">
        <v>943</v>
      </c>
      <c r="X7" s="134">
        <v>1133</v>
      </c>
      <c r="Y7" s="130">
        <v>2552</v>
      </c>
      <c r="Z7" s="131">
        <v>3934</v>
      </c>
      <c r="AA7" s="132">
        <v>6486</v>
      </c>
      <c r="AB7" s="133">
        <v>0</v>
      </c>
      <c r="AC7" s="131">
        <v>11379</v>
      </c>
      <c r="AD7" s="131">
        <v>9944</v>
      </c>
      <c r="AE7" s="131">
        <v>5900</v>
      </c>
      <c r="AF7" s="131">
        <v>4551</v>
      </c>
      <c r="AG7" s="131">
        <v>2999</v>
      </c>
      <c r="AH7" s="132">
        <v>34773</v>
      </c>
      <c r="AI7" s="134">
        <v>41259</v>
      </c>
    </row>
    <row r="8" spans="2:35" ht="21" customHeight="1" x14ac:dyDescent="0.2">
      <c r="B8" s="106" t="s">
        <v>14</v>
      </c>
      <c r="C8" s="130">
        <v>1183</v>
      </c>
      <c r="D8" s="131">
        <v>2787</v>
      </c>
      <c r="E8" s="132">
        <v>3970</v>
      </c>
      <c r="F8" s="133">
        <v>0</v>
      </c>
      <c r="G8" s="131">
        <v>4770</v>
      </c>
      <c r="H8" s="131">
        <v>5889</v>
      </c>
      <c r="I8" s="131">
        <v>3754</v>
      </c>
      <c r="J8" s="131">
        <v>2489</v>
      </c>
      <c r="K8" s="131">
        <v>1366</v>
      </c>
      <c r="L8" s="132">
        <v>18268</v>
      </c>
      <c r="M8" s="134">
        <v>22238</v>
      </c>
      <c r="N8" s="135">
        <v>18</v>
      </c>
      <c r="O8" s="131">
        <v>99</v>
      </c>
      <c r="P8" s="132">
        <v>117</v>
      </c>
      <c r="Q8" s="133">
        <v>0</v>
      </c>
      <c r="R8" s="131">
        <v>65</v>
      </c>
      <c r="S8" s="131">
        <v>192</v>
      </c>
      <c r="T8" s="131">
        <v>89</v>
      </c>
      <c r="U8" s="131">
        <v>72</v>
      </c>
      <c r="V8" s="131">
        <v>66</v>
      </c>
      <c r="W8" s="132">
        <v>484</v>
      </c>
      <c r="X8" s="134">
        <v>601</v>
      </c>
      <c r="Y8" s="130">
        <v>1201</v>
      </c>
      <c r="Z8" s="131">
        <v>2886</v>
      </c>
      <c r="AA8" s="132">
        <v>4087</v>
      </c>
      <c r="AB8" s="133">
        <v>0</v>
      </c>
      <c r="AC8" s="131">
        <v>4835</v>
      </c>
      <c r="AD8" s="131">
        <v>6081</v>
      </c>
      <c r="AE8" s="131">
        <v>3843</v>
      </c>
      <c r="AF8" s="131">
        <v>2561</v>
      </c>
      <c r="AG8" s="131">
        <v>1432</v>
      </c>
      <c r="AH8" s="132">
        <v>18752</v>
      </c>
      <c r="AI8" s="134">
        <v>22839</v>
      </c>
    </row>
    <row r="9" spans="2:35" ht="21" customHeight="1" x14ac:dyDescent="0.2">
      <c r="B9" s="106" t="s">
        <v>7</v>
      </c>
      <c r="C9" s="130">
        <v>650</v>
      </c>
      <c r="D9" s="131">
        <v>975</v>
      </c>
      <c r="E9" s="132">
        <v>1625</v>
      </c>
      <c r="F9" s="133">
        <v>0</v>
      </c>
      <c r="G9" s="131">
        <v>5172</v>
      </c>
      <c r="H9" s="131">
        <v>3494</v>
      </c>
      <c r="I9" s="131">
        <v>1932</v>
      </c>
      <c r="J9" s="131">
        <v>1559</v>
      </c>
      <c r="K9" s="131">
        <v>899</v>
      </c>
      <c r="L9" s="132">
        <v>13056</v>
      </c>
      <c r="M9" s="134">
        <v>14681</v>
      </c>
      <c r="N9" s="135">
        <v>7</v>
      </c>
      <c r="O9" s="131">
        <v>21</v>
      </c>
      <c r="P9" s="132">
        <v>28</v>
      </c>
      <c r="Q9" s="133">
        <v>0</v>
      </c>
      <c r="R9" s="131">
        <v>103</v>
      </c>
      <c r="S9" s="131">
        <v>97</v>
      </c>
      <c r="T9" s="131">
        <v>43</v>
      </c>
      <c r="U9" s="131">
        <v>35</v>
      </c>
      <c r="V9" s="131">
        <v>26</v>
      </c>
      <c r="W9" s="132">
        <v>304</v>
      </c>
      <c r="X9" s="134">
        <v>332</v>
      </c>
      <c r="Y9" s="130">
        <v>657</v>
      </c>
      <c r="Z9" s="131">
        <v>996</v>
      </c>
      <c r="AA9" s="132">
        <v>1653</v>
      </c>
      <c r="AB9" s="133">
        <v>0</v>
      </c>
      <c r="AC9" s="131">
        <v>5275</v>
      </c>
      <c r="AD9" s="131">
        <v>3591</v>
      </c>
      <c r="AE9" s="131">
        <v>1975</v>
      </c>
      <c r="AF9" s="131">
        <v>1594</v>
      </c>
      <c r="AG9" s="131">
        <v>925</v>
      </c>
      <c r="AH9" s="132">
        <v>13360</v>
      </c>
      <c r="AI9" s="134">
        <v>15013</v>
      </c>
    </row>
    <row r="10" spans="2:35" ht="21" customHeight="1" x14ac:dyDescent="0.2">
      <c r="B10" s="106" t="s">
        <v>8</v>
      </c>
      <c r="C10" s="130">
        <v>651</v>
      </c>
      <c r="D10" s="131">
        <v>720</v>
      </c>
      <c r="E10" s="132">
        <v>1371</v>
      </c>
      <c r="F10" s="133">
        <v>0</v>
      </c>
      <c r="G10" s="131">
        <v>2149</v>
      </c>
      <c r="H10" s="131">
        <v>2137</v>
      </c>
      <c r="I10" s="131">
        <v>1280</v>
      </c>
      <c r="J10" s="131">
        <v>908</v>
      </c>
      <c r="K10" s="131">
        <v>564</v>
      </c>
      <c r="L10" s="132">
        <v>7038</v>
      </c>
      <c r="M10" s="134">
        <v>8409</v>
      </c>
      <c r="N10" s="135">
        <v>10</v>
      </c>
      <c r="O10" s="131">
        <v>25</v>
      </c>
      <c r="P10" s="132">
        <v>35</v>
      </c>
      <c r="Q10" s="133">
        <v>0</v>
      </c>
      <c r="R10" s="131">
        <v>43</v>
      </c>
      <c r="S10" s="131">
        <v>74</v>
      </c>
      <c r="T10" s="131">
        <v>34</v>
      </c>
      <c r="U10" s="131">
        <v>28</v>
      </c>
      <c r="V10" s="131">
        <v>18</v>
      </c>
      <c r="W10" s="132">
        <v>197</v>
      </c>
      <c r="X10" s="134">
        <v>232</v>
      </c>
      <c r="Y10" s="130">
        <v>661</v>
      </c>
      <c r="Z10" s="131">
        <v>745</v>
      </c>
      <c r="AA10" s="132">
        <v>1406</v>
      </c>
      <c r="AB10" s="133">
        <v>0</v>
      </c>
      <c r="AC10" s="131">
        <v>2192</v>
      </c>
      <c r="AD10" s="131">
        <v>2211</v>
      </c>
      <c r="AE10" s="131">
        <v>1314</v>
      </c>
      <c r="AF10" s="131">
        <v>936</v>
      </c>
      <c r="AG10" s="131">
        <v>582</v>
      </c>
      <c r="AH10" s="132">
        <v>7235</v>
      </c>
      <c r="AI10" s="134">
        <v>8641</v>
      </c>
    </row>
    <row r="11" spans="2:35" ht="21" customHeight="1" x14ac:dyDescent="0.2">
      <c r="B11" s="106" t="s">
        <v>9</v>
      </c>
      <c r="C11" s="130">
        <v>530</v>
      </c>
      <c r="D11" s="131">
        <v>591</v>
      </c>
      <c r="E11" s="132">
        <v>1121</v>
      </c>
      <c r="F11" s="133">
        <v>0</v>
      </c>
      <c r="G11" s="131">
        <v>2054</v>
      </c>
      <c r="H11" s="131">
        <v>1532</v>
      </c>
      <c r="I11" s="131">
        <v>1076</v>
      </c>
      <c r="J11" s="131">
        <v>901</v>
      </c>
      <c r="K11" s="131">
        <v>576</v>
      </c>
      <c r="L11" s="132">
        <v>6139</v>
      </c>
      <c r="M11" s="134">
        <v>7260</v>
      </c>
      <c r="N11" s="135">
        <v>3</v>
      </c>
      <c r="O11" s="131">
        <v>13</v>
      </c>
      <c r="P11" s="132">
        <v>16</v>
      </c>
      <c r="Q11" s="133">
        <v>0</v>
      </c>
      <c r="R11" s="131">
        <v>36</v>
      </c>
      <c r="S11" s="131">
        <v>38</v>
      </c>
      <c r="T11" s="131">
        <v>14</v>
      </c>
      <c r="U11" s="131">
        <v>18</v>
      </c>
      <c r="V11" s="131">
        <v>16</v>
      </c>
      <c r="W11" s="132">
        <v>122</v>
      </c>
      <c r="X11" s="134">
        <v>138</v>
      </c>
      <c r="Y11" s="130">
        <v>533</v>
      </c>
      <c r="Z11" s="131">
        <v>604</v>
      </c>
      <c r="AA11" s="132">
        <v>1137</v>
      </c>
      <c r="AB11" s="133">
        <v>0</v>
      </c>
      <c r="AC11" s="131">
        <v>2090</v>
      </c>
      <c r="AD11" s="131">
        <v>1570</v>
      </c>
      <c r="AE11" s="131">
        <v>1090</v>
      </c>
      <c r="AF11" s="131">
        <v>919</v>
      </c>
      <c r="AG11" s="131">
        <v>592</v>
      </c>
      <c r="AH11" s="132">
        <v>6261</v>
      </c>
      <c r="AI11" s="134">
        <v>7398</v>
      </c>
    </row>
    <row r="12" spans="2:35" ht="21" customHeight="1" x14ac:dyDescent="0.2">
      <c r="B12" s="106" t="s">
        <v>10</v>
      </c>
      <c r="C12" s="130">
        <v>1361</v>
      </c>
      <c r="D12" s="131">
        <v>1690</v>
      </c>
      <c r="E12" s="132">
        <v>3051</v>
      </c>
      <c r="F12" s="133">
        <v>0</v>
      </c>
      <c r="G12" s="131">
        <v>4256</v>
      </c>
      <c r="H12" s="131">
        <v>2489</v>
      </c>
      <c r="I12" s="131">
        <v>1615</v>
      </c>
      <c r="J12" s="131">
        <v>1351</v>
      </c>
      <c r="K12" s="131">
        <v>895</v>
      </c>
      <c r="L12" s="132">
        <v>10606</v>
      </c>
      <c r="M12" s="134">
        <v>13657</v>
      </c>
      <c r="N12" s="135">
        <v>31</v>
      </c>
      <c r="O12" s="131">
        <v>38</v>
      </c>
      <c r="P12" s="132">
        <v>69</v>
      </c>
      <c r="Q12" s="133">
        <v>0</v>
      </c>
      <c r="R12" s="131">
        <v>82</v>
      </c>
      <c r="S12" s="131">
        <v>91</v>
      </c>
      <c r="T12" s="131">
        <v>52</v>
      </c>
      <c r="U12" s="131">
        <v>43</v>
      </c>
      <c r="V12" s="131">
        <v>35</v>
      </c>
      <c r="W12" s="132">
        <v>303</v>
      </c>
      <c r="X12" s="134">
        <v>372</v>
      </c>
      <c r="Y12" s="130">
        <v>1392</v>
      </c>
      <c r="Z12" s="131">
        <v>1728</v>
      </c>
      <c r="AA12" s="132">
        <v>3120</v>
      </c>
      <c r="AB12" s="133">
        <v>0</v>
      </c>
      <c r="AC12" s="131">
        <v>4338</v>
      </c>
      <c r="AD12" s="131">
        <v>2580</v>
      </c>
      <c r="AE12" s="131">
        <v>1667</v>
      </c>
      <c r="AF12" s="131">
        <v>1394</v>
      </c>
      <c r="AG12" s="131">
        <v>930</v>
      </c>
      <c r="AH12" s="132">
        <v>10909</v>
      </c>
      <c r="AI12" s="134">
        <v>14029</v>
      </c>
    </row>
    <row r="13" spans="2:35" ht="21" customHeight="1" x14ac:dyDescent="0.2">
      <c r="B13" s="106" t="s">
        <v>11</v>
      </c>
      <c r="C13" s="130">
        <v>561</v>
      </c>
      <c r="D13" s="131">
        <v>621</v>
      </c>
      <c r="E13" s="132">
        <v>1182</v>
      </c>
      <c r="F13" s="133">
        <v>0</v>
      </c>
      <c r="G13" s="131">
        <v>2144</v>
      </c>
      <c r="H13" s="131">
        <v>1405</v>
      </c>
      <c r="I13" s="131">
        <v>953</v>
      </c>
      <c r="J13" s="131">
        <v>808</v>
      </c>
      <c r="K13" s="131">
        <v>408</v>
      </c>
      <c r="L13" s="132">
        <v>5718</v>
      </c>
      <c r="M13" s="134">
        <v>6900</v>
      </c>
      <c r="N13" s="135">
        <v>12</v>
      </c>
      <c r="O13" s="131">
        <v>12</v>
      </c>
      <c r="P13" s="132">
        <v>24</v>
      </c>
      <c r="Q13" s="133">
        <v>0</v>
      </c>
      <c r="R13" s="131">
        <v>44</v>
      </c>
      <c r="S13" s="131">
        <v>25</v>
      </c>
      <c r="T13" s="131">
        <v>30</v>
      </c>
      <c r="U13" s="131">
        <v>20</v>
      </c>
      <c r="V13" s="131">
        <v>15</v>
      </c>
      <c r="W13" s="132">
        <v>134</v>
      </c>
      <c r="X13" s="134">
        <v>158</v>
      </c>
      <c r="Y13" s="130">
        <v>573</v>
      </c>
      <c r="Z13" s="131">
        <v>633</v>
      </c>
      <c r="AA13" s="132">
        <v>1206</v>
      </c>
      <c r="AB13" s="133">
        <v>0</v>
      </c>
      <c r="AC13" s="131">
        <v>2188</v>
      </c>
      <c r="AD13" s="131">
        <v>1430</v>
      </c>
      <c r="AE13" s="131">
        <v>983</v>
      </c>
      <c r="AF13" s="131">
        <v>828</v>
      </c>
      <c r="AG13" s="131">
        <v>423</v>
      </c>
      <c r="AH13" s="132">
        <v>5852</v>
      </c>
      <c r="AI13" s="134">
        <v>7058</v>
      </c>
    </row>
    <row r="14" spans="2:35" ht="21" customHeight="1" x14ac:dyDescent="0.2">
      <c r="B14" s="106" t="s">
        <v>12</v>
      </c>
      <c r="C14" s="130">
        <v>722</v>
      </c>
      <c r="D14" s="131">
        <v>1201</v>
      </c>
      <c r="E14" s="132">
        <v>1923</v>
      </c>
      <c r="F14" s="133">
        <v>0</v>
      </c>
      <c r="G14" s="131">
        <v>1788</v>
      </c>
      <c r="H14" s="131">
        <v>1530</v>
      </c>
      <c r="I14" s="131">
        <v>987</v>
      </c>
      <c r="J14" s="131">
        <v>843</v>
      </c>
      <c r="K14" s="131">
        <v>524</v>
      </c>
      <c r="L14" s="132">
        <v>5672</v>
      </c>
      <c r="M14" s="134">
        <v>7595</v>
      </c>
      <c r="N14" s="135">
        <v>13</v>
      </c>
      <c r="O14" s="131">
        <v>34</v>
      </c>
      <c r="P14" s="132">
        <v>47</v>
      </c>
      <c r="Q14" s="133">
        <v>0</v>
      </c>
      <c r="R14" s="131">
        <v>23</v>
      </c>
      <c r="S14" s="131">
        <v>45</v>
      </c>
      <c r="T14" s="131">
        <v>30</v>
      </c>
      <c r="U14" s="131">
        <v>19</v>
      </c>
      <c r="V14" s="131">
        <v>18</v>
      </c>
      <c r="W14" s="132">
        <v>135</v>
      </c>
      <c r="X14" s="134">
        <v>182</v>
      </c>
      <c r="Y14" s="130">
        <v>735</v>
      </c>
      <c r="Z14" s="131">
        <v>1235</v>
      </c>
      <c r="AA14" s="132">
        <v>1970</v>
      </c>
      <c r="AB14" s="133">
        <v>0</v>
      </c>
      <c r="AC14" s="131">
        <v>1811</v>
      </c>
      <c r="AD14" s="131">
        <v>1575</v>
      </c>
      <c r="AE14" s="131">
        <v>1017</v>
      </c>
      <c r="AF14" s="131">
        <v>862</v>
      </c>
      <c r="AG14" s="131">
        <v>542</v>
      </c>
      <c r="AH14" s="132">
        <v>5807</v>
      </c>
      <c r="AI14" s="134">
        <v>7777</v>
      </c>
    </row>
    <row r="15" spans="2:35" ht="21" customHeight="1" x14ac:dyDescent="0.2">
      <c r="B15" s="106" t="s">
        <v>13</v>
      </c>
      <c r="C15" s="130">
        <v>123</v>
      </c>
      <c r="D15" s="131">
        <v>226</v>
      </c>
      <c r="E15" s="132">
        <v>349</v>
      </c>
      <c r="F15" s="133">
        <v>0</v>
      </c>
      <c r="G15" s="131">
        <v>714</v>
      </c>
      <c r="H15" s="131">
        <v>677</v>
      </c>
      <c r="I15" s="131">
        <v>400</v>
      </c>
      <c r="J15" s="131">
        <v>305</v>
      </c>
      <c r="K15" s="131">
        <v>220</v>
      </c>
      <c r="L15" s="132">
        <v>2316</v>
      </c>
      <c r="M15" s="134">
        <v>2665</v>
      </c>
      <c r="N15" s="135">
        <v>0</v>
      </c>
      <c r="O15" s="131">
        <v>1</v>
      </c>
      <c r="P15" s="132">
        <v>1</v>
      </c>
      <c r="Q15" s="133">
        <v>0</v>
      </c>
      <c r="R15" s="131">
        <v>13</v>
      </c>
      <c r="S15" s="131">
        <v>18</v>
      </c>
      <c r="T15" s="131">
        <v>10</v>
      </c>
      <c r="U15" s="131">
        <v>1</v>
      </c>
      <c r="V15" s="131">
        <v>8</v>
      </c>
      <c r="W15" s="132">
        <v>50</v>
      </c>
      <c r="X15" s="134">
        <v>51</v>
      </c>
      <c r="Y15" s="130">
        <v>123</v>
      </c>
      <c r="Z15" s="131">
        <v>227</v>
      </c>
      <c r="AA15" s="132">
        <v>350</v>
      </c>
      <c r="AB15" s="133">
        <v>0</v>
      </c>
      <c r="AC15" s="131">
        <v>727</v>
      </c>
      <c r="AD15" s="131">
        <v>695</v>
      </c>
      <c r="AE15" s="131">
        <v>410</v>
      </c>
      <c r="AF15" s="131">
        <v>306</v>
      </c>
      <c r="AG15" s="131">
        <v>228</v>
      </c>
      <c r="AH15" s="132">
        <v>2366</v>
      </c>
      <c r="AI15" s="134">
        <v>2716</v>
      </c>
    </row>
    <row r="16" spans="2:35" ht="21" customHeight="1" x14ac:dyDescent="0.2">
      <c r="B16" s="106" t="s">
        <v>15</v>
      </c>
      <c r="C16" s="130">
        <v>106</v>
      </c>
      <c r="D16" s="131">
        <v>198</v>
      </c>
      <c r="E16" s="132">
        <v>304</v>
      </c>
      <c r="F16" s="133">
        <v>0</v>
      </c>
      <c r="G16" s="131">
        <v>535</v>
      </c>
      <c r="H16" s="131">
        <v>558</v>
      </c>
      <c r="I16" s="131">
        <v>304</v>
      </c>
      <c r="J16" s="131">
        <v>232</v>
      </c>
      <c r="K16" s="131">
        <v>117</v>
      </c>
      <c r="L16" s="132">
        <v>1746</v>
      </c>
      <c r="M16" s="134">
        <v>2050</v>
      </c>
      <c r="N16" s="135">
        <v>2</v>
      </c>
      <c r="O16" s="131">
        <v>5</v>
      </c>
      <c r="P16" s="132">
        <v>7</v>
      </c>
      <c r="Q16" s="133">
        <v>0</v>
      </c>
      <c r="R16" s="131">
        <v>9</v>
      </c>
      <c r="S16" s="131">
        <v>12</v>
      </c>
      <c r="T16" s="131">
        <v>4</v>
      </c>
      <c r="U16" s="131">
        <v>2</v>
      </c>
      <c r="V16" s="131">
        <v>5</v>
      </c>
      <c r="W16" s="132">
        <v>32</v>
      </c>
      <c r="X16" s="134">
        <v>39</v>
      </c>
      <c r="Y16" s="130">
        <v>108</v>
      </c>
      <c r="Z16" s="131">
        <v>203</v>
      </c>
      <c r="AA16" s="132">
        <v>311</v>
      </c>
      <c r="AB16" s="133">
        <v>0</v>
      </c>
      <c r="AC16" s="131">
        <v>544</v>
      </c>
      <c r="AD16" s="131">
        <v>570</v>
      </c>
      <c r="AE16" s="131">
        <v>308</v>
      </c>
      <c r="AF16" s="131">
        <v>234</v>
      </c>
      <c r="AG16" s="131">
        <v>122</v>
      </c>
      <c r="AH16" s="132">
        <v>1778</v>
      </c>
      <c r="AI16" s="134">
        <v>2089</v>
      </c>
    </row>
    <row r="17" spans="2:35" ht="21" customHeight="1" x14ac:dyDescent="0.2">
      <c r="B17" s="106" t="s">
        <v>16</v>
      </c>
      <c r="C17" s="130">
        <v>269</v>
      </c>
      <c r="D17" s="131">
        <v>513</v>
      </c>
      <c r="E17" s="132">
        <v>782</v>
      </c>
      <c r="F17" s="133">
        <v>0</v>
      </c>
      <c r="G17" s="131">
        <v>987</v>
      </c>
      <c r="H17" s="131">
        <v>1358</v>
      </c>
      <c r="I17" s="131">
        <v>692</v>
      </c>
      <c r="J17" s="131">
        <v>570</v>
      </c>
      <c r="K17" s="131">
        <v>308</v>
      </c>
      <c r="L17" s="132">
        <v>3915</v>
      </c>
      <c r="M17" s="134">
        <v>4697</v>
      </c>
      <c r="N17" s="135">
        <v>5</v>
      </c>
      <c r="O17" s="131">
        <v>17</v>
      </c>
      <c r="P17" s="132">
        <v>22</v>
      </c>
      <c r="Q17" s="133">
        <v>0</v>
      </c>
      <c r="R17" s="131">
        <v>11</v>
      </c>
      <c r="S17" s="131">
        <v>40</v>
      </c>
      <c r="T17" s="131">
        <v>22</v>
      </c>
      <c r="U17" s="131">
        <v>17</v>
      </c>
      <c r="V17" s="131">
        <v>17</v>
      </c>
      <c r="W17" s="132">
        <v>107</v>
      </c>
      <c r="X17" s="134">
        <v>129</v>
      </c>
      <c r="Y17" s="130">
        <v>274</v>
      </c>
      <c r="Z17" s="131">
        <v>530</v>
      </c>
      <c r="AA17" s="132">
        <v>804</v>
      </c>
      <c r="AB17" s="133">
        <v>0</v>
      </c>
      <c r="AC17" s="131">
        <v>998</v>
      </c>
      <c r="AD17" s="131">
        <v>1398</v>
      </c>
      <c r="AE17" s="131">
        <v>714</v>
      </c>
      <c r="AF17" s="131">
        <v>587</v>
      </c>
      <c r="AG17" s="131">
        <v>325</v>
      </c>
      <c r="AH17" s="132">
        <v>4022</v>
      </c>
      <c r="AI17" s="134">
        <v>4826</v>
      </c>
    </row>
    <row r="18" spans="2:35" ht="21" customHeight="1" x14ac:dyDescent="0.2">
      <c r="B18" s="106" t="s">
        <v>17</v>
      </c>
      <c r="C18" s="130">
        <v>320</v>
      </c>
      <c r="D18" s="131">
        <v>664</v>
      </c>
      <c r="E18" s="132">
        <v>984</v>
      </c>
      <c r="F18" s="133">
        <v>0</v>
      </c>
      <c r="G18" s="131">
        <v>1066</v>
      </c>
      <c r="H18" s="131">
        <v>1809</v>
      </c>
      <c r="I18" s="131">
        <v>1087</v>
      </c>
      <c r="J18" s="131">
        <v>778</v>
      </c>
      <c r="K18" s="131">
        <v>414</v>
      </c>
      <c r="L18" s="132">
        <v>5154</v>
      </c>
      <c r="M18" s="134">
        <v>6138</v>
      </c>
      <c r="N18" s="135">
        <v>4</v>
      </c>
      <c r="O18" s="131">
        <v>23</v>
      </c>
      <c r="P18" s="132">
        <v>27</v>
      </c>
      <c r="Q18" s="133">
        <v>0</v>
      </c>
      <c r="R18" s="131">
        <v>23</v>
      </c>
      <c r="S18" s="131">
        <v>62</v>
      </c>
      <c r="T18" s="131">
        <v>32</v>
      </c>
      <c r="U18" s="131">
        <v>25</v>
      </c>
      <c r="V18" s="131">
        <v>20</v>
      </c>
      <c r="W18" s="132">
        <v>162</v>
      </c>
      <c r="X18" s="134">
        <v>189</v>
      </c>
      <c r="Y18" s="130">
        <v>324</v>
      </c>
      <c r="Z18" s="131">
        <v>687</v>
      </c>
      <c r="AA18" s="132">
        <v>1011</v>
      </c>
      <c r="AB18" s="133">
        <v>0</v>
      </c>
      <c r="AC18" s="131">
        <v>1089</v>
      </c>
      <c r="AD18" s="131">
        <v>1871</v>
      </c>
      <c r="AE18" s="131">
        <v>1119</v>
      </c>
      <c r="AF18" s="131">
        <v>803</v>
      </c>
      <c r="AG18" s="131">
        <v>434</v>
      </c>
      <c r="AH18" s="132">
        <v>5316</v>
      </c>
      <c r="AI18" s="134">
        <v>6327</v>
      </c>
    </row>
    <row r="19" spans="2:35" ht="21" customHeight="1" x14ac:dyDescent="0.2">
      <c r="B19" s="106" t="s">
        <v>18</v>
      </c>
      <c r="C19" s="130">
        <v>377</v>
      </c>
      <c r="D19" s="131">
        <v>731</v>
      </c>
      <c r="E19" s="132">
        <v>1108</v>
      </c>
      <c r="F19" s="133">
        <v>0</v>
      </c>
      <c r="G19" s="131">
        <v>1874</v>
      </c>
      <c r="H19" s="131">
        <v>1766</v>
      </c>
      <c r="I19" s="131">
        <v>1108</v>
      </c>
      <c r="J19" s="131">
        <v>793</v>
      </c>
      <c r="K19" s="131">
        <v>464</v>
      </c>
      <c r="L19" s="132">
        <v>6005</v>
      </c>
      <c r="M19" s="134">
        <v>7113</v>
      </c>
      <c r="N19" s="135">
        <v>17</v>
      </c>
      <c r="O19" s="131">
        <v>23</v>
      </c>
      <c r="P19" s="132">
        <v>40</v>
      </c>
      <c r="Q19" s="133">
        <v>0</v>
      </c>
      <c r="R19" s="131">
        <v>38</v>
      </c>
      <c r="S19" s="131">
        <v>59</v>
      </c>
      <c r="T19" s="131">
        <v>31</v>
      </c>
      <c r="U19" s="131">
        <v>27</v>
      </c>
      <c r="V19" s="131">
        <v>25</v>
      </c>
      <c r="W19" s="132">
        <v>180</v>
      </c>
      <c r="X19" s="134">
        <v>220</v>
      </c>
      <c r="Y19" s="130">
        <v>394</v>
      </c>
      <c r="Z19" s="131">
        <v>754</v>
      </c>
      <c r="AA19" s="132">
        <v>1148</v>
      </c>
      <c r="AB19" s="133">
        <v>0</v>
      </c>
      <c r="AC19" s="131">
        <v>1912</v>
      </c>
      <c r="AD19" s="131">
        <v>1825</v>
      </c>
      <c r="AE19" s="131">
        <v>1139</v>
      </c>
      <c r="AF19" s="131">
        <v>820</v>
      </c>
      <c r="AG19" s="131">
        <v>489</v>
      </c>
      <c r="AH19" s="132">
        <v>6185</v>
      </c>
      <c r="AI19" s="134">
        <v>7333</v>
      </c>
    </row>
    <row r="20" spans="2:35" ht="21" customHeight="1" x14ac:dyDescent="0.2">
      <c r="B20" s="106" t="s">
        <v>19</v>
      </c>
      <c r="C20" s="130">
        <v>263</v>
      </c>
      <c r="D20" s="131">
        <v>358</v>
      </c>
      <c r="E20" s="132">
        <v>621</v>
      </c>
      <c r="F20" s="133">
        <v>0</v>
      </c>
      <c r="G20" s="131">
        <v>949</v>
      </c>
      <c r="H20" s="131">
        <v>752</v>
      </c>
      <c r="I20" s="131">
        <v>484</v>
      </c>
      <c r="J20" s="131">
        <v>283</v>
      </c>
      <c r="K20" s="131">
        <v>201</v>
      </c>
      <c r="L20" s="132">
        <v>2669</v>
      </c>
      <c r="M20" s="134">
        <v>3290</v>
      </c>
      <c r="N20" s="135">
        <v>8</v>
      </c>
      <c r="O20" s="131">
        <v>9</v>
      </c>
      <c r="P20" s="132">
        <v>17</v>
      </c>
      <c r="Q20" s="133">
        <v>0</v>
      </c>
      <c r="R20" s="131">
        <v>23</v>
      </c>
      <c r="S20" s="131">
        <v>18</v>
      </c>
      <c r="T20" s="131">
        <v>13</v>
      </c>
      <c r="U20" s="131">
        <v>10</v>
      </c>
      <c r="V20" s="131">
        <v>6</v>
      </c>
      <c r="W20" s="132">
        <v>70</v>
      </c>
      <c r="X20" s="134">
        <v>87</v>
      </c>
      <c r="Y20" s="130">
        <v>271</v>
      </c>
      <c r="Z20" s="131">
        <v>367</v>
      </c>
      <c r="AA20" s="132">
        <v>638</v>
      </c>
      <c r="AB20" s="133">
        <v>0</v>
      </c>
      <c r="AC20" s="131">
        <v>972</v>
      </c>
      <c r="AD20" s="131">
        <v>770</v>
      </c>
      <c r="AE20" s="131">
        <v>497</v>
      </c>
      <c r="AF20" s="131">
        <v>293</v>
      </c>
      <c r="AG20" s="131">
        <v>207</v>
      </c>
      <c r="AH20" s="132">
        <v>2739</v>
      </c>
      <c r="AI20" s="134">
        <v>3377</v>
      </c>
    </row>
    <row r="21" spans="2:35" ht="21" customHeight="1" x14ac:dyDescent="0.2">
      <c r="B21" s="106" t="s">
        <v>20</v>
      </c>
      <c r="C21" s="130">
        <v>244</v>
      </c>
      <c r="D21" s="131">
        <v>446</v>
      </c>
      <c r="E21" s="132">
        <v>690</v>
      </c>
      <c r="F21" s="133">
        <v>0</v>
      </c>
      <c r="G21" s="131">
        <v>1204</v>
      </c>
      <c r="H21" s="131">
        <v>807</v>
      </c>
      <c r="I21" s="131">
        <v>539</v>
      </c>
      <c r="J21" s="131">
        <v>345</v>
      </c>
      <c r="K21" s="131">
        <v>204</v>
      </c>
      <c r="L21" s="132">
        <v>3099</v>
      </c>
      <c r="M21" s="134">
        <v>3789</v>
      </c>
      <c r="N21" s="135">
        <v>6</v>
      </c>
      <c r="O21" s="131">
        <v>18</v>
      </c>
      <c r="P21" s="132">
        <v>24</v>
      </c>
      <c r="Q21" s="133">
        <v>0</v>
      </c>
      <c r="R21" s="131">
        <v>22</v>
      </c>
      <c r="S21" s="131">
        <v>24</v>
      </c>
      <c r="T21" s="131">
        <v>18</v>
      </c>
      <c r="U21" s="131">
        <v>13</v>
      </c>
      <c r="V21" s="131">
        <v>12</v>
      </c>
      <c r="W21" s="132">
        <v>89</v>
      </c>
      <c r="X21" s="134">
        <v>113</v>
      </c>
      <c r="Y21" s="130">
        <v>250</v>
      </c>
      <c r="Z21" s="131">
        <v>464</v>
      </c>
      <c r="AA21" s="132">
        <v>714</v>
      </c>
      <c r="AB21" s="133">
        <v>0</v>
      </c>
      <c r="AC21" s="131">
        <v>1226</v>
      </c>
      <c r="AD21" s="131">
        <v>831</v>
      </c>
      <c r="AE21" s="131">
        <v>557</v>
      </c>
      <c r="AF21" s="131">
        <v>358</v>
      </c>
      <c r="AG21" s="131">
        <v>216</v>
      </c>
      <c r="AH21" s="132">
        <v>3188</v>
      </c>
      <c r="AI21" s="134">
        <v>3902</v>
      </c>
    </row>
    <row r="22" spans="2:35" ht="21" customHeight="1" x14ac:dyDescent="0.2">
      <c r="B22" s="106" t="s">
        <v>21</v>
      </c>
      <c r="C22" s="130">
        <v>328</v>
      </c>
      <c r="D22" s="131">
        <v>462</v>
      </c>
      <c r="E22" s="132">
        <v>790</v>
      </c>
      <c r="F22" s="133">
        <v>0</v>
      </c>
      <c r="G22" s="131">
        <v>1162</v>
      </c>
      <c r="H22" s="131">
        <v>1155</v>
      </c>
      <c r="I22" s="131">
        <v>687</v>
      </c>
      <c r="J22" s="131">
        <v>428</v>
      </c>
      <c r="K22" s="131">
        <v>277</v>
      </c>
      <c r="L22" s="132">
        <v>3709</v>
      </c>
      <c r="M22" s="134">
        <v>4499</v>
      </c>
      <c r="N22" s="135">
        <v>7</v>
      </c>
      <c r="O22" s="131">
        <v>16</v>
      </c>
      <c r="P22" s="132">
        <v>23</v>
      </c>
      <c r="Q22" s="133">
        <v>0</v>
      </c>
      <c r="R22" s="131">
        <v>9</v>
      </c>
      <c r="S22" s="131">
        <v>39</v>
      </c>
      <c r="T22" s="131">
        <v>21</v>
      </c>
      <c r="U22" s="131">
        <v>12</v>
      </c>
      <c r="V22" s="131">
        <v>11</v>
      </c>
      <c r="W22" s="132">
        <v>92</v>
      </c>
      <c r="X22" s="134">
        <v>115</v>
      </c>
      <c r="Y22" s="130">
        <v>335</v>
      </c>
      <c r="Z22" s="131">
        <v>478</v>
      </c>
      <c r="AA22" s="132">
        <v>813</v>
      </c>
      <c r="AB22" s="133">
        <v>0</v>
      </c>
      <c r="AC22" s="131">
        <v>1171</v>
      </c>
      <c r="AD22" s="131">
        <v>1194</v>
      </c>
      <c r="AE22" s="131">
        <v>708</v>
      </c>
      <c r="AF22" s="131">
        <v>440</v>
      </c>
      <c r="AG22" s="131">
        <v>288</v>
      </c>
      <c r="AH22" s="132">
        <v>3801</v>
      </c>
      <c r="AI22" s="134">
        <v>4614</v>
      </c>
    </row>
    <row r="23" spans="2:35" ht="21" customHeight="1" x14ac:dyDescent="0.2">
      <c r="B23" s="106" t="s">
        <v>22</v>
      </c>
      <c r="C23" s="130">
        <v>76</v>
      </c>
      <c r="D23" s="131">
        <v>178</v>
      </c>
      <c r="E23" s="132">
        <v>254</v>
      </c>
      <c r="F23" s="133">
        <v>0</v>
      </c>
      <c r="G23" s="131">
        <v>411</v>
      </c>
      <c r="H23" s="131">
        <v>386</v>
      </c>
      <c r="I23" s="131">
        <v>220</v>
      </c>
      <c r="J23" s="131">
        <v>166</v>
      </c>
      <c r="K23" s="131">
        <v>79</v>
      </c>
      <c r="L23" s="132">
        <v>1262</v>
      </c>
      <c r="M23" s="134">
        <v>1516</v>
      </c>
      <c r="N23" s="135">
        <v>3</v>
      </c>
      <c r="O23" s="131">
        <v>5</v>
      </c>
      <c r="P23" s="132">
        <v>8</v>
      </c>
      <c r="Q23" s="133">
        <v>0</v>
      </c>
      <c r="R23" s="131">
        <v>9</v>
      </c>
      <c r="S23" s="131">
        <v>10</v>
      </c>
      <c r="T23" s="131">
        <v>2</v>
      </c>
      <c r="U23" s="131">
        <v>1</v>
      </c>
      <c r="V23" s="131">
        <v>3</v>
      </c>
      <c r="W23" s="132">
        <v>25</v>
      </c>
      <c r="X23" s="134">
        <v>33</v>
      </c>
      <c r="Y23" s="130">
        <v>79</v>
      </c>
      <c r="Z23" s="131">
        <v>183</v>
      </c>
      <c r="AA23" s="132">
        <v>262</v>
      </c>
      <c r="AB23" s="133">
        <v>0</v>
      </c>
      <c r="AC23" s="131">
        <v>420</v>
      </c>
      <c r="AD23" s="131">
        <v>396</v>
      </c>
      <c r="AE23" s="131">
        <v>222</v>
      </c>
      <c r="AF23" s="131">
        <v>167</v>
      </c>
      <c r="AG23" s="131">
        <v>82</v>
      </c>
      <c r="AH23" s="132">
        <v>1287</v>
      </c>
      <c r="AI23" s="134">
        <v>1549</v>
      </c>
    </row>
    <row r="24" spans="2:35" ht="21" customHeight="1" x14ac:dyDescent="0.2">
      <c r="B24" s="106" t="s">
        <v>23</v>
      </c>
      <c r="C24" s="130">
        <v>154</v>
      </c>
      <c r="D24" s="131">
        <v>303</v>
      </c>
      <c r="E24" s="132">
        <v>457</v>
      </c>
      <c r="F24" s="133">
        <v>0</v>
      </c>
      <c r="G24" s="131">
        <v>627</v>
      </c>
      <c r="H24" s="131">
        <v>593</v>
      </c>
      <c r="I24" s="131">
        <v>328</v>
      </c>
      <c r="J24" s="131">
        <v>270</v>
      </c>
      <c r="K24" s="131">
        <v>143</v>
      </c>
      <c r="L24" s="132">
        <v>1961</v>
      </c>
      <c r="M24" s="134">
        <v>2418</v>
      </c>
      <c r="N24" s="135">
        <v>8</v>
      </c>
      <c r="O24" s="131">
        <v>5</v>
      </c>
      <c r="P24" s="132">
        <v>13</v>
      </c>
      <c r="Q24" s="133">
        <v>0</v>
      </c>
      <c r="R24" s="131">
        <v>10</v>
      </c>
      <c r="S24" s="131">
        <v>22</v>
      </c>
      <c r="T24" s="131">
        <v>10</v>
      </c>
      <c r="U24" s="131">
        <v>7</v>
      </c>
      <c r="V24" s="131">
        <v>4</v>
      </c>
      <c r="W24" s="132">
        <v>53</v>
      </c>
      <c r="X24" s="134">
        <v>66</v>
      </c>
      <c r="Y24" s="130">
        <v>162</v>
      </c>
      <c r="Z24" s="131">
        <v>308</v>
      </c>
      <c r="AA24" s="132">
        <v>470</v>
      </c>
      <c r="AB24" s="133">
        <v>0</v>
      </c>
      <c r="AC24" s="131">
        <v>637</v>
      </c>
      <c r="AD24" s="131">
        <v>615</v>
      </c>
      <c r="AE24" s="131">
        <v>338</v>
      </c>
      <c r="AF24" s="131">
        <v>277</v>
      </c>
      <c r="AG24" s="131">
        <v>147</v>
      </c>
      <c r="AH24" s="132">
        <v>2014</v>
      </c>
      <c r="AI24" s="134">
        <v>2484</v>
      </c>
    </row>
    <row r="25" spans="2:35" ht="21" customHeight="1" x14ac:dyDescent="0.2">
      <c r="B25" s="106" t="s">
        <v>24</v>
      </c>
      <c r="C25" s="130">
        <v>117</v>
      </c>
      <c r="D25" s="131">
        <v>144</v>
      </c>
      <c r="E25" s="132">
        <v>261</v>
      </c>
      <c r="F25" s="133">
        <v>0</v>
      </c>
      <c r="G25" s="131">
        <v>331</v>
      </c>
      <c r="H25" s="131">
        <v>269</v>
      </c>
      <c r="I25" s="131">
        <v>166</v>
      </c>
      <c r="J25" s="131">
        <v>138</v>
      </c>
      <c r="K25" s="131">
        <v>73</v>
      </c>
      <c r="L25" s="132">
        <v>977</v>
      </c>
      <c r="M25" s="134">
        <v>1238</v>
      </c>
      <c r="N25" s="135">
        <v>1</v>
      </c>
      <c r="O25" s="131">
        <v>0</v>
      </c>
      <c r="P25" s="132">
        <v>1</v>
      </c>
      <c r="Q25" s="133">
        <v>0</v>
      </c>
      <c r="R25" s="131">
        <v>5</v>
      </c>
      <c r="S25" s="131">
        <v>8</v>
      </c>
      <c r="T25" s="131">
        <v>4</v>
      </c>
      <c r="U25" s="131">
        <v>4</v>
      </c>
      <c r="V25" s="131">
        <v>4</v>
      </c>
      <c r="W25" s="132">
        <v>25</v>
      </c>
      <c r="X25" s="134">
        <v>26</v>
      </c>
      <c r="Y25" s="130">
        <v>118</v>
      </c>
      <c r="Z25" s="131">
        <v>144</v>
      </c>
      <c r="AA25" s="132">
        <v>262</v>
      </c>
      <c r="AB25" s="133">
        <v>0</v>
      </c>
      <c r="AC25" s="131">
        <v>336</v>
      </c>
      <c r="AD25" s="131">
        <v>277</v>
      </c>
      <c r="AE25" s="131">
        <v>170</v>
      </c>
      <c r="AF25" s="131">
        <v>142</v>
      </c>
      <c r="AG25" s="131">
        <v>77</v>
      </c>
      <c r="AH25" s="132">
        <v>1002</v>
      </c>
      <c r="AI25" s="134">
        <v>1264</v>
      </c>
    </row>
    <row r="26" spans="2:35" ht="21" customHeight="1" x14ac:dyDescent="0.2">
      <c r="B26" s="106" t="s">
        <v>25</v>
      </c>
      <c r="C26" s="130">
        <v>121</v>
      </c>
      <c r="D26" s="131">
        <v>194</v>
      </c>
      <c r="E26" s="132">
        <v>315</v>
      </c>
      <c r="F26" s="133">
        <v>0</v>
      </c>
      <c r="G26" s="131">
        <v>391</v>
      </c>
      <c r="H26" s="131">
        <v>340</v>
      </c>
      <c r="I26" s="131">
        <v>175</v>
      </c>
      <c r="J26" s="131">
        <v>144</v>
      </c>
      <c r="K26" s="131">
        <v>64</v>
      </c>
      <c r="L26" s="132">
        <v>1114</v>
      </c>
      <c r="M26" s="134">
        <v>1429</v>
      </c>
      <c r="N26" s="135">
        <v>0</v>
      </c>
      <c r="O26" s="131">
        <v>5</v>
      </c>
      <c r="P26" s="132">
        <v>5</v>
      </c>
      <c r="Q26" s="133">
        <v>0</v>
      </c>
      <c r="R26" s="131">
        <v>3</v>
      </c>
      <c r="S26" s="131">
        <v>11</v>
      </c>
      <c r="T26" s="131">
        <v>3</v>
      </c>
      <c r="U26" s="131">
        <v>2</v>
      </c>
      <c r="V26" s="131">
        <v>4</v>
      </c>
      <c r="W26" s="132">
        <v>23</v>
      </c>
      <c r="X26" s="134">
        <v>28</v>
      </c>
      <c r="Y26" s="130">
        <v>121</v>
      </c>
      <c r="Z26" s="131">
        <v>199</v>
      </c>
      <c r="AA26" s="132">
        <v>320</v>
      </c>
      <c r="AB26" s="133">
        <v>0</v>
      </c>
      <c r="AC26" s="131">
        <v>394</v>
      </c>
      <c r="AD26" s="131">
        <v>351</v>
      </c>
      <c r="AE26" s="131">
        <v>178</v>
      </c>
      <c r="AF26" s="131">
        <v>146</v>
      </c>
      <c r="AG26" s="131">
        <v>68</v>
      </c>
      <c r="AH26" s="132">
        <v>1137</v>
      </c>
      <c r="AI26" s="134">
        <v>1457</v>
      </c>
    </row>
    <row r="27" spans="2:35" ht="21" customHeight="1" x14ac:dyDescent="0.2">
      <c r="B27" s="106" t="s">
        <v>26</v>
      </c>
      <c r="C27" s="130">
        <v>85</v>
      </c>
      <c r="D27" s="131">
        <v>127</v>
      </c>
      <c r="E27" s="132">
        <v>212</v>
      </c>
      <c r="F27" s="133">
        <v>0</v>
      </c>
      <c r="G27" s="131">
        <v>292</v>
      </c>
      <c r="H27" s="131">
        <v>275</v>
      </c>
      <c r="I27" s="131">
        <v>175</v>
      </c>
      <c r="J27" s="131">
        <v>102</v>
      </c>
      <c r="K27" s="131">
        <v>79</v>
      </c>
      <c r="L27" s="132">
        <v>923</v>
      </c>
      <c r="M27" s="134">
        <v>1135</v>
      </c>
      <c r="N27" s="135">
        <v>2</v>
      </c>
      <c r="O27" s="131">
        <v>1</v>
      </c>
      <c r="P27" s="132">
        <v>3</v>
      </c>
      <c r="Q27" s="133">
        <v>0</v>
      </c>
      <c r="R27" s="131">
        <v>6</v>
      </c>
      <c r="S27" s="131">
        <v>4</v>
      </c>
      <c r="T27" s="131">
        <v>5</v>
      </c>
      <c r="U27" s="131">
        <v>2</v>
      </c>
      <c r="V27" s="131">
        <v>3</v>
      </c>
      <c r="W27" s="132">
        <v>20</v>
      </c>
      <c r="X27" s="134">
        <v>23</v>
      </c>
      <c r="Y27" s="130">
        <v>87</v>
      </c>
      <c r="Z27" s="131">
        <v>128</v>
      </c>
      <c r="AA27" s="132">
        <v>215</v>
      </c>
      <c r="AB27" s="133">
        <v>0</v>
      </c>
      <c r="AC27" s="131">
        <v>298</v>
      </c>
      <c r="AD27" s="131">
        <v>279</v>
      </c>
      <c r="AE27" s="131">
        <v>180</v>
      </c>
      <c r="AF27" s="131">
        <v>104</v>
      </c>
      <c r="AG27" s="131">
        <v>82</v>
      </c>
      <c r="AH27" s="132">
        <v>943</v>
      </c>
      <c r="AI27" s="134">
        <v>1158</v>
      </c>
    </row>
    <row r="28" spans="2:35" ht="21" customHeight="1" x14ac:dyDescent="0.2">
      <c r="B28" s="106" t="s">
        <v>27</v>
      </c>
      <c r="C28" s="130">
        <v>142</v>
      </c>
      <c r="D28" s="131">
        <v>209</v>
      </c>
      <c r="E28" s="132">
        <v>351</v>
      </c>
      <c r="F28" s="133">
        <v>0</v>
      </c>
      <c r="G28" s="131">
        <v>276</v>
      </c>
      <c r="H28" s="131">
        <v>194</v>
      </c>
      <c r="I28" s="131">
        <v>143</v>
      </c>
      <c r="J28" s="131">
        <v>99</v>
      </c>
      <c r="K28" s="131">
        <v>61</v>
      </c>
      <c r="L28" s="132">
        <v>773</v>
      </c>
      <c r="M28" s="134">
        <v>1124</v>
      </c>
      <c r="N28" s="135">
        <v>6</v>
      </c>
      <c r="O28" s="131">
        <v>3</v>
      </c>
      <c r="P28" s="132">
        <v>9</v>
      </c>
      <c r="Q28" s="133">
        <v>0</v>
      </c>
      <c r="R28" s="131">
        <v>5</v>
      </c>
      <c r="S28" s="131">
        <v>5</v>
      </c>
      <c r="T28" s="131">
        <v>5</v>
      </c>
      <c r="U28" s="131">
        <v>3</v>
      </c>
      <c r="V28" s="131">
        <v>3</v>
      </c>
      <c r="W28" s="132">
        <v>21</v>
      </c>
      <c r="X28" s="134">
        <v>30</v>
      </c>
      <c r="Y28" s="130">
        <v>148</v>
      </c>
      <c r="Z28" s="131">
        <v>212</v>
      </c>
      <c r="AA28" s="132">
        <v>360</v>
      </c>
      <c r="AB28" s="133">
        <v>0</v>
      </c>
      <c r="AC28" s="131">
        <v>281</v>
      </c>
      <c r="AD28" s="131">
        <v>199</v>
      </c>
      <c r="AE28" s="131">
        <v>148</v>
      </c>
      <c r="AF28" s="131">
        <v>102</v>
      </c>
      <c r="AG28" s="131">
        <v>64</v>
      </c>
      <c r="AH28" s="132">
        <v>794</v>
      </c>
      <c r="AI28" s="134">
        <v>1154</v>
      </c>
    </row>
    <row r="29" spans="2:35" ht="21" customHeight="1" x14ac:dyDescent="0.2">
      <c r="B29" s="106" t="s">
        <v>28</v>
      </c>
      <c r="C29" s="130">
        <v>9</v>
      </c>
      <c r="D29" s="131">
        <v>23</v>
      </c>
      <c r="E29" s="132">
        <v>32</v>
      </c>
      <c r="F29" s="133">
        <v>0</v>
      </c>
      <c r="G29" s="131">
        <v>90</v>
      </c>
      <c r="H29" s="131">
        <v>103</v>
      </c>
      <c r="I29" s="131">
        <v>52</v>
      </c>
      <c r="J29" s="131">
        <v>38</v>
      </c>
      <c r="K29" s="131">
        <v>25</v>
      </c>
      <c r="L29" s="132">
        <v>308</v>
      </c>
      <c r="M29" s="134">
        <v>340</v>
      </c>
      <c r="N29" s="135">
        <v>0</v>
      </c>
      <c r="O29" s="131">
        <v>1</v>
      </c>
      <c r="P29" s="132">
        <v>1</v>
      </c>
      <c r="Q29" s="133">
        <v>0</v>
      </c>
      <c r="R29" s="131">
        <v>0</v>
      </c>
      <c r="S29" s="131">
        <v>3</v>
      </c>
      <c r="T29" s="131">
        <v>1</v>
      </c>
      <c r="U29" s="131">
        <v>0</v>
      </c>
      <c r="V29" s="131">
        <v>1</v>
      </c>
      <c r="W29" s="132">
        <v>5</v>
      </c>
      <c r="X29" s="134">
        <v>6</v>
      </c>
      <c r="Y29" s="130">
        <v>9</v>
      </c>
      <c r="Z29" s="131">
        <v>24</v>
      </c>
      <c r="AA29" s="132">
        <v>33</v>
      </c>
      <c r="AB29" s="133">
        <v>0</v>
      </c>
      <c r="AC29" s="131">
        <v>90</v>
      </c>
      <c r="AD29" s="131">
        <v>106</v>
      </c>
      <c r="AE29" s="131">
        <v>53</v>
      </c>
      <c r="AF29" s="131">
        <v>38</v>
      </c>
      <c r="AG29" s="131">
        <v>26</v>
      </c>
      <c r="AH29" s="132">
        <v>313</v>
      </c>
      <c r="AI29" s="134">
        <v>346</v>
      </c>
    </row>
    <row r="30" spans="2:35" ht="21" customHeight="1" x14ac:dyDescent="0.2">
      <c r="B30" s="106" t="s">
        <v>29</v>
      </c>
      <c r="C30" s="130">
        <v>34</v>
      </c>
      <c r="D30" s="131">
        <v>38</v>
      </c>
      <c r="E30" s="132">
        <v>72</v>
      </c>
      <c r="F30" s="133">
        <v>0</v>
      </c>
      <c r="G30" s="131">
        <v>100</v>
      </c>
      <c r="H30" s="131">
        <v>124</v>
      </c>
      <c r="I30" s="131">
        <v>75</v>
      </c>
      <c r="J30" s="131">
        <v>47</v>
      </c>
      <c r="K30" s="131">
        <v>30</v>
      </c>
      <c r="L30" s="132">
        <v>376</v>
      </c>
      <c r="M30" s="134">
        <v>448</v>
      </c>
      <c r="N30" s="135">
        <v>1</v>
      </c>
      <c r="O30" s="131">
        <v>3</v>
      </c>
      <c r="P30" s="132">
        <v>4</v>
      </c>
      <c r="Q30" s="133">
        <v>0</v>
      </c>
      <c r="R30" s="131">
        <v>3</v>
      </c>
      <c r="S30" s="131">
        <v>2</v>
      </c>
      <c r="T30" s="131">
        <v>2</v>
      </c>
      <c r="U30" s="131">
        <v>0</v>
      </c>
      <c r="V30" s="131">
        <v>3</v>
      </c>
      <c r="W30" s="132">
        <v>10</v>
      </c>
      <c r="X30" s="134">
        <v>14</v>
      </c>
      <c r="Y30" s="130">
        <v>35</v>
      </c>
      <c r="Z30" s="131">
        <v>41</v>
      </c>
      <c r="AA30" s="132">
        <v>76</v>
      </c>
      <c r="AB30" s="133">
        <v>0</v>
      </c>
      <c r="AC30" s="131">
        <v>103</v>
      </c>
      <c r="AD30" s="131">
        <v>126</v>
      </c>
      <c r="AE30" s="131">
        <v>77</v>
      </c>
      <c r="AF30" s="131">
        <v>47</v>
      </c>
      <c r="AG30" s="131">
        <v>33</v>
      </c>
      <c r="AH30" s="132">
        <v>386</v>
      </c>
      <c r="AI30" s="134">
        <v>462</v>
      </c>
    </row>
    <row r="31" spans="2:35" ht="21" customHeight="1" x14ac:dyDescent="0.2">
      <c r="B31" s="106" t="s">
        <v>30</v>
      </c>
      <c r="C31" s="130">
        <v>38</v>
      </c>
      <c r="D31" s="131">
        <v>33</v>
      </c>
      <c r="E31" s="132">
        <v>71</v>
      </c>
      <c r="F31" s="133">
        <v>0</v>
      </c>
      <c r="G31" s="131">
        <v>103</v>
      </c>
      <c r="H31" s="131">
        <v>69</v>
      </c>
      <c r="I31" s="131">
        <v>58</v>
      </c>
      <c r="J31" s="131">
        <v>40</v>
      </c>
      <c r="K31" s="131">
        <v>18</v>
      </c>
      <c r="L31" s="132">
        <v>288</v>
      </c>
      <c r="M31" s="134">
        <v>359</v>
      </c>
      <c r="N31" s="135">
        <v>1</v>
      </c>
      <c r="O31" s="131">
        <v>1</v>
      </c>
      <c r="P31" s="132">
        <v>2</v>
      </c>
      <c r="Q31" s="133">
        <v>0</v>
      </c>
      <c r="R31" s="131">
        <v>3</v>
      </c>
      <c r="S31" s="131">
        <v>3</v>
      </c>
      <c r="T31" s="131">
        <v>1</v>
      </c>
      <c r="U31" s="131">
        <v>2</v>
      </c>
      <c r="V31" s="131">
        <v>1</v>
      </c>
      <c r="W31" s="132">
        <v>10</v>
      </c>
      <c r="X31" s="134">
        <v>12</v>
      </c>
      <c r="Y31" s="130">
        <v>39</v>
      </c>
      <c r="Z31" s="131">
        <v>34</v>
      </c>
      <c r="AA31" s="132">
        <v>73</v>
      </c>
      <c r="AB31" s="133">
        <v>0</v>
      </c>
      <c r="AC31" s="131">
        <v>106</v>
      </c>
      <c r="AD31" s="131">
        <v>72</v>
      </c>
      <c r="AE31" s="131">
        <v>59</v>
      </c>
      <c r="AF31" s="131">
        <v>42</v>
      </c>
      <c r="AG31" s="131">
        <v>19</v>
      </c>
      <c r="AH31" s="132">
        <v>298</v>
      </c>
      <c r="AI31" s="134">
        <v>371</v>
      </c>
    </row>
    <row r="32" spans="2:35" ht="21" customHeight="1" x14ac:dyDescent="0.2">
      <c r="B32" s="106" t="s">
        <v>31</v>
      </c>
      <c r="C32" s="130">
        <v>26</v>
      </c>
      <c r="D32" s="131">
        <v>60</v>
      </c>
      <c r="E32" s="132">
        <v>86</v>
      </c>
      <c r="F32" s="133">
        <v>0</v>
      </c>
      <c r="G32" s="131">
        <v>110</v>
      </c>
      <c r="H32" s="131">
        <v>98</v>
      </c>
      <c r="I32" s="131">
        <v>57</v>
      </c>
      <c r="J32" s="131">
        <v>33</v>
      </c>
      <c r="K32" s="131">
        <v>17</v>
      </c>
      <c r="L32" s="132">
        <v>315</v>
      </c>
      <c r="M32" s="134">
        <v>401</v>
      </c>
      <c r="N32" s="135">
        <v>0</v>
      </c>
      <c r="O32" s="131">
        <v>3</v>
      </c>
      <c r="P32" s="132">
        <v>3</v>
      </c>
      <c r="Q32" s="133">
        <v>0</v>
      </c>
      <c r="R32" s="131">
        <v>2</v>
      </c>
      <c r="S32" s="131">
        <v>0</v>
      </c>
      <c r="T32" s="131">
        <v>0</v>
      </c>
      <c r="U32" s="131">
        <v>2</v>
      </c>
      <c r="V32" s="131">
        <v>1</v>
      </c>
      <c r="W32" s="132">
        <v>5</v>
      </c>
      <c r="X32" s="134">
        <v>8</v>
      </c>
      <c r="Y32" s="130">
        <v>26</v>
      </c>
      <c r="Z32" s="131">
        <v>63</v>
      </c>
      <c r="AA32" s="132">
        <v>89</v>
      </c>
      <c r="AB32" s="133">
        <v>0</v>
      </c>
      <c r="AC32" s="131">
        <v>112</v>
      </c>
      <c r="AD32" s="131">
        <v>98</v>
      </c>
      <c r="AE32" s="131">
        <v>57</v>
      </c>
      <c r="AF32" s="131">
        <v>35</v>
      </c>
      <c r="AG32" s="131">
        <v>18</v>
      </c>
      <c r="AH32" s="132">
        <v>320</v>
      </c>
      <c r="AI32" s="134">
        <v>409</v>
      </c>
    </row>
    <row r="33" spans="2:35" ht="21" customHeight="1" x14ac:dyDescent="0.2">
      <c r="B33" s="106" t="s">
        <v>32</v>
      </c>
      <c r="C33" s="130">
        <v>34</v>
      </c>
      <c r="D33" s="131">
        <v>67</v>
      </c>
      <c r="E33" s="132">
        <v>101</v>
      </c>
      <c r="F33" s="133">
        <v>0</v>
      </c>
      <c r="G33" s="131">
        <v>156</v>
      </c>
      <c r="H33" s="131">
        <v>120</v>
      </c>
      <c r="I33" s="131">
        <v>56</v>
      </c>
      <c r="J33" s="131">
        <v>53</v>
      </c>
      <c r="K33" s="131">
        <v>34</v>
      </c>
      <c r="L33" s="132">
        <v>419</v>
      </c>
      <c r="M33" s="134">
        <v>520</v>
      </c>
      <c r="N33" s="135">
        <v>0</v>
      </c>
      <c r="O33" s="131">
        <v>3</v>
      </c>
      <c r="P33" s="132">
        <v>3</v>
      </c>
      <c r="Q33" s="133">
        <v>0</v>
      </c>
      <c r="R33" s="131">
        <v>3</v>
      </c>
      <c r="S33" s="131">
        <v>7</v>
      </c>
      <c r="T33" s="131">
        <v>0</v>
      </c>
      <c r="U33" s="131">
        <v>2</v>
      </c>
      <c r="V33" s="131">
        <v>2</v>
      </c>
      <c r="W33" s="132">
        <v>14</v>
      </c>
      <c r="X33" s="134">
        <v>17</v>
      </c>
      <c r="Y33" s="130">
        <v>34</v>
      </c>
      <c r="Z33" s="131">
        <v>70</v>
      </c>
      <c r="AA33" s="132">
        <v>104</v>
      </c>
      <c r="AB33" s="133">
        <v>0</v>
      </c>
      <c r="AC33" s="131">
        <v>159</v>
      </c>
      <c r="AD33" s="131">
        <v>127</v>
      </c>
      <c r="AE33" s="131">
        <v>56</v>
      </c>
      <c r="AF33" s="131">
        <v>55</v>
      </c>
      <c r="AG33" s="131">
        <v>36</v>
      </c>
      <c r="AH33" s="132">
        <v>433</v>
      </c>
      <c r="AI33" s="134">
        <v>537</v>
      </c>
    </row>
    <row r="34" spans="2:35" ht="21" customHeight="1" x14ac:dyDescent="0.2">
      <c r="B34" s="106" t="s">
        <v>33</v>
      </c>
      <c r="C34" s="130">
        <v>34</v>
      </c>
      <c r="D34" s="131">
        <v>56</v>
      </c>
      <c r="E34" s="132">
        <v>90</v>
      </c>
      <c r="F34" s="133">
        <v>0</v>
      </c>
      <c r="G34" s="131">
        <v>142</v>
      </c>
      <c r="H34" s="131">
        <v>82</v>
      </c>
      <c r="I34" s="131">
        <v>65</v>
      </c>
      <c r="J34" s="131">
        <v>32</v>
      </c>
      <c r="K34" s="131">
        <v>24</v>
      </c>
      <c r="L34" s="132">
        <v>345</v>
      </c>
      <c r="M34" s="134">
        <v>435</v>
      </c>
      <c r="N34" s="135">
        <v>0</v>
      </c>
      <c r="O34" s="131">
        <v>0</v>
      </c>
      <c r="P34" s="132">
        <v>0</v>
      </c>
      <c r="Q34" s="133">
        <v>0</v>
      </c>
      <c r="R34" s="131">
        <v>2</v>
      </c>
      <c r="S34" s="131">
        <v>1</v>
      </c>
      <c r="T34" s="131">
        <v>0</v>
      </c>
      <c r="U34" s="131">
        <v>0</v>
      </c>
      <c r="V34" s="131">
        <v>1</v>
      </c>
      <c r="W34" s="132">
        <v>4</v>
      </c>
      <c r="X34" s="134">
        <v>4</v>
      </c>
      <c r="Y34" s="130">
        <v>34</v>
      </c>
      <c r="Z34" s="131">
        <v>56</v>
      </c>
      <c r="AA34" s="132">
        <v>90</v>
      </c>
      <c r="AB34" s="133">
        <v>0</v>
      </c>
      <c r="AC34" s="131">
        <v>144</v>
      </c>
      <c r="AD34" s="131">
        <v>83</v>
      </c>
      <c r="AE34" s="131">
        <v>65</v>
      </c>
      <c r="AF34" s="131">
        <v>32</v>
      </c>
      <c r="AG34" s="131">
        <v>25</v>
      </c>
      <c r="AH34" s="132">
        <v>349</v>
      </c>
      <c r="AI34" s="134">
        <v>439</v>
      </c>
    </row>
    <row r="35" spans="2:35" ht="21" customHeight="1" x14ac:dyDescent="0.2">
      <c r="B35" s="106" t="s">
        <v>34</v>
      </c>
      <c r="C35" s="130">
        <v>21</v>
      </c>
      <c r="D35" s="131">
        <v>32</v>
      </c>
      <c r="E35" s="132">
        <v>53</v>
      </c>
      <c r="F35" s="133">
        <v>0</v>
      </c>
      <c r="G35" s="131">
        <v>122</v>
      </c>
      <c r="H35" s="131">
        <v>65</v>
      </c>
      <c r="I35" s="131">
        <v>36</v>
      </c>
      <c r="J35" s="131">
        <v>29</v>
      </c>
      <c r="K35" s="131">
        <v>17</v>
      </c>
      <c r="L35" s="132">
        <v>269</v>
      </c>
      <c r="M35" s="134">
        <v>322</v>
      </c>
      <c r="N35" s="135">
        <v>0</v>
      </c>
      <c r="O35" s="131">
        <v>0</v>
      </c>
      <c r="P35" s="132">
        <v>0</v>
      </c>
      <c r="Q35" s="133">
        <v>0</v>
      </c>
      <c r="R35" s="131">
        <v>3</v>
      </c>
      <c r="S35" s="131">
        <v>2</v>
      </c>
      <c r="T35" s="131">
        <v>1</v>
      </c>
      <c r="U35" s="131">
        <v>1</v>
      </c>
      <c r="V35" s="131">
        <v>1</v>
      </c>
      <c r="W35" s="132">
        <v>8</v>
      </c>
      <c r="X35" s="134">
        <v>8</v>
      </c>
      <c r="Y35" s="130">
        <v>21</v>
      </c>
      <c r="Z35" s="131">
        <v>32</v>
      </c>
      <c r="AA35" s="132">
        <v>53</v>
      </c>
      <c r="AB35" s="133">
        <v>0</v>
      </c>
      <c r="AC35" s="131">
        <v>125</v>
      </c>
      <c r="AD35" s="131">
        <v>67</v>
      </c>
      <c r="AE35" s="131">
        <v>37</v>
      </c>
      <c r="AF35" s="131">
        <v>30</v>
      </c>
      <c r="AG35" s="131">
        <v>18</v>
      </c>
      <c r="AH35" s="132">
        <v>277</v>
      </c>
      <c r="AI35" s="134">
        <v>330</v>
      </c>
    </row>
    <row r="36" spans="2:35" ht="21" customHeight="1" x14ac:dyDescent="0.2">
      <c r="B36" s="106" t="s">
        <v>35</v>
      </c>
      <c r="C36" s="130">
        <v>95</v>
      </c>
      <c r="D36" s="131">
        <v>140</v>
      </c>
      <c r="E36" s="132">
        <v>235</v>
      </c>
      <c r="F36" s="133">
        <v>0</v>
      </c>
      <c r="G36" s="131">
        <v>377</v>
      </c>
      <c r="H36" s="131">
        <v>197</v>
      </c>
      <c r="I36" s="131">
        <v>143</v>
      </c>
      <c r="J36" s="131">
        <v>113</v>
      </c>
      <c r="K36" s="131">
        <v>66</v>
      </c>
      <c r="L36" s="132">
        <v>896</v>
      </c>
      <c r="M36" s="134">
        <v>1131</v>
      </c>
      <c r="N36" s="135">
        <v>0</v>
      </c>
      <c r="O36" s="131">
        <v>1</v>
      </c>
      <c r="P36" s="132">
        <v>1</v>
      </c>
      <c r="Q36" s="133">
        <v>0</v>
      </c>
      <c r="R36" s="131">
        <v>5</v>
      </c>
      <c r="S36" s="131">
        <v>4</v>
      </c>
      <c r="T36" s="131">
        <v>1</v>
      </c>
      <c r="U36" s="131">
        <v>3</v>
      </c>
      <c r="V36" s="131">
        <v>2</v>
      </c>
      <c r="W36" s="132">
        <v>15</v>
      </c>
      <c r="X36" s="134">
        <v>16</v>
      </c>
      <c r="Y36" s="130">
        <v>95</v>
      </c>
      <c r="Z36" s="131">
        <v>141</v>
      </c>
      <c r="AA36" s="132">
        <v>236</v>
      </c>
      <c r="AB36" s="133">
        <v>0</v>
      </c>
      <c r="AC36" s="131">
        <v>382</v>
      </c>
      <c r="AD36" s="131">
        <v>201</v>
      </c>
      <c r="AE36" s="131">
        <v>144</v>
      </c>
      <c r="AF36" s="131">
        <v>116</v>
      </c>
      <c r="AG36" s="131">
        <v>68</v>
      </c>
      <c r="AH36" s="132">
        <v>911</v>
      </c>
      <c r="AI36" s="134">
        <v>1147</v>
      </c>
    </row>
    <row r="37" spans="2:35" ht="21" customHeight="1" x14ac:dyDescent="0.2">
      <c r="B37" s="106" t="s">
        <v>36</v>
      </c>
      <c r="C37" s="130">
        <v>52</v>
      </c>
      <c r="D37" s="131">
        <v>135</v>
      </c>
      <c r="E37" s="132">
        <v>187</v>
      </c>
      <c r="F37" s="133">
        <v>0</v>
      </c>
      <c r="G37" s="131">
        <v>290</v>
      </c>
      <c r="H37" s="131">
        <v>300</v>
      </c>
      <c r="I37" s="131">
        <v>180</v>
      </c>
      <c r="J37" s="131">
        <v>97</v>
      </c>
      <c r="K37" s="131">
        <v>83</v>
      </c>
      <c r="L37" s="132">
        <v>950</v>
      </c>
      <c r="M37" s="134">
        <v>1137</v>
      </c>
      <c r="N37" s="135">
        <v>0</v>
      </c>
      <c r="O37" s="131">
        <v>4</v>
      </c>
      <c r="P37" s="132">
        <v>4</v>
      </c>
      <c r="Q37" s="133">
        <v>0</v>
      </c>
      <c r="R37" s="131">
        <v>5</v>
      </c>
      <c r="S37" s="131">
        <v>7</v>
      </c>
      <c r="T37" s="131">
        <v>8</v>
      </c>
      <c r="U37" s="131">
        <v>4</v>
      </c>
      <c r="V37" s="131">
        <v>4</v>
      </c>
      <c r="W37" s="132">
        <v>28</v>
      </c>
      <c r="X37" s="134">
        <v>32</v>
      </c>
      <c r="Y37" s="130">
        <v>52</v>
      </c>
      <c r="Z37" s="131">
        <v>139</v>
      </c>
      <c r="AA37" s="132">
        <v>191</v>
      </c>
      <c r="AB37" s="133">
        <v>0</v>
      </c>
      <c r="AC37" s="131">
        <v>295</v>
      </c>
      <c r="AD37" s="131">
        <v>307</v>
      </c>
      <c r="AE37" s="131">
        <v>188</v>
      </c>
      <c r="AF37" s="131">
        <v>101</v>
      </c>
      <c r="AG37" s="131">
        <v>87</v>
      </c>
      <c r="AH37" s="132">
        <v>978</v>
      </c>
      <c r="AI37" s="134">
        <v>1169</v>
      </c>
    </row>
    <row r="38" spans="2:35" ht="21" customHeight="1" thickBot="1" x14ac:dyDescent="0.25">
      <c r="B38" s="108" t="s">
        <v>37</v>
      </c>
      <c r="C38" s="136">
        <v>18</v>
      </c>
      <c r="D38" s="137">
        <v>2</v>
      </c>
      <c r="E38" s="138">
        <v>20</v>
      </c>
      <c r="F38" s="139">
        <v>0</v>
      </c>
      <c r="G38" s="137">
        <v>29</v>
      </c>
      <c r="H38" s="137">
        <v>20</v>
      </c>
      <c r="I38" s="137">
        <v>20</v>
      </c>
      <c r="J38" s="137">
        <v>15</v>
      </c>
      <c r="K38" s="137">
        <v>6</v>
      </c>
      <c r="L38" s="138">
        <v>90</v>
      </c>
      <c r="M38" s="140">
        <v>110</v>
      </c>
      <c r="N38" s="141">
        <v>0</v>
      </c>
      <c r="O38" s="137">
        <v>0</v>
      </c>
      <c r="P38" s="138">
        <v>0</v>
      </c>
      <c r="Q38" s="139">
        <v>0</v>
      </c>
      <c r="R38" s="137">
        <v>0</v>
      </c>
      <c r="S38" s="137">
        <v>3</v>
      </c>
      <c r="T38" s="137">
        <v>0</v>
      </c>
      <c r="U38" s="137">
        <v>1</v>
      </c>
      <c r="V38" s="137">
        <v>0</v>
      </c>
      <c r="W38" s="138">
        <v>4</v>
      </c>
      <c r="X38" s="140">
        <v>4</v>
      </c>
      <c r="Y38" s="136">
        <v>18</v>
      </c>
      <c r="Z38" s="137">
        <v>2</v>
      </c>
      <c r="AA38" s="138">
        <v>20</v>
      </c>
      <c r="AB38" s="139">
        <v>0</v>
      </c>
      <c r="AC38" s="137">
        <v>29</v>
      </c>
      <c r="AD38" s="137">
        <v>23</v>
      </c>
      <c r="AE38" s="137">
        <v>20</v>
      </c>
      <c r="AF38" s="137">
        <v>16</v>
      </c>
      <c r="AG38" s="137">
        <v>6</v>
      </c>
      <c r="AH38" s="138">
        <v>94</v>
      </c>
      <c r="AI38" s="140">
        <v>114</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7</v>
      </c>
      <c r="L1" s="458">
        <f>IF(K1&lt;3,K1+12-2,K1-2)</f>
        <v>5</v>
      </c>
      <c r="M1" s="458"/>
    </row>
    <row r="2" spans="2:156" ht="24" customHeight="1" thickBot="1" x14ac:dyDescent="0.25">
      <c r="B2" s="142" t="s">
        <v>135</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8884</v>
      </c>
      <c r="H6" s="152">
        <v>23533</v>
      </c>
      <c r="I6" s="152">
        <v>12844</v>
      </c>
      <c r="J6" s="152">
        <v>10087</v>
      </c>
      <c r="K6" s="152">
        <v>7658</v>
      </c>
      <c r="L6" s="155">
        <v>73006</v>
      </c>
      <c r="M6" s="156">
        <v>73006</v>
      </c>
      <c r="N6" s="151">
        <v>2</v>
      </c>
      <c r="O6" s="152">
        <v>21</v>
      </c>
      <c r="P6" s="157">
        <v>23</v>
      </c>
      <c r="Q6" s="154">
        <v>0</v>
      </c>
      <c r="R6" s="152">
        <v>110</v>
      </c>
      <c r="S6" s="152">
        <v>426</v>
      </c>
      <c r="T6" s="152">
        <v>754</v>
      </c>
      <c r="U6" s="152">
        <v>2033</v>
      </c>
      <c r="V6" s="152">
        <v>3433</v>
      </c>
      <c r="W6" s="157">
        <v>6756</v>
      </c>
      <c r="X6" s="156">
        <v>6779</v>
      </c>
      <c r="Y6" s="151">
        <v>2507</v>
      </c>
      <c r="Z6" s="152">
        <v>6374</v>
      </c>
      <c r="AA6" s="157">
        <v>8881</v>
      </c>
      <c r="AB6" s="154">
        <v>0</v>
      </c>
      <c r="AC6" s="152">
        <v>12719</v>
      </c>
      <c r="AD6" s="152">
        <v>18570</v>
      </c>
      <c r="AE6" s="152">
        <v>10885</v>
      </c>
      <c r="AF6" s="152">
        <v>8851</v>
      </c>
      <c r="AG6" s="152">
        <v>6676</v>
      </c>
      <c r="AH6" s="157">
        <v>57701</v>
      </c>
      <c r="AI6" s="156">
        <v>66582</v>
      </c>
      <c r="AJ6" s="151">
        <v>258</v>
      </c>
      <c r="AK6" s="152">
        <v>818</v>
      </c>
      <c r="AL6" s="157">
        <v>1076</v>
      </c>
      <c r="AM6" s="154">
        <v>0</v>
      </c>
      <c r="AN6" s="152">
        <v>1155</v>
      </c>
      <c r="AO6" s="152">
        <v>1758</v>
      </c>
      <c r="AP6" s="152">
        <v>1066</v>
      </c>
      <c r="AQ6" s="152">
        <v>886</v>
      </c>
      <c r="AR6" s="152">
        <v>618</v>
      </c>
      <c r="AS6" s="157">
        <v>5483</v>
      </c>
      <c r="AT6" s="156">
        <v>6559</v>
      </c>
      <c r="AU6" s="151">
        <v>3009</v>
      </c>
      <c r="AV6" s="152">
        <v>4252</v>
      </c>
      <c r="AW6" s="157">
        <v>7261</v>
      </c>
      <c r="AX6" s="154">
        <v>0</v>
      </c>
      <c r="AY6" s="152">
        <v>19357</v>
      </c>
      <c r="AZ6" s="152">
        <v>24885</v>
      </c>
      <c r="BA6" s="152">
        <v>21151</v>
      </c>
      <c r="BB6" s="152">
        <v>20301</v>
      </c>
      <c r="BC6" s="152">
        <v>15079</v>
      </c>
      <c r="BD6" s="155">
        <v>100773</v>
      </c>
      <c r="BE6" s="156">
        <v>108034</v>
      </c>
      <c r="BF6" s="151">
        <v>1</v>
      </c>
      <c r="BG6" s="152">
        <v>0</v>
      </c>
      <c r="BH6" s="157">
        <v>1</v>
      </c>
      <c r="BI6" s="154">
        <v>0</v>
      </c>
      <c r="BJ6" s="152">
        <v>22539</v>
      </c>
      <c r="BK6" s="152">
        <v>21704</v>
      </c>
      <c r="BL6" s="152">
        <v>11328</v>
      </c>
      <c r="BM6" s="152">
        <v>6332</v>
      </c>
      <c r="BN6" s="152">
        <v>3075</v>
      </c>
      <c r="BO6" s="157">
        <v>64978</v>
      </c>
      <c r="BP6" s="156">
        <v>64979</v>
      </c>
      <c r="BQ6" s="151">
        <v>1720</v>
      </c>
      <c r="BR6" s="152">
        <v>2779</v>
      </c>
      <c r="BS6" s="157">
        <v>4499</v>
      </c>
      <c r="BT6" s="154">
        <v>0</v>
      </c>
      <c r="BU6" s="152">
        <v>4614</v>
      </c>
      <c r="BV6" s="152">
        <v>6637</v>
      </c>
      <c r="BW6" s="152">
        <v>3751</v>
      </c>
      <c r="BX6" s="152">
        <v>2287</v>
      </c>
      <c r="BY6" s="152">
        <v>838</v>
      </c>
      <c r="BZ6" s="157">
        <v>18127</v>
      </c>
      <c r="CA6" s="156">
        <v>22626</v>
      </c>
      <c r="CB6" s="151">
        <v>69</v>
      </c>
      <c r="CC6" s="152">
        <v>236</v>
      </c>
      <c r="CD6" s="157">
        <v>305</v>
      </c>
      <c r="CE6" s="154">
        <v>0</v>
      </c>
      <c r="CF6" s="152">
        <v>2314</v>
      </c>
      <c r="CG6" s="152">
        <v>3825</v>
      </c>
      <c r="CH6" s="152">
        <v>4512</v>
      </c>
      <c r="CI6" s="152">
        <v>3232</v>
      </c>
      <c r="CJ6" s="152">
        <v>1791</v>
      </c>
      <c r="CK6" s="157">
        <v>15674</v>
      </c>
      <c r="CL6" s="156">
        <v>15979</v>
      </c>
      <c r="CM6" s="151">
        <v>7</v>
      </c>
      <c r="CN6" s="152">
        <v>13</v>
      </c>
      <c r="CO6" s="157">
        <v>20</v>
      </c>
      <c r="CP6" s="154">
        <v>0</v>
      </c>
      <c r="CQ6" s="152">
        <v>198</v>
      </c>
      <c r="CR6" s="152">
        <v>514</v>
      </c>
      <c r="CS6" s="152">
        <v>571</v>
      </c>
      <c r="CT6" s="152">
        <v>562</v>
      </c>
      <c r="CU6" s="152">
        <v>349</v>
      </c>
      <c r="CV6" s="157">
        <v>2194</v>
      </c>
      <c r="CW6" s="156">
        <v>2214</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693</v>
      </c>
      <c r="DU6" s="152">
        <v>25057</v>
      </c>
      <c r="DV6" s="157">
        <v>36750</v>
      </c>
      <c r="DW6" s="154">
        <v>0</v>
      </c>
      <c r="DX6" s="152">
        <v>28335</v>
      </c>
      <c r="DY6" s="152">
        <v>48044</v>
      </c>
      <c r="DZ6" s="152">
        <v>27188</v>
      </c>
      <c r="EA6" s="152">
        <v>20609</v>
      </c>
      <c r="EB6" s="152">
        <v>13075</v>
      </c>
      <c r="EC6" s="157">
        <v>137251</v>
      </c>
      <c r="ED6" s="156">
        <v>174001</v>
      </c>
      <c r="EE6" s="151">
        <v>1616</v>
      </c>
      <c r="EF6" s="152">
        <v>1300</v>
      </c>
      <c r="EG6" s="157">
        <v>2916</v>
      </c>
      <c r="EH6" s="154">
        <v>0</v>
      </c>
      <c r="EI6" s="152">
        <v>6238</v>
      </c>
      <c r="EJ6" s="152">
        <v>5928</v>
      </c>
      <c r="EK6" s="152">
        <v>5003</v>
      </c>
      <c r="EL6" s="152">
        <v>5623</v>
      </c>
      <c r="EM6" s="152">
        <v>3208</v>
      </c>
      <c r="EN6" s="157">
        <v>26000</v>
      </c>
      <c r="EO6" s="156">
        <v>28916</v>
      </c>
      <c r="EP6" s="151">
        <v>14961</v>
      </c>
      <c r="EQ6" s="152">
        <v>29810</v>
      </c>
      <c r="ER6" s="157">
        <v>44771</v>
      </c>
      <c r="ES6" s="154">
        <v>0</v>
      </c>
      <c r="ET6" s="152">
        <v>58759</v>
      </c>
      <c r="EU6" s="152">
        <v>63496</v>
      </c>
      <c r="EV6" s="152">
        <v>32360</v>
      </c>
      <c r="EW6" s="152">
        <v>22017</v>
      </c>
      <c r="EX6" s="152">
        <v>13320</v>
      </c>
      <c r="EY6" s="157">
        <v>189952</v>
      </c>
      <c r="EZ6" s="156">
        <v>234723</v>
      </c>
    </row>
    <row r="7" spans="2:156" ht="21" customHeight="1" x14ac:dyDescent="0.2">
      <c r="B7" s="158" t="s">
        <v>5</v>
      </c>
      <c r="C7" s="159">
        <v>0</v>
      </c>
      <c r="D7" s="160">
        <v>0</v>
      </c>
      <c r="E7" s="161">
        <v>0</v>
      </c>
      <c r="F7" s="162">
        <v>0</v>
      </c>
      <c r="G7" s="160">
        <v>6608</v>
      </c>
      <c r="H7" s="160">
        <v>11590</v>
      </c>
      <c r="I7" s="160">
        <v>5591</v>
      </c>
      <c r="J7" s="160">
        <v>4060</v>
      </c>
      <c r="K7" s="160">
        <v>3072</v>
      </c>
      <c r="L7" s="163">
        <v>30921</v>
      </c>
      <c r="M7" s="164">
        <v>30921</v>
      </c>
      <c r="N7" s="159">
        <v>1</v>
      </c>
      <c r="O7" s="160">
        <v>12</v>
      </c>
      <c r="P7" s="165">
        <v>13</v>
      </c>
      <c r="Q7" s="162">
        <v>0</v>
      </c>
      <c r="R7" s="160">
        <v>23</v>
      </c>
      <c r="S7" s="160">
        <v>137</v>
      </c>
      <c r="T7" s="160">
        <v>302</v>
      </c>
      <c r="U7" s="160">
        <v>808</v>
      </c>
      <c r="V7" s="160">
        <v>1478</v>
      </c>
      <c r="W7" s="165">
        <v>2748</v>
      </c>
      <c r="X7" s="164">
        <v>2761</v>
      </c>
      <c r="Y7" s="159">
        <v>1076</v>
      </c>
      <c r="Z7" s="160">
        <v>3339</v>
      </c>
      <c r="AA7" s="165">
        <v>4415</v>
      </c>
      <c r="AB7" s="162">
        <v>0</v>
      </c>
      <c r="AC7" s="160">
        <v>4466</v>
      </c>
      <c r="AD7" s="160">
        <v>9310</v>
      </c>
      <c r="AE7" s="160">
        <v>5130</v>
      </c>
      <c r="AF7" s="160">
        <v>3901</v>
      </c>
      <c r="AG7" s="160">
        <v>2866</v>
      </c>
      <c r="AH7" s="165">
        <v>25673</v>
      </c>
      <c r="AI7" s="164">
        <v>30088</v>
      </c>
      <c r="AJ7" s="159">
        <v>83</v>
      </c>
      <c r="AK7" s="160">
        <v>386</v>
      </c>
      <c r="AL7" s="165">
        <v>469</v>
      </c>
      <c r="AM7" s="162">
        <v>0</v>
      </c>
      <c r="AN7" s="160">
        <v>289</v>
      </c>
      <c r="AO7" s="160">
        <v>696</v>
      </c>
      <c r="AP7" s="160">
        <v>457</v>
      </c>
      <c r="AQ7" s="160">
        <v>341</v>
      </c>
      <c r="AR7" s="160">
        <v>227</v>
      </c>
      <c r="AS7" s="165">
        <v>2010</v>
      </c>
      <c r="AT7" s="164">
        <v>2479</v>
      </c>
      <c r="AU7" s="159">
        <v>1215</v>
      </c>
      <c r="AV7" s="160">
        <v>2086</v>
      </c>
      <c r="AW7" s="165">
        <v>3301</v>
      </c>
      <c r="AX7" s="162">
        <v>0</v>
      </c>
      <c r="AY7" s="160">
        <v>6941</v>
      </c>
      <c r="AZ7" s="160">
        <v>10994</v>
      </c>
      <c r="BA7" s="160">
        <v>8653</v>
      </c>
      <c r="BB7" s="160">
        <v>8183</v>
      </c>
      <c r="BC7" s="160">
        <v>6089</v>
      </c>
      <c r="BD7" s="163">
        <v>40860</v>
      </c>
      <c r="BE7" s="164">
        <v>44161</v>
      </c>
      <c r="BF7" s="159">
        <v>1</v>
      </c>
      <c r="BG7" s="160">
        <v>0</v>
      </c>
      <c r="BH7" s="165">
        <v>1</v>
      </c>
      <c r="BI7" s="162">
        <v>0</v>
      </c>
      <c r="BJ7" s="160">
        <v>6953</v>
      </c>
      <c r="BK7" s="160">
        <v>8869</v>
      </c>
      <c r="BL7" s="160">
        <v>4209</v>
      </c>
      <c r="BM7" s="160">
        <v>2267</v>
      </c>
      <c r="BN7" s="160">
        <v>1120</v>
      </c>
      <c r="BO7" s="165">
        <v>23418</v>
      </c>
      <c r="BP7" s="164">
        <v>23419</v>
      </c>
      <c r="BQ7" s="159">
        <v>743</v>
      </c>
      <c r="BR7" s="160">
        <v>1273</v>
      </c>
      <c r="BS7" s="165">
        <v>2016</v>
      </c>
      <c r="BT7" s="162">
        <v>0</v>
      </c>
      <c r="BU7" s="160">
        <v>1341</v>
      </c>
      <c r="BV7" s="160">
        <v>3014</v>
      </c>
      <c r="BW7" s="160">
        <v>1677</v>
      </c>
      <c r="BX7" s="160">
        <v>1027</v>
      </c>
      <c r="BY7" s="160">
        <v>346</v>
      </c>
      <c r="BZ7" s="165">
        <v>7405</v>
      </c>
      <c r="CA7" s="164">
        <v>9421</v>
      </c>
      <c r="CB7" s="159">
        <v>23</v>
      </c>
      <c r="CC7" s="160">
        <v>99</v>
      </c>
      <c r="CD7" s="165">
        <v>122</v>
      </c>
      <c r="CE7" s="162">
        <v>0</v>
      </c>
      <c r="CF7" s="160">
        <v>723</v>
      </c>
      <c r="CG7" s="160">
        <v>1435</v>
      </c>
      <c r="CH7" s="160">
        <v>1699</v>
      </c>
      <c r="CI7" s="160">
        <v>1145</v>
      </c>
      <c r="CJ7" s="160">
        <v>682</v>
      </c>
      <c r="CK7" s="165">
        <v>5684</v>
      </c>
      <c r="CL7" s="164">
        <v>5806</v>
      </c>
      <c r="CM7" s="159">
        <v>4</v>
      </c>
      <c r="CN7" s="160">
        <v>7</v>
      </c>
      <c r="CO7" s="165">
        <v>11</v>
      </c>
      <c r="CP7" s="162">
        <v>0</v>
      </c>
      <c r="CQ7" s="160">
        <v>84</v>
      </c>
      <c r="CR7" s="160">
        <v>285</v>
      </c>
      <c r="CS7" s="160">
        <v>341</v>
      </c>
      <c r="CT7" s="160">
        <v>340</v>
      </c>
      <c r="CU7" s="160">
        <v>202</v>
      </c>
      <c r="CV7" s="165">
        <v>1252</v>
      </c>
      <c r="CW7" s="164">
        <v>1263</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78</v>
      </c>
      <c r="DU7" s="160">
        <v>10705</v>
      </c>
      <c r="DV7" s="165">
        <v>14583</v>
      </c>
      <c r="DW7" s="162">
        <v>0</v>
      </c>
      <c r="DX7" s="160">
        <v>7924</v>
      </c>
      <c r="DY7" s="160">
        <v>21363</v>
      </c>
      <c r="DZ7" s="160">
        <v>11125</v>
      </c>
      <c r="EA7" s="160">
        <v>8196</v>
      </c>
      <c r="EB7" s="160">
        <v>5272</v>
      </c>
      <c r="EC7" s="165">
        <v>53880</v>
      </c>
      <c r="ED7" s="164">
        <v>68463</v>
      </c>
      <c r="EE7" s="159">
        <v>667</v>
      </c>
      <c r="EF7" s="160">
        <v>623</v>
      </c>
      <c r="EG7" s="165">
        <v>1290</v>
      </c>
      <c r="EH7" s="162">
        <v>0</v>
      </c>
      <c r="EI7" s="160">
        <v>2467</v>
      </c>
      <c r="EJ7" s="160">
        <v>2836</v>
      </c>
      <c r="EK7" s="160">
        <v>2203</v>
      </c>
      <c r="EL7" s="160">
        <v>2490</v>
      </c>
      <c r="EM7" s="160">
        <v>1342</v>
      </c>
      <c r="EN7" s="165">
        <v>11338</v>
      </c>
      <c r="EO7" s="164">
        <v>12628</v>
      </c>
      <c r="EP7" s="159">
        <v>5290</v>
      </c>
      <c r="EQ7" s="160">
        <v>13152</v>
      </c>
      <c r="ER7" s="165">
        <v>18442</v>
      </c>
      <c r="ES7" s="162">
        <v>0</v>
      </c>
      <c r="ET7" s="160">
        <v>18989</v>
      </c>
      <c r="EU7" s="160">
        <v>28708</v>
      </c>
      <c r="EV7" s="160">
        <v>13513</v>
      </c>
      <c r="EW7" s="160">
        <v>8877</v>
      </c>
      <c r="EX7" s="160">
        <v>5413</v>
      </c>
      <c r="EY7" s="165">
        <v>75500</v>
      </c>
      <c r="EZ7" s="164">
        <v>93942</v>
      </c>
    </row>
    <row r="8" spans="2:156" ht="21" customHeight="1" x14ac:dyDescent="0.2">
      <c r="B8" s="166" t="s">
        <v>6</v>
      </c>
      <c r="C8" s="159">
        <v>0</v>
      </c>
      <c r="D8" s="160">
        <v>0</v>
      </c>
      <c r="E8" s="161">
        <v>0</v>
      </c>
      <c r="F8" s="162">
        <v>0</v>
      </c>
      <c r="G8" s="160">
        <v>3376</v>
      </c>
      <c r="H8" s="160">
        <v>3137</v>
      </c>
      <c r="I8" s="160">
        <v>1781</v>
      </c>
      <c r="J8" s="160">
        <v>1513</v>
      </c>
      <c r="K8" s="160">
        <v>1218</v>
      </c>
      <c r="L8" s="163">
        <v>11025</v>
      </c>
      <c r="M8" s="164">
        <v>11025</v>
      </c>
      <c r="N8" s="159">
        <v>1</v>
      </c>
      <c r="O8" s="160">
        <v>1</v>
      </c>
      <c r="P8" s="165">
        <v>2</v>
      </c>
      <c r="Q8" s="162">
        <v>0</v>
      </c>
      <c r="R8" s="160">
        <v>19</v>
      </c>
      <c r="S8" s="160">
        <v>54</v>
      </c>
      <c r="T8" s="160">
        <v>98</v>
      </c>
      <c r="U8" s="160">
        <v>270</v>
      </c>
      <c r="V8" s="160">
        <v>517</v>
      </c>
      <c r="W8" s="165">
        <v>958</v>
      </c>
      <c r="X8" s="164">
        <v>960</v>
      </c>
      <c r="Y8" s="159">
        <v>395</v>
      </c>
      <c r="Z8" s="160">
        <v>807</v>
      </c>
      <c r="AA8" s="165">
        <v>1202</v>
      </c>
      <c r="AB8" s="162">
        <v>0</v>
      </c>
      <c r="AC8" s="160">
        <v>2418</v>
      </c>
      <c r="AD8" s="160">
        <v>2502</v>
      </c>
      <c r="AE8" s="160">
        <v>1460</v>
      </c>
      <c r="AF8" s="160">
        <v>1188</v>
      </c>
      <c r="AG8" s="160">
        <v>959</v>
      </c>
      <c r="AH8" s="165">
        <v>8527</v>
      </c>
      <c r="AI8" s="164">
        <v>9729</v>
      </c>
      <c r="AJ8" s="159">
        <v>25</v>
      </c>
      <c r="AK8" s="160">
        <v>65</v>
      </c>
      <c r="AL8" s="165">
        <v>90</v>
      </c>
      <c r="AM8" s="162">
        <v>0</v>
      </c>
      <c r="AN8" s="160">
        <v>177</v>
      </c>
      <c r="AO8" s="160">
        <v>202</v>
      </c>
      <c r="AP8" s="160">
        <v>95</v>
      </c>
      <c r="AQ8" s="160">
        <v>111</v>
      </c>
      <c r="AR8" s="160">
        <v>72</v>
      </c>
      <c r="AS8" s="165">
        <v>657</v>
      </c>
      <c r="AT8" s="164">
        <v>747</v>
      </c>
      <c r="AU8" s="159">
        <v>508</v>
      </c>
      <c r="AV8" s="160">
        <v>595</v>
      </c>
      <c r="AW8" s="165">
        <v>1103</v>
      </c>
      <c r="AX8" s="162">
        <v>0</v>
      </c>
      <c r="AY8" s="160">
        <v>3624</v>
      </c>
      <c r="AZ8" s="160">
        <v>3977</v>
      </c>
      <c r="BA8" s="160">
        <v>3324</v>
      </c>
      <c r="BB8" s="160">
        <v>3195</v>
      </c>
      <c r="BC8" s="160">
        <v>2513</v>
      </c>
      <c r="BD8" s="163">
        <v>16633</v>
      </c>
      <c r="BE8" s="164">
        <v>17736</v>
      </c>
      <c r="BF8" s="159">
        <v>0</v>
      </c>
      <c r="BG8" s="160">
        <v>0</v>
      </c>
      <c r="BH8" s="165">
        <v>0</v>
      </c>
      <c r="BI8" s="162">
        <v>0</v>
      </c>
      <c r="BJ8" s="160">
        <v>3804</v>
      </c>
      <c r="BK8" s="160">
        <v>3087</v>
      </c>
      <c r="BL8" s="160">
        <v>1634</v>
      </c>
      <c r="BM8" s="160">
        <v>902</v>
      </c>
      <c r="BN8" s="160">
        <v>472</v>
      </c>
      <c r="BO8" s="165">
        <v>9899</v>
      </c>
      <c r="BP8" s="164">
        <v>9899</v>
      </c>
      <c r="BQ8" s="159">
        <v>119</v>
      </c>
      <c r="BR8" s="160">
        <v>222</v>
      </c>
      <c r="BS8" s="165">
        <v>341</v>
      </c>
      <c r="BT8" s="162">
        <v>0</v>
      </c>
      <c r="BU8" s="160">
        <v>674</v>
      </c>
      <c r="BV8" s="160">
        <v>751</v>
      </c>
      <c r="BW8" s="160">
        <v>461</v>
      </c>
      <c r="BX8" s="160">
        <v>292</v>
      </c>
      <c r="BY8" s="160">
        <v>113</v>
      </c>
      <c r="BZ8" s="165">
        <v>2291</v>
      </c>
      <c r="CA8" s="164">
        <v>2632</v>
      </c>
      <c r="CB8" s="159">
        <v>5</v>
      </c>
      <c r="CC8" s="160">
        <v>29</v>
      </c>
      <c r="CD8" s="165">
        <v>34</v>
      </c>
      <c r="CE8" s="162">
        <v>0</v>
      </c>
      <c r="CF8" s="160">
        <v>279</v>
      </c>
      <c r="CG8" s="160">
        <v>454</v>
      </c>
      <c r="CH8" s="160">
        <v>554</v>
      </c>
      <c r="CI8" s="160">
        <v>375</v>
      </c>
      <c r="CJ8" s="160">
        <v>235</v>
      </c>
      <c r="CK8" s="165">
        <v>1897</v>
      </c>
      <c r="CL8" s="164">
        <v>1931</v>
      </c>
      <c r="CM8" s="159">
        <v>1</v>
      </c>
      <c r="CN8" s="160">
        <v>2</v>
      </c>
      <c r="CO8" s="165">
        <v>3</v>
      </c>
      <c r="CP8" s="162">
        <v>0</v>
      </c>
      <c r="CQ8" s="160">
        <v>38</v>
      </c>
      <c r="CR8" s="160">
        <v>76</v>
      </c>
      <c r="CS8" s="160">
        <v>66</v>
      </c>
      <c r="CT8" s="160">
        <v>67</v>
      </c>
      <c r="CU8" s="160">
        <v>52</v>
      </c>
      <c r="CV8" s="165">
        <v>299</v>
      </c>
      <c r="CW8" s="164">
        <v>302</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49</v>
      </c>
      <c r="DU8" s="160">
        <v>3053</v>
      </c>
      <c r="DV8" s="165">
        <v>4802</v>
      </c>
      <c r="DW8" s="162">
        <v>0</v>
      </c>
      <c r="DX8" s="160">
        <v>5148</v>
      </c>
      <c r="DY8" s="160">
        <v>6331</v>
      </c>
      <c r="DZ8" s="160">
        <v>3756</v>
      </c>
      <c r="EA8" s="160">
        <v>3008</v>
      </c>
      <c r="EB8" s="160">
        <v>2027</v>
      </c>
      <c r="EC8" s="165">
        <v>20270</v>
      </c>
      <c r="ED8" s="164">
        <v>25072</v>
      </c>
      <c r="EE8" s="159">
        <v>226</v>
      </c>
      <c r="EF8" s="160">
        <v>155</v>
      </c>
      <c r="EG8" s="165">
        <v>381</v>
      </c>
      <c r="EH8" s="162">
        <v>0</v>
      </c>
      <c r="EI8" s="160">
        <v>965</v>
      </c>
      <c r="EJ8" s="160">
        <v>790</v>
      </c>
      <c r="EK8" s="160">
        <v>696</v>
      </c>
      <c r="EL8" s="160">
        <v>814</v>
      </c>
      <c r="EM8" s="160">
        <v>508</v>
      </c>
      <c r="EN8" s="165">
        <v>3773</v>
      </c>
      <c r="EO8" s="164">
        <v>4154</v>
      </c>
      <c r="EP8" s="159">
        <v>2134</v>
      </c>
      <c r="EQ8" s="160">
        <v>3580</v>
      </c>
      <c r="ER8" s="165">
        <v>5714</v>
      </c>
      <c r="ES8" s="162">
        <v>0</v>
      </c>
      <c r="ET8" s="160">
        <v>9626</v>
      </c>
      <c r="EU8" s="160">
        <v>8174</v>
      </c>
      <c r="EV8" s="160">
        <v>4335</v>
      </c>
      <c r="EW8" s="160">
        <v>3101</v>
      </c>
      <c r="EX8" s="160">
        <v>2041</v>
      </c>
      <c r="EY8" s="165">
        <v>27277</v>
      </c>
      <c r="EZ8" s="164">
        <v>32991</v>
      </c>
    </row>
    <row r="9" spans="2:156" ht="21" customHeight="1" x14ac:dyDescent="0.2">
      <c r="B9" s="166" t="s">
        <v>14</v>
      </c>
      <c r="C9" s="159">
        <v>0</v>
      </c>
      <c r="D9" s="160">
        <v>0</v>
      </c>
      <c r="E9" s="161">
        <v>0</v>
      </c>
      <c r="F9" s="162">
        <v>0</v>
      </c>
      <c r="G9" s="160">
        <v>1174</v>
      </c>
      <c r="H9" s="160">
        <v>1743</v>
      </c>
      <c r="I9" s="160">
        <v>1050</v>
      </c>
      <c r="J9" s="160">
        <v>785</v>
      </c>
      <c r="K9" s="160">
        <v>528</v>
      </c>
      <c r="L9" s="163">
        <v>5280</v>
      </c>
      <c r="M9" s="164">
        <v>5280</v>
      </c>
      <c r="N9" s="159">
        <v>0</v>
      </c>
      <c r="O9" s="160">
        <v>1</v>
      </c>
      <c r="P9" s="165">
        <v>1</v>
      </c>
      <c r="Q9" s="162">
        <v>0</v>
      </c>
      <c r="R9" s="160">
        <v>2</v>
      </c>
      <c r="S9" s="160">
        <v>26</v>
      </c>
      <c r="T9" s="160">
        <v>41</v>
      </c>
      <c r="U9" s="160">
        <v>149</v>
      </c>
      <c r="V9" s="160">
        <v>205</v>
      </c>
      <c r="W9" s="165">
        <v>423</v>
      </c>
      <c r="X9" s="164">
        <v>424</v>
      </c>
      <c r="Y9" s="159">
        <v>117</v>
      </c>
      <c r="Z9" s="160">
        <v>406</v>
      </c>
      <c r="AA9" s="165">
        <v>523</v>
      </c>
      <c r="AB9" s="162">
        <v>0</v>
      </c>
      <c r="AC9" s="160">
        <v>749</v>
      </c>
      <c r="AD9" s="160">
        <v>1293</v>
      </c>
      <c r="AE9" s="160">
        <v>898</v>
      </c>
      <c r="AF9" s="160">
        <v>686</v>
      </c>
      <c r="AG9" s="160">
        <v>460</v>
      </c>
      <c r="AH9" s="165">
        <v>4086</v>
      </c>
      <c r="AI9" s="164">
        <v>4609</v>
      </c>
      <c r="AJ9" s="159">
        <v>7</v>
      </c>
      <c r="AK9" s="160">
        <v>37</v>
      </c>
      <c r="AL9" s="165">
        <v>44</v>
      </c>
      <c r="AM9" s="162">
        <v>0</v>
      </c>
      <c r="AN9" s="160">
        <v>25</v>
      </c>
      <c r="AO9" s="160">
        <v>65</v>
      </c>
      <c r="AP9" s="160">
        <v>46</v>
      </c>
      <c r="AQ9" s="160">
        <v>42</v>
      </c>
      <c r="AR9" s="160">
        <v>21</v>
      </c>
      <c r="AS9" s="165">
        <v>199</v>
      </c>
      <c r="AT9" s="164">
        <v>243</v>
      </c>
      <c r="AU9" s="159">
        <v>223</v>
      </c>
      <c r="AV9" s="160">
        <v>395</v>
      </c>
      <c r="AW9" s="165">
        <v>618</v>
      </c>
      <c r="AX9" s="162">
        <v>0</v>
      </c>
      <c r="AY9" s="160">
        <v>1382</v>
      </c>
      <c r="AZ9" s="160">
        <v>1931</v>
      </c>
      <c r="BA9" s="160">
        <v>1928</v>
      </c>
      <c r="BB9" s="160">
        <v>1649</v>
      </c>
      <c r="BC9" s="160">
        <v>1120</v>
      </c>
      <c r="BD9" s="163">
        <v>8010</v>
      </c>
      <c r="BE9" s="164">
        <v>8628</v>
      </c>
      <c r="BF9" s="159">
        <v>0</v>
      </c>
      <c r="BG9" s="160">
        <v>0</v>
      </c>
      <c r="BH9" s="165">
        <v>0</v>
      </c>
      <c r="BI9" s="162">
        <v>0</v>
      </c>
      <c r="BJ9" s="160">
        <v>1665</v>
      </c>
      <c r="BK9" s="160">
        <v>1957</v>
      </c>
      <c r="BL9" s="160">
        <v>1158</v>
      </c>
      <c r="BM9" s="160">
        <v>586</v>
      </c>
      <c r="BN9" s="160">
        <v>272</v>
      </c>
      <c r="BO9" s="165">
        <v>5638</v>
      </c>
      <c r="BP9" s="164">
        <v>5638</v>
      </c>
      <c r="BQ9" s="159">
        <v>86</v>
      </c>
      <c r="BR9" s="160">
        <v>164</v>
      </c>
      <c r="BS9" s="165">
        <v>250</v>
      </c>
      <c r="BT9" s="162">
        <v>0</v>
      </c>
      <c r="BU9" s="160">
        <v>144</v>
      </c>
      <c r="BV9" s="160">
        <v>396</v>
      </c>
      <c r="BW9" s="160">
        <v>234</v>
      </c>
      <c r="BX9" s="160">
        <v>121</v>
      </c>
      <c r="BY9" s="160">
        <v>41</v>
      </c>
      <c r="BZ9" s="165">
        <v>936</v>
      </c>
      <c r="CA9" s="164">
        <v>1186</v>
      </c>
      <c r="CB9" s="159">
        <v>6</v>
      </c>
      <c r="CC9" s="160">
        <v>11</v>
      </c>
      <c r="CD9" s="165">
        <v>17</v>
      </c>
      <c r="CE9" s="162">
        <v>0</v>
      </c>
      <c r="CF9" s="160">
        <v>120</v>
      </c>
      <c r="CG9" s="160">
        <v>303</v>
      </c>
      <c r="CH9" s="160">
        <v>366</v>
      </c>
      <c r="CI9" s="160">
        <v>299</v>
      </c>
      <c r="CJ9" s="160">
        <v>142</v>
      </c>
      <c r="CK9" s="165">
        <v>1230</v>
      </c>
      <c r="CL9" s="164">
        <v>1247</v>
      </c>
      <c r="CM9" s="159">
        <v>0</v>
      </c>
      <c r="CN9" s="160">
        <v>0</v>
      </c>
      <c r="CO9" s="165">
        <v>0</v>
      </c>
      <c r="CP9" s="162">
        <v>0</v>
      </c>
      <c r="CQ9" s="160">
        <v>2</v>
      </c>
      <c r="CR9" s="160">
        <v>6</v>
      </c>
      <c r="CS9" s="160">
        <v>11</v>
      </c>
      <c r="CT9" s="160">
        <v>12</v>
      </c>
      <c r="CU9" s="160">
        <v>8</v>
      </c>
      <c r="CV9" s="165">
        <v>39</v>
      </c>
      <c r="CW9" s="164">
        <v>39</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850</v>
      </c>
      <c r="DU9" s="160">
        <v>2367</v>
      </c>
      <c r="DV9" s="165">
        <v>3217</v>
      </c>
      <c r="DW9" s="162">
        <v>0</v>
      </c>
      <c r="DX9" s="160">
        <v>2000</v>
      </c>
      <c r="DY9" s="160">
        <v>4017</v>
      </c>
      <c r="DZ9" s="160">
        <v>2473</v>
      </c>
      <c r="EA9" s="160">
        <v>1748</v>
      </c>
      <c r="EB9" s="160">
        <v>980</v>
      </c>
      <c r="EC9" s="165">
        <v>11218</v>
      </c>
      <c r="ED9" s="164">
        <v>14435</v>
      </c>
      <c r="EE9" s="159">
        <v>110</v>
      </c>
      <c r="EF9" s="160">
        <v>112</v>
      </c>
      <c r="EG9" s="165">
        <v>222</v>
      </c>
      <c r="EH9" s="162">
        <v>0</v>
      </c>
      <c r="EI9" s="160">
        <v>341</v>
      </c>
      <c r="EJ9" s="160">
        <v>286</v>
      </c>
      <c r="EK9" s="160">
        <v>307</v>
      </c>
      <c r="EL9" s="160">
        <v>300</v>
      </c>
      <c r="EM9" s="160">
        <v>157</v>
      </c>
      <c r="EN9" s="165">
        <v>1391</v>
      </c>
      <c r="EO9" s="164">
        <v>1613</v>
      </c>
      <c r="EP9" s="159">
        <v>1003</v>
      </c>
      <c r="EQ9" s="160">
        <v>2643</v>
      </c>
      <c r="ER9" s="165">
        <v>3646</v>
      </c>
      <c r="ES9" s="162">
        <v>0</v>
      </c>
      <c r="ET9" s="160">
        <v>4103</v>
      </c>
      <c r="EU9" s="160">
        <v>5270</v>
      </c>
      <c r="EV9" s="160">
        <v>2911</v>
      </c>
      <c r="EW9" s="160">
        <v>1842</v>
      </c>
      <c r="EX9" s="160">
        <v>1001</v>
      </c>
      <c r="EY9" s="165">
        <v>15127</v>
      </c>
      <c r="EZ9" s="164">
        <v>18773</v>
      </c>
    </row>
    <row r="10" spans="2:156" ht="21" customHeight="1" x14ac:dyDescent="0.2">
      <c r="B10" s="166" t="s">
        <v>7</v>
      </c>
      <c r="C10" s="159">
        <v>0</v>
      </c>
      <c r="D10" s="160">
        <v>0</v>
      </c>
      <c r="E10" s="161">
        <v>0</v>
      </c>
      <c r="F10" s="162">
        <v>0</v>
      </c>
      <c r="G10" s="160">
        <v>1465</v>
      </c>
      <c r="H10" s="160">
        <v>1074</v>
      </c>
      <c r="I10" s="160">
        <v>579</v>
      </c>
      <c r="J10" s="160">
        <v>560</v>
      </c>
      <c r="K10" s="160">
        <v>374</v>
      </c>
      <c r="L10" s="163">
        <v>4052</v>
      </c>
      <c r="M10" s="164">
        <v>4052</v>
      </c>
      <c r="N10" s="159">
        <v>0</v>
      </c>
      <c r="O10" s="160">
        <v>0</v>
      </c>
      <c r="P10" s="165">
        <v>0</v>
      </c>
      <c r="Q10" s="162">
        <v>0</v>
      </c>
      <c r="R10" s="160">
        <v>12</v>
      </c>
      <c r="S10" s="160">
        <v>37</v>
      </c>
      <c r="T10" s="160">
        <v>51</v>
      </c>
      <c r="U10" s="160">
        <v>152</v>
      </c>
      <c r="V10" s="160">
        <v>213</v>
      </c>
      <c r="W10" s="165">
        <v>465</v>
      </c>
      <c r="X10" s="164">
        <v>465</v>
      </c>
      <c r="Y10" s="159">
        <v>19</v>
      </c>
      <c r="Z10" s="160">
        <v>41</v>
      </c>
      <c r="AA10" s="165">
        <v>60</v>
      </c>
      <c r="AB10" s="162">
        <v>0</v>
      </c>
      <c r="AC10" s="160">
        <v>580</v>
      </c>
      <c r="AD10" s="160">
        <v>545</v>
      </c>
      <c r="AE10" s="160">
        <v>329</v>
      </c>
      <c r="AF10" s="160">
        <v>352</v>
      </c>
      <c r="AG10" s="160">
        <v>327</v>
      </c>
      <c r="AH10" s="165">
        <v>2133</v>
      </c>
      <c r="AI10" s="164">
        <v>2193</v>
      </c>
      <c r="AJ10" s="159">
        <v>5</v>
      </c>
      <c r="AK10" s="160">
        <v>8</v>
      </c>
      <c r="AL10" s="165">
        <v>13</v>
      </c>
      <c r="AM10" s="162">
        <v>0</v>
      </c>
      <c r="AN10" s="160">
        <v>73</v>
      </c>
      <c r="AO10" s="160">
        <v>87</v>
      </c>
      <c r="AP10" s="160">
        <v>43</v>
      </c>
      <c r="AQ10" s="160">
        <v>57</v>
      </c>
      <c r="AR10" s="160">
        <v>28</v>
      </c>
      <c r="AS10" s="165">
        <v>288</v>
      </c>
      <c r="AT10" s="164">
        <v>301</v>
      </c>
      <c r="AU10" s="159">
        <v>144</v>
      </c>
      <c r="AV10" s="160">
        <v>104</v>
      </c>
      <c r="AW10" s="165">
        <v>248</v>
      </c>
      <c r="AX10" s="162">
        <v>0</v>
      </c>
      <c r="AY10" s="160">
        <v>1248</v>
      </c>
      <c r="AZ10" s="160">
        <v>1170</v>
      </c>
      <c r="BA10" s="160">
        <v>1003</v>
      </c>
      <c r="BB10" s="160">
        <v>1068</v>
      </c>
      <c r="BC10" s="160">
        <v>723</v>
      </c>
      <c r="BD10" s="163">
        <v>5212</v>
      </c>
      <c r="BE10" s="164">
        <v>5460</v>
      </c>
      <c r="BF10" s="159">
        <v>0</v>
      </c>
      <c r="BG10" s="160">
        <v>0</v>
      </c>
      <c r="BH10" s="165">
        <v>0</v>
      </c>
      <c r="BI10" s="162">
        <v>0</v>
      </c>
      <c r="BJ10" s="160">
        <v>1765</v>
      </c>
      <c r="BK10" s="160">
        <v>1061</v>
      </c>
      <c r="BL10" s="160">
        <v>533</v>
      </c>
      <c r="BM10" s="160">
        <v>291</v>
      </c>
      <c r="BN10" s="160">
        <v>140</v>
      </c>
      <c r="BO10" s="165">
        <v>3790</v>
      </c>
      <c r="BP10" s="164">
        <v>3790</v>
      </c>
      <c r="BQ10" s="159">
        <v>54</v>
      </c>
      <c r="BR10" s="160">
        <v>72</v>
      </c>
      <c r="BS10" s="165">
        <v>126</v>
      </c>
      <c r="BT10" s="162">
        <v>0</v>
      </c>
      <c r="BU10" s="160">
        <v>290</v>
      </c>
      <c r="BV10" s="160">
        <v>233</v>
      </c>
      <c r="BW10" s="160">
        <v>117</v>
      </c>
      <c r="BX10" s="160">
        <v>69</v>
      </c>
      <c r="BY10" s="160">
        <v>28</v>
      </c>
      <c r="BZ10" s="165">
        <v>737</v>
      </c>
      <c r="CA10" s="164">
        <v>863</v>
      </c>
      <c r="CB10" s="159">
        <v>4</v>
      </c>
      <c r="CC10" s="160">
        <v>6</v>
      </c>
      <c r="CD10" s="165">
        <v>10</v>
      </c>
      <c r="CE10" s="162">
        <v>0</v>
      </c>
      <c r="CF10" s="160">
        <v>239</v>
      </c>
      <c r="CG10" s="160">
        <v>282</v>
      </c>
      <c r="CH10" s="160">
        <v>283</v>
      </c>
      <c r="CI10" s="160">
        <v>211</v>
      </c>
      <c r="CJ10" s="160">
        <v>118</v>
      </c>
      <c r="CK10" s="165">
        <v>1133</v>
      </c>
      <c r="CL10" s="164">
        <v>1143</v>
      </c>
      <c r="CM10" s="159">
        <v>0</v>
      </c>
      <c r="CN10" s="160">
        <v>0</v>
      </c>
      <c r="CO10" s="165">
        <v>0</v>
      </c>
      <c r="CP10" s="162">
        <v>0</v>
      </c>
      <c r="CQ10" s="160">
        <v>8</v>
      </c>
      <c r="CR10" s="160">
        <v>12</v>
      </c>
      <c r="CS10" s="160">
        <v>12</v>
      </c>
      <c r="CT10" s="160">
        <v>17</v>
      </c>
      <c r="CU10" s="160">
        <v>6</v>
      </c>
      <c r="CV10" s="165">
        <v>55</v>
      </c>
      <c r="CW10" s="164">
        <v>55</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24</v>
      </c>
      <c r="DU10" s="160">
        <v>820</v>
      </c>
      <c r="DV10" s="165">
        <v>1244</v>
      </c>
      <c r="DW10" s="162">
        <v>0</v>
      </c>
      <c r="DX10" s="160">
        <v>2208</v>
      </c>
      <c r="DY10" s="160">
        <v>2254</v>
      </c>
      <c r="DZ10" s="160">
        <v>1197</v>
      </c>
      <c r="EA10" s="160">
        <v>985</v>
      </c>
      <c r="EB10" s="160">
        <v>619</v>
      </c>
      <c r="EC10" s="165">
        <v>7263</v>
      </c>
      <c r="ED10" s="164">
        <v>8507</v>
      </c>
      <c r="EE10" s="159">
        <v>92</v>
      </c>
      <c r="EF10" s="160">
        <v>47</v>
      </c>
      <c r="EG10" s="165">
        <v>139</v>
      </c>
      <c r="EH10" s="162">
        <v>0</v>
      </c>
      <c r="EI10" s="160">
        <v>440</v>
      </c>
      <c r="EJ10" s="160">
        <v>302</v>
      </c>
      <c r="EK10" s="160">
        <v>266</v>
      </c>
      <c r="EL10" s="160">
        <v>291</v>
      </c>
      <c r="EM10" s="160">
        <v>160</v>
      </c>
      <c r="EN10" s="165">
        <v>1459</v>
      </c>
      <c r="EO10" s="164">
        <v>1598</v>
      </c>
      <c r="EP10" s="159">
        <v>489</v>
      </c>
      <c r="EQ10" s="160">
        <v>896</v>
      </c>
      <c r="ER10" s="165">
        <v>1385</v>
      </c>
      <c r="ES10" s="162">
        <v>0</v>
      </c>
      <c r="ET10" s="160">
        <v>4584</v>
      </c>
      <c r="EU10" s="160">
        <v>3059</v>
      </c>
      <c r="EV10" s="160">
        <v>1502</v>
      </c>
      <c r="EW10" s="160">
        <v>1118</v>
      </c>
      <c r="EX10" s="160">
        <v>656</v>
      </c>
      <c r="EY10" s="165">
        <v>10919</v>
      </c>
      <c r="EZ10" s="164">
        <v>12304</v>
      </c>
    </row>
    <row r="11" spans="2:156" ht="21" customHeight="1" x14ac:dyDescent="0.2">
      <c r="B11" s="166" t="s">
        <v>8</v>
      </c>
      <c r="C11" s="159">
        <v>0</v>
      </c>
      <c r="D11" s="160">
        <v>0</v>
      </c>
      <c r="E11" s="161">
        <v>0</v>
      </c>
      <c r="F11" s="162">
        <v>0</v>
      </c>
      <c r="G11" s="160">
        <v>467</v>
      </c>
      <c r="H11" s="160">
        <v>628</v>
      </c>
      <c r="I11" s="160">
        <v>380</v>
      </c>
      <c r="J11" s="160">
        <v>319</v>
      </c>
      <c r="K11" s="160">
        <v>249</v>
      </c>
      <c r="L11" s="163">
        <v>2043</v>
      </c>
      <c r="M11" s="164">
        <v>2043</v>
      </c>
      <c r="N11" s="159">
        <v>0</v>
      </c>
      <c r="O11" s="160">
        <v>0</v>
      </c>
      <c r="P11" s="165">
        <v>0</v>
      </c>
      <c r="Q11" s="162">
        <v>0</v>
      </c>
      <c r="R11" s="160">
        <v>8</v>
      </c>
      <c r="S11" s="160">
        <v>14</v>
      </c>
      <c r="T11" s="160">
        <v>23</v>
      </c>
      <c r="U11" s="160">
        <v>51</v>
      </c>
      <c r="V11" s="160">
        <v>86</v>
      </c>
      <c r="W11" s="165">
        <v>182</v>
      </c>
      <c r="X11" s="164">
        <v>182</v>
      </c>
      <c r="Y11" s="159">
        <v>58</v>
      </c>
      <c r="Z11" s="160">
        <v>95</v>
      </c>
      <c r="AA11" s="165">
        <v>153</v>
      </c>
      <c r="AB11" s="162">
        <v>0</v>
      </c>
      <c r="AC11" s="160">
        <v>314</v>
      </c>
      <c r="AD11" s="160">
        <v>432</v>
      </c>
      <c r="AE11" s="160">
        <v>265</v>
      </c>
      <c r="AF11" s="160">
        <v>232</v>
      </c>
      <c r="AG11" s="160">
        <v>200</v>
      </c>
      <c r="AH11" s="165">
        <v>1443</v>
      </c>
      <c r="AI11" s="164">
        <v>1596</v>
      </c>
      <c r="AJ11" s="159">
        <v>11</v>
      </c>
      <c r="AK11" s="160">
        <v>21</v>
      </c>
      <c r="AL11" s="165">
        <v>32</v>
      </c>
      <c r="AM11" s="162">
        <v>0</v>
      </c>
      <c r="AN11" s="160">
        <v>74</v>
      </c>
      <c r="AO11" s="160">
        <v>86</v>
      </c>
      <c r="AP11" s="160">
        <v>50</v>
      </c>
      <c r="AQ11" s="160">
        <v>46</v>
      </c>
      <c r="AR11" s="160">
        <v>29</v>
      </c>
      <c r="AS11" s="165">
        <v>285</v>
      </c>
      <c r="AT11" s="164">
        <v>317</v>
      </c>
      <c r="AU11" s="159">
        <v>74</v>
      </c>
      <c r="AV11" s="160">
        <v>58</v>
      </c>
      <c r="AW11" s="165">
        <v>132</v>
      </c>
      <c r="AX11" s="162">
        <v>0</v>
      </c>
      <c r="AY11" s="160">
        <v>504</v>
      </c>
      <c r="AZ11" s="160">
        <v>582</v>
      </c>
      <c r="BA11" s="160">
        <v>576</v>
      </c>
      <c r="BB11" s="160">
        <v>567</v>
      </c>
      <c r="BC11" s="160">
        <v>437</v>
      </c>
      <c r="BD11" s="163">
        <v>2666</v>
      </c>
      <c r="BE11" s="164">
        <v>2798</v>
      </c>
      <c r="BF11" s="159">
        <v>0</v>
      </c>
      <c r="BG11" s="160">
        <v>0</v>
      </c>
      <c r="BH11" s="165">
        <v>0</v>
      </c>
      <c r="BI11" s="162">
        <v>0</v>
      </c>
      <c r="BJ11" s="160">
        <v>612</v>
      </c>
      <c r="BK11" s="160">
        <v>639</v>
      </c>
      <c r="BL11" s="160">
        <v>356</v>
      </c>
      <c r="BM11" s="160">
        <v>212</v>
      </c>
      <c r="BN11" s="160">
        <v>106</v>
      </c>
      <c r="BO11" s="165">
        <v>1925</v>
      </c>
      <c r="BP11" s="164">
        <v>1925</v>
      </c>
      <c r="BQ11" s="159">
        <v>68</v>
      </c>
      <c r="BR11" s="160">
        <v>66</v>
      </c>
      <c r="BS11" s="165">
        <v>134</v>
      </c>
      <c r="BT11" s="162">
        <v>0</v>
      </c>
      <c r="BU11" s="160">
        <v>159</v>
      </c>
      <c r="BV11" s="160">
        <v>151</v>
      </c>
      <c r="BW11" s="160">
        <v>98</v>
      </c>
      <c r="BX11" s="160">
        <v>61</v>
      </c>
      <c r="BY11" s="160">
        <v>16</v>
      </c>
      <c r="BZ11" s="165">
        <v>485</v>
      </c>
      <c r="CA11" s="164">
        <v>619</v>
      </c>
      <c r="CB11" s="159">
        <v>3</v>
      </c>
      <c r="CC11" s="160">
        <v>11</v>
      </c>
      <c r="CD11" s="165">
        <v>14</v>
      </c>
      <c r="CE11" s="162">
        <v>0</v>
      </c>
      <c r="CF11" s="160">
        <v>94</v>
      </c>
      <c r="CG11" s="160">
        <v>161</v>
      </c>
      <c r="CH11" s="160">
        <v>203</v>
      </c>
      <c r="CI11" s="160">
        <v>127</v>
      </c>
      <c r="CJ11" s="160">
        <v>54</v>
      </c>
      <c r="CK11" s="165">
        <v>639</v>
      </c>
      <c r="CL11" s="164">
        <v>653</v>
      </c>
      <c r="CM11" s="159">
        <v>0</v>
      </c>
      <c r="CN11" s="160">
        <v>0</v>
      </c>
      <c r="CO11" s="165">
        <v>0</v>
      </c>
      <c r="CP11" s="162">
        <v>0</v>
      </c>
      <c r="CQ11" s="160">
        <v>2</v>
      </c>
      <c r="CR11" s="160">
        <v>10</v>
      </c>
      <c r="CS11" s="160">
        <v>8</v>
      </c>
      <c r="CT11" s="160">
        <v>5</v>
      </c>
      <c r="CU11" s="160">
        <v>3</v>
      </c>
      <c r="CV11" s="165">
        <v>28</v>
      </c>
      <c r="CW11" s="164">
        <v>28</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81</v>
      </c>
      <c r="DU11" s="160">
        <v>630</v>
      </c>
      <c r="DV11" s="165">
        <v>1111</v>
      </c>
      <c r="DW11" s="162">
        <v>0</v>
      </c>
      <c r="DX11" s="160">
        <v>1041</v>
      </c>
      <c r="DY11" s="160">
        <v>1534</v>
      </c>
      <c r="DZ11" s="160">
        <v>876</v>
      </c>
      <c r="EA11" s="160">
        <v>640</v>
      </c>
      <c r="EB11" s="160">
        <v>398</v>
      </c>
      <c r="EC11" s="165">
        <v>4489</v>
      </c>
      <c r="ED11" s="164">
        <v>5600</v>
      </c>
      <c r="EE11" s="159">
        <v>49</v>
      </c>
      <c r="EF11" s="160">
        <v>18</v>
      </c>
      <c r="EG11" s="165">
        <v>67</v>
      </c>
      <c r="EH11" s="162">
        <v>0</v>
      </c>
      <c r="EI11" s="160">
        <v>155</v>
      </c>
      <c r="EJ11" s="160">
        <v>135</v>
      </c>
      <c r="EK11" s="160">
        <v>106</v>
      </c>
      <c r="EL11" s="160">
        <v>133</v>
      </c>
      <c r="EM11" s="160">
        <v>70</v>
      </c>
      <c r="EN11" s="165">
        <v>599</v>
      </c>
      <c r="EO11" s="164">
        <v>666</v>
      </c>
      <c r="EP11" s="159">
        <v>575</v>
      </c>
      <c r="EQ11" s="160">
        <v>701</v>
      </c>
      <c r="ER11" s="165">
        <v>1276</v>
      </c>
      <c r="ES11" s="162">
        <v>0</v>
      </c>
      <c r="ET11" s="160">
        <v>1918</v>
      </c>
      <c r="EU11" s="160">
        <v>1934</v>
      </c>
      <c r="EV11" s="160">
        <v>1016</v>
      </c>
      <c r="EW11" s="160">
        <v>691</v>
      </c>
      <c r="EX11" s="160">
        <v>414</v>
      </c>
      <c r="EY11" s="165">
        <v>5973</v>
      </c>
      <c r="EZ11" s="164">
        <v>7249</v>
      </c>
    </row>
    <row r="12" spans="2:156" ht="21" customHeight="1" x14ac:dyDescent="0.2">
      <c r="B12" s="166" t="s">
        <v>9</v>
      </c>
      <c r="C12" s="159">
        <v>0</v>
      </c>
      <c r="D12" s="160">
        <v>0</v>
      </c>
      <c r="E12" s="161">
        <v>0</v>
      </c>
      <c r="F12" s="162">
        <v>0</v>
      </c>
      <c r="G12" s="160">
        <v>624</v>
      </c>
      <c r="H12" s="160">
        <v>493</v>
      </c>
      <c r="I12" s="160">
        <v>353</v>
      </c>
      <c r="J12" s="160">
        <v>354</v>
      </c>
      <c r="K12" s="160">
        <v>265</v>
      </c>
      <c r="L12" s="163">
        <v>2089</v>
      </c>
      <c r="M12" s="164">
        <v>2089</v>
      </c>
      <c r="N12" s="159">
        <v>0</v>
      </c>
      <c r="O12" s="160">
        <v>0</v>
      </c>
      <c r="P12" s="165">
        <v>0</v>
      </c>
      <c r="Q12" s="162">
        <v>0</v>
      </c>
      <c r="R12" s="160">
        <v>4</v>
      </c>
      <c r="S12" s="160">
        <v>11</v>
      </c>
      <c r="T12" s="160">
        <v>21</v>
      </c>
      <c r="U12" s="160">
        <v>48</v>
      </c>
      <c r="V12" s="160">
        <v>95</v>
      </c>
      <c r="W12" s="165">
        <v>179</v>
      </c>
      <c r="X12" s="164">
        <v>179</v>
      </c>
      <c r="Y12" s="159">
        <v>63</v>
      </c>
      <c r="Z12" s="160">
        <v>98</v>
      </c>
      <c r="AA12" s="165">
        <v>161</v>
      </c>
      <c r="AB12" s="162">
        <v>0</v>
      </c>
      <c r="AC12" s="160">
        <v>403</v>
      </c>
      <c r="AD12" s="160">
        <v>354</v>
      </c>
      <c r="AE12" s="160">
        <v>278</v>
      </c>
      <c r="AF12" s="160">
        <v>269</v>
      </c>
      <c r="AG12" s="160">
        <v>219</v>
      </c>
      <c r="AH12" s="165">
        <v>1523</v>
      </c>
      <c r="AI12" s="164">
        <v>1684</v>
      </c>
      <c r="AJ12" s="159">
        <v>6</v>
      </c>
      <c r="AK12" s="160">
        <v>13</v>
      </c>
      <c r="AL12" s="165">
        <v>19</v>
      </c>
      <c r="AM12" s="162">
        <v>0</v>
      </c>
      <c r="AN12" s="160">
        <v>38</v>
      </c>
      <c r="AO12" s="160">
        <v>46</v>
      </c>
      <c r="AP12" s="160">
        <v>37</v>
      </c>
      <c r="AQ12" s="160">
        <v>41</v>
      </c>
      <c r="AR12" s="160">
        <v>34</v>
      </c>
      <c r="AS12" s="165">
        <v>196</v>
      </c>
      <c r="AT12" s="164">
        <v>215</v>
      </c>
      <c r="AU12" s="159">
        <v>90</v>
      </c>
      <c r="AV12" s="160">
        <v>74</v>
      </c>
      <c r="AW12" s="165">
        <v>164</v>
      </c>
      <c r="AX12" s="162">
        <v>0</v>
      </c>
      <c r="AY12" s="160">
        <v>566</v>
      </c>
      <c r="AZ12" s="160">
        <v>602</v>
      </c>
      <c r="BA12" s="160">
        <v>580</v>
      </c>
      <c r="BB12" s="160">
        <v>617</v>
      </c>
      <c r="BC12" s="160">
        <v>444</v>
      </c>
      <c r="BD12" s="163">
        <v>2809</v>
      </c>
      <c r="BE12" s="164">
        <v>2973</v>
      </c>
      <c r="BF12" s="159">
        <v>0</v>
      </c>
      <c r="BG12" s="160">
        <v>0</v>
      </c>
      <c r="BH12" s="165">
        <v>0</v>
      </c>
      <c r="BI12" s="162">
        <v>0</v>
      </c>
      <c r="BJ12" s="160">
        <v>626</v>
      </c>
      <c r="BK12" s="160">
        <v>422</v>
      </c>
      <c r="BL12" s="160">
        <v>265</v>
      </c>
      <c r="BM12" s="160">
        <v>166</v>
      </c>
      <c r="BN12" s="160">
        <v>70</v>
      </c>
      <c r="BO12" s="165">
        <v>1549</v>
      </c>
      <c r="BP12" s="164">
        <v>1549</v>
      </c>
      <c r="BQ12" s="159">
        <v>55</v>
      </c>
      <c r="BR12" s="160">
        <v>78</v>
      </c>
      <c r="BS12" s="165">
        <v>133</v>
      </c>
      <c r="BT12" s="162">
        <v>0</v>
      </c>
      <c r="BU12" s="160">
        <v>168</v>
      </c>
      <c r="BV12" s="160">
        <v>128</v>
      </c>
      <c r="BW12" s="160">
        <v>85</v>
      </c>
      <c r="BX12" s="160">
        <v>93</v>
      </c>
      <c r="BY12" s="160">
        <v>30</v>
      </c>
      <c r="BZ12" s="165">
        <v>504</v>
      </c>
      <c r="CA12" s="164">
        <v>637</v>
      </c>
      <c r="CB12" s="159">
        <v>1</v>
      </c>
      <c r="CC12" s="160">
        <v>4</v>
      </c>
      <c r="CD12" s="165">
        <v>5</v>
      </c>
      <c r="CE12" s="162">
        <v>0</v>
      </c>
      <c r="CF12" s="160">
        <v>82</v>
      </c>
      <c r="CG12" s="160">
        <v>101</v>
      </c>
      <c r="CH12" s="160">
        <v>141</v>
      </c>
      <c r="CI12" s="160">
        <v>97</v>
      </c>
      <c r="CJ12" s="160">
        <v>62</v>
      </c>
      <c r="CK12" s="165">
        <v>483</v>
      </c>
      <c r="CL12" s="164">
        <v>488</v>
      </c>
      <c r="CM12" s="159">
        <v>0</v>
      </c>
      <c r="CN12" s="160">
        <v>1</v>
      </c>
      <c r="CO12" s="165">
        <v>1</v>
      </c>
      <c r="CP12" s="162">
        <v>0</v>
      </c>
      <c r="CQ12" s="160">
        <v>10</v>
      </c>
      <c r="CR12" s="160">
        <v>12</v>
      </c>
      <c r="CS12" s="160">
        <v>25</v>
      </c>
      <c r="CT12" s="160">
        <v>25</v>
      </c>
      <c r="CU12" s="160">
        <v>13</v>
      </c>
      <c r="CV12" s="165">
        <v>85</v>
      </c>
      <c r="CW12" s="164">
        <v>86</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59</v>
      </c>
      <c r="DU12" s="160">
        <v>477</v>
      </c>
      <c r="DV12" s="165">
        <v>836</v>
      </c>
      <c r="DW12" s="162">
        <v>0</v>
      </c>
      <c r="DX12" s="160">
        <v>943</v>
      </c>
      <c r="DY12" s="160">
        <v>975</v>
      </c>
      <c r="DZ12" s="160">
        <v>680</v>
      </c>
      <c r="EA12" s="160">
        <v>583</v>
      </c>
      <c r="EB12" s="160">
        <v>387</v>
      </c>
      <c r="EC12" s="165">
        <v>3568</v>
      </c>
      <c r="ED12" s="164">
        <v>4404</v>
      </c>
      <c r="EE12" s="159">
        <v>62</v>
      </c>
      <c r="EF12" s="160">
        <v>22</v>
      </c>
      <c r="EG12" s="165">
        <v>84</v>
      </c>
      <c r="EH12" s="162">
        <v>0</v>
      </c>
      <c r="EI12" s="160">
        <v>211</v>
      </c>
      <c r="EJ12" s="160">
        <v>165</v>
      </c>
      <c r="EK12" s="160">
        <v>159</v>
      </c>
      <c r="EL12" s="160">
        <v>178</v>
      </c>
      <c r="EM12" s="160">
        <v>115</v>
      </c>
      <c r="EN12" s="165">
        <v>828</v>
      </c>
      <c r="EO12" s="164">
        <v>912</v>
      </c>
      <c r="EP12" s="159">
        <v>445</v>
      </c>
      <c r="EQ12" s="160">
        <v>561</v>
      </c>
      <c r="ER12" s="165">
        <v>1006</v>
      </c>
      <c r="ES12" s="162">
        <v>0</v>
      </c>
      <c r="ET12" s="160">
        <v>1776</v>
      </c>
      <c r="EU12" s="160">
        <v>1288</v>
      </c>
      <c r="EV12" s="160">
        <v>797</v>
      </c>
      <c r="EW12" s="160">
        <v>623</v>
      </c>
      <c r="EX12" s="160">
        <v>387</v>
      </c>
      <c r="EY12" s="165">
        <v>4871</v>
      </c>
      <c r="EZ12" s="164">
        <v>5877</v>
      </c>
    </row>
    <row r="13" spans="2:156" ht="21" customHeight="1" x14ac:dyDescent="0.2">
      <c r="B13" s="166" t="s">
        <v>10</v>
      </c>
      <c r="C13" s="159">
        <v>0</v>
      </c>
      <c r="D13" s="160">
        <v>0</v>
      </c>
      <c r="E13" s="161">
        <v>0</v>
      </c>
      <c r="F13" s="162">
        <v>0</v>
      </c>
      <c r="G13" s="160">
        <v>1325</v>
      </c>
      <c r="H13" s="160">
        <v>781</v>
      </c>
      <c r="I13" s="160">
        <v>535</v>
      </c>
      <c r="J13" s="160">
        <v>474</v>
      </c>
      <c r="K13" s="160">
        <v>373</v>
      </c>
      <c r="L13" s="163">
        <v>3488</v>
      </c>
      <c r="M13" s="164">
        <v>3488</v>
      </c>
      <c r="N13" s="159">
        <v>0</v>
      </c>
      <c r="O13" s="160">
        <v>1</v>
      </c>
      <c r="P13" s="165">
        <v>1</v>
      </c>
      <c r="Q13" s="162">
        <v>0</v>
      </c>
      <c r="R13" s="160">
        <v>8</v>
      </c>
      <c r="S13" s="160">
        <v>31</v>
      </c>
      <c r="T13" s="160">
        <v>40</v>
      </c>
      <c r="U13" s="160">
        <v>83</v>
      </c>
      <c r="V13" s="160">
        <v>167</v>
      </c>
      <c r="W13" s="165">
        <v>329</v>
      </c>
      <c r="X13" s="164">
        <v>330</v>
      </c>
      <c r="Y13" s="159">
        <v>177</v>
      </c>
      <c r="Z13" s="160">
        <v>303</v>
      </c>
      <c r="AA13" s="165">
        <v>480</v>
      </c>
      <c r="AB13" s="162">
        <v>0</v>
      </c>
      <c r="AC13" s="160">
        <v>828</v>
      </c>
      <c r="AD13" s="160">
        <v>591</v>
      </c>
      <c r="AE13" s="160">
        <v>368</v>
      </c>
      <c r="AF13" s="160">
        <v>339</v>
      </c>
      <c r="AG13" s="160">
        <v>283</v>
      </c>
      <c r="AH13" s="165">
        <v>2409</v>
      </c>
      <c r="AI13" s="164">
        <v>2889</v>
      </c>
      <c r="AJ13" s="159">
        <v>25</v>
      </c>
      <c r="AK13" s="160">
        <v>47</v>
      </c>
      <c r="AL13" s="165">
        <v>72</v>
      </c>
      <c r="AM13" s="162">
        <v>0</v>
      </c>
      <c r="AN13" s="160">
        <v>114</v>
      </c>
      <c r="AO13" s="160">
        <v>93</v>
      </c>
      <c r="AP13" s="160">
        <v>64</v>
      </c>
      <c r="AQ13" s="160">
        <v>43</v>
      </c>
      <c r="AR13" s="160">
        <v>53</v>
      </c>
      <c r="AS13" s="165">
        <v>367</v>
      </c>
      <c r="AT13" s="164">
        <v>439</v>
      </c>
      <c r="AU13" s="159">
        <v>199</v>
      </c>
      <c r="AV13" s="160">
        <v>282</v>
      </c>
      <c r="AW13" s="165">
        <v>481</v>
      </c>
      <c r="AX13" s="162">
        <v>0</v>
      </c>
      <c r="AY13" s="160">
        <v>1357</v>
      </c>
      <c r="AZ13" s="160">
        <v>1151</v>
      </c>
      <c r="BA13" s="160">
        <v>1012</v>
      </c>
      <c r="BB13" s="160">
        <v>1023</v>
      </c>
      <c r="BC13" s="160">
        <v>789</v>
      </c>
      <c r="BD13" s="163">
        <v>5332</v>
      </c>
      <c r="BE13" s="164">
        <v>5813</v>
      </c>
      <c r="BF13" s="159">
        <v>0</v>
      </c>
      <c r="BG13" s="160">
        <v>0</v>
      </c>
      <c r="BH13" s="165">
        <v>0</v>
      </c>
      <c r="BI13" s="162">
        <v>0</v>
      </c>
      <c r="BJ13" s="160">
        <v>1670</v>
      </c>
      <c r="BK13" s="160">
        <v>840</v>
      </c>
      <c r="BL13" s="160">
        <v>474</v>
      </c>
      <c r="BM13" s="160">
        <v>287</v>
      </c>
      <c r="BN13" s="160">
        <v>126</v>
      </c>
      <c r="BO13" s="165">
        <v>3397</v>
      </c>
      <c r="BP13" s="164">
        <v>3397</v>
      </c>
      <c r="BQ13" s="159">
        <v>52</v>
      </c>
      <c r="BR13" s="160">
        <v>78</v>
      </c>
      <c r="BS13" s="165">
        <v>130</v>
      </c>
      <c r="BT13" s="162">
        <v>0</v>
      </c>
      <c r="BU13" s="160">
        <v>250</v>
      </c>
      <c r="BV13" s="160">
        <v>202</v>
      </c>
      <c r="BW13" s="160">
        <v>99</v>
      </c>
      <c r="BX13" s="160">
        <v>65</v>
      </c>
      <c r="BY13" s="160">
        <v>40</v>
      </c>
      <c r="BZ13" s="165">
        <v>656</v>
      </c>
      <c r="CA13" s="164">
        <v>786</v>
      </c>
      <c r="CB13" s="159">
        <v>5</v>
      </c>
      <c r="CC13" s="160">
        <v>22</v>
      </c>
      <c r="CD13" s="165">
        <v>27</v>
      </c>
      <c r="CE13" s="162">
        <v>0</v>
      </c>
      <c r="CF13" s="160">
        <v>179</v>
      </c>
      <c r="CG13" s="160">
        <v>167</v>
      </c>
      <c r="CH13" s="160">
        <v>185</v>
      </c>
      <c r="CI13" s="160">
        <v>150</v>
      </c>
      <c r="CJ13" s="160">
        <v>84</v>
      </c>
      <c r="CK13" s="165">
        <v>765</v>
      </c>
      <c r="CL13" s="164">
        <v>792</v>
      </c>
      <c r="CM13" s="159">
        <v>1</v>
      </c>
      <c r="CN13" s="160">
        <v>0</v>
      </c>
      <c r="CO13" s="165">
        <v>1</v>
      </c>
      <c r="CP13" s="162">
        <v>0</v>
      </c>
      <c r="CQ13" s="160">
        <v>8</v>
      </c>
      <c r="CR13" s="160">
        <v>11</v>
      </c>
      <c r="CS13" s="160">
        <v>18</v>
      </c>
      <c r="CT13" s="160">
        <v>13</v>
      </c>
      <c r="CU13" s="160">
        <v>9</v>
      </c>
      <c r="CV13" s="165">
        <v>59</v>
      </c>
      <c r="CW13" s="164">
        <v>60</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999</v>
      </c>
      <c r="DU13" s="160">
        <v>1341</v>
      </c>
      <c r="DV13" s="165">
        <v>2340</v>
      </c>
      <c r="DW13" s="162">
        <v>0</v>
      </c>
      <c r="DX13" s="160">
        <v>2098</v>
      </c>
      <c r="DY13" s="160">
        <v>1673</v>
      </c>
      <c r="DZ13" s="160">
        <v>1048</v>
      </c>
      <c r="EA13" s="160">
        <v>905</v>
      </c>
      <c r="EB13" s="160">
        <v>626</v>
      </c>
      <c r="EC13" s="165">
        <v>6350</v>
      </c>
      <c r="ED13" s="164">
        <v>8690</v>
      </c>
      <c r="EE13" s="159">
        <v>78</v>
      </c>
      <c r="EF13" s="160">
        <v>66</v>
      </c>
      <c r="EG13" s="165">
        <v>144</v>
      </c>
      <c r="EH13" s="162">
        <v>0</v>
      </c>
      <c r="EI13" s="160">
        <v>295</v>
      </c>
      <c r="EJ13" s="160">
        <v>258</v>
      </c>
      <c r="EK13" s="160">
        <v>231</v>
      </c>
      <c r="EL13" s="160">
        <v>235</v>
      </c>
      <c r="EM13" s="160">
        <v>148</v>
      </c>
      <c r="EN13" s="165">
        <v>1167</v>
      </c>
      <c r="EO13" s="164">
        <v>1311</v>
      </c>
      <c r="EP13" s="159">
        <v>1177</v>
      </c>
      <c r="EQ13" s="160">
        <v>1540</v>
      </c>
      <c r="ER13" s="165">
        <v>2717</v>
      </c>
      <c r="ES13" s="162">
        <v>0</v>
      </c>
      <c r="ET13" s="160">
        <v>3672</v>
      </c>
      <c r="EU13" s="160">
        <v>2043</v>
      </c>
      <c r="EV13" s="160">
        <v>1156</v>
      </c>
      <c r="EW13" s="160">
        <v>892</v>
      </c>
      <c r="EX13" s="160">
        <v>585</v>
      </c>
      <c r="EY13" s="165">
        <v>8348</v>
      </c>
      <c r="EZ13" s="164">
        <v>11065</v>
      </c>
    </row>
    <row r="14" spans="2:156" ht="21" customHeight="1" x14ac:dyDescent="0.2">
      <c r="B14" s="166" t="s">
        <v>11</v>
      </c>
      <c r="C14" s="159">
        <v>0</v>
      </c>
      <c r="D14" s="160">
        <v>0</v>
      </c>
      <c r="E14" s="161">
        <v>0</v>
      </c>
      <c r="F14" s="162">
        <v>0</v>
      </c>
      <c r="G14" s="160">
        <v>518</v>
      </c>
      <c r="H14" s="160">
        <v>386</v>
      </c>
      <c r="I14" s="160">
        <v>263</v>
      </c>
      <c r="J14" s="160">
        <v>247</v>
      </c>
      <c r="K14" s="160">
        <v>178</v>
      </c>
      <c r="L14" s="163">
        <v>1592</v>
      </c>
      <c r="M14" s="164">
        <v>1592</v>
      </c>
      <c r="N14" s="159">
        <v>0</v>
      </c>
      <c r="O14" s="160">
        <v>0</v>
      </c>
      <c r="P14" s="165">
        <v>0</v>
      </c>
      <c r="Q14" s="162">
        <v>0</v>
      </c>
      <c r="R14" s="160">
        <v>5</v>
      </c>
      <c r="S14" s="160">
        <v>10</v>
      </c>
      <c r="T14" s="160">
        <v>17</v>
      </c>
      <c r="U14" s="160">
        <v>57</v>
      </c>
      <c r="V14" s="160">
        <v>63</v>
      </c>
      <c r="W14" s="165">
        <v>152</v>
      </c>
      <c r="X14" s="164">
        <v>152</v>
      </c>
      <c r="Y14" s="159">
        <v>45</v>
      </c>
      <c r="Z14" s="160">
        <v>78</v>
      </c>
      <c r="AA14" s="165">
        <v>123</v>
      </c>
      <c r="AB14" s="162">
        <v>0</v>
      </c>
      <c r="AC14" s="160">
        <v>347</v>
      </c>
      <c r="AD14" s="160">
        <v>260</v>
      </c>
      <c r="AE14" s="160">
        <v>212</v>
      </c>
      <c r="AF14" s="160">
        <v>239</v>
      </c>
      <c r="AG14" s="160">
        <v>164</v>
      </c>
      <c r="AH14" s="165">
        <v>1222</v>
      </c>
      <c r="AI14" s="164">
        <v>1345</v>
      </c>
      <c r="AJ14" s="159">
        <v>4</v>
      </c>
      <c r="AK14" s="160">
        <v>7</v>
      </c>
      <c r="AL14" s="165">
        <v>11</v>
      </c>
      <c r="AM14" s="162">
        <v>0</v>
      </c>
      <c r="AN14" s="160">
        <v>25</v>
      </c>
      <c r="AO14" s="160">
        <v>27</v>
      </c>
      <c r="AP14" s="160">
        <v>22</v>
      </c>
      <c r="AQ14" s="160">
        <v>23</v>
      </c>
      <c r="AR14" s="160">
        <v>5</v>
      </c>
      <c r="AS14" s="165">
        <v>102</v>
      </c>
      <c r="AT14" s="164">
        <v>113</v>
      </c>
      <c r="AU14" s="159">
        <v>57</v>
      </c>
      <c r="AV14" s="160">
        <v>50</v>
      </c>
      <c r="AW14" s="165">
        <v>107</v>
      </c>
      <c r="AX14" s="162">
        <v>0</v>
      </c>
      <c r="AY14" s="160">
        <v>457</v>
      </c>
      <c r="AZ14" s="160">
        <v>487</v>
      </c>
      <c r="BA14" s="160">
        <v>447</v>
      </c>
      <c r="BB14" s="160">
        <v>465</v>
      </c>
      <c r="BC14" s="160">
        <v>316</v>
      </c>
      <c r="BD14" s="163">
        <v>2172</v>
      </c>
      <c r="BE14" s="164">
        <v>2279</v>
      </c>
      <c r="BF14" s="159">
        <v>0</v>
      </c>
      <c r="BG14" s="160">
        <v>0</v>
      </c>
      <c r="BH14" s="165">
        <v>0</v>
      </c>
      <c r="BI14" s="162">
        <v>0</v>
      </c>
      <c r="BJ14" s="160">
        <v>681</v>
      </c>
      <c r="BK14" s="160">
        <v>414</v>
      </c>
      <c r="BL14" s="160">
        <v>267</v>
      </c>
      <c r="BM14" s="160">
        <v>196</v>
      </c>
      <c r="BN14" s="160">
        <v>81</v>
      </c>
      <c r="BO14" s="165">
        <v>1639</v>
      </c>
      <c r="BP14" s="164">
        <v>1639</v>
      </c>
      <c r="BQ14" s="159">
        <v>112</v>
      </c>
      <c r="BR14" s="160">
        <v>82</v>
      </c>
      <c r="BS14" s="165">
        <v>194</v>
      </c>
      <c r="BT14" s="162">
        <v>0</v>
      </c>
      <c r="BU14" s="160">
        <v>244</v>
      </c>
      <c r="BV14" s="160">
        <v>159</v>
      </c>
      <c r="BW14" s="160">
        <v>97</v>
      </c>
      <c r="BX14" s="160">
        <v>71</v>
      </c>
      <c r="BY14" s="160">
        <v>29</v>
      </c>
      <c r="BZ14" s="165">
        <v>600</v>
      </c>
      <c r="CA14" s="164">
        <v>794</v>
      </c>
      <c r="CB14" s="159">
        <v>6</v>
      </c>
      <c r="CC14" s="160">
        <v>6</v>
      </c>
      <c r="CD14" s="165">
        <v>12</v>
      </c>
      <c r="CE14" s="162">
        <v>0</v>
      </c>
      <c r="CF14" s="160">
        <v>95</v>
      </c>
      <c r="CG14" s="160">
        <v>83</v>
      </c>
      <c r="CH14" s="160">
        <v>97</v>
      </c>
      <c r="CI14" s="160">
        <v>93</v>
      </c>
      <c r="CJ14" s="160">
        <v>46</v>
      </c>
      <c r="CK14" s="165">
        <v>414</v>
      </c>
      <c r="CL14" s="164">
        <v>426</v>
      </c>
      <c r="CM14" s="159">
        <v>0</v>
      </c>
      <c r="CN14" s="160">
        <v>1</v>
      </c>
      <c r="CO14" s="165">
        <v>1</v>
      </c>
      <c r="CP14" s="162">
        <v>0</v>
      </c>
      <c r="CQ14" s="160">
        <v>4</v>
      </c>
      <c r="CR14" s="160">
        <v>6</v>
      </c>
      <c r="CS14" s="160">
        <v>6</v>
      </c>
      <c r="CT14" s="160">
        <v>6</v>
      </c>
      <c r="CU14" s="160">
        <v>12</v>
      </c>
      <c r="CV14" s="165">
        <v>34</v>
      </c>
      <c r="CW14" s="164">
        <v>35</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407</v>
      </c>
      <c r="DU14" s="160">
        <v>500</v>
      </c>
      <c r="DV14" s="165">
        <v>907</v>
      </c>
      <c r="DW14" s="162">
        <v>0</v>
      </c>
      <c r="DX14" s="160">
        <v>1008</v>
      </c>
      <c r="DY14" s="160">
        <v>893</v>
      </c>
      <c r="DZ14" s="160">
        <v>651</v>
      </c>
      <c r="EA14" s="160">
        <v>539</v>
      </c>
      <c r="EB14" s="160">
        <v>286</v>
      </c>
      <c r="EC14" s="165">
        <v>3377</v>
      </c>
      <c r="ED14" s="164">
        <v>4284</v>
      </c>
      <c r="EE14" s="159">
        <v>39</v>
      </c>
      <c r="EF14" s="160">
        <v>25</v>
      </c>
      <c r="EG14" s="165">
        <v>64</v>
      </c>
      <c r="EH14" s="162">
        <v>0</v>
      </c>
      <c r="EI14" s="160">
        <v>188</v>
      </c>
      <c r="EJ14" s="160">
        <v>150</v>
      </c>
      <c r="EK14" s="160">
        <v>115</v>
      </c>
      <c r="EL14" s="160">
        <v>151</v>
      </c>
      <c r="EM14" s="160">
        <v>77</v>
      </c>
      <c r="EN14" s="165">
        <v>681</v>
      </c>
      <c r="EO14" s="164">
        <v>745</v>
      </c>
      <c r="EP14" s="159">
        <v>517</v>
      </c>
      <c r="EQ14" s="160">
        <v>581</v>
      </c>
      <c r="ER14" s="165">
        <v>1098</v>
      </c>
      <c r="ES14" s="162">
        <v>0</v>
      </c>
      <c r="ET14" s="160">
        <v>1900</v>
      </c>
      <c r="EU14" s="160">
        <v>1163</v>
      </c>
      <c r="EV14" s="160">
        <v>741</v>
      </c>
      <c r="EW14" s="160">
        <v>577</v>
      </c>
      <c r="EX14" s="160">
        <v>298</v>
      </c>
      <c r="EY14" s="165">
        <v>4679</v>
      </c>
      <c r="EZ14" s="164">
        <v>5777</v>
      </c>
    </row>
    <row r="15" spans="2:156" ht="21" customHeight="1" x14ac:dyDescent="0.2">
      <c r="B15" s="166" t="s">
        <v>12</v>
      </c>
      <c r="C15" s="159">
        <v>0</v>
      </c>
      <c r="D15" s="160">
        <v>0</v>
      </c>
      <c r="E15" s="161">
        <v>0</v>
      </c>
      <c r="F15" s="162">
        <v>0</v>
      </c>
      <c r="G15" s="160">
        <v>522</v>
      </c>
      <c r="H15" s="160">
        <v>505</v>
      </c>
      <c r="I15" s="160">
        <v>319</v>
      </c>
      <c r="J15" s="160">
        <v>292</v>
      </c>
      <c r="K15" s="160">
        <v>231</v>
      </c>
      <c r="L15" s="163">
        <v>1869</v>
      </c>
      <c r="M15" s="164">
        <v>1869</v>
      </c>
      <c r="N15" s="159">
        <v>0</v>
      </c>
      <c r="O15" s="160">
        <v>4</v>
      </c>
      <c r="P15" s="165">
        <v>4</v>
      </c>
      <c r="Q15" s="162">
        <v>0</v>
      </c>
      <c r="R15" s="160">
        <v>2</v>
      </c>
      <c r="S15" s="160">
        <v>16</v>
      </c>
      <c r="T15" s="160">
        <v>19</v>
      </c>
      <c r="U15" s="160">
        <v>67</v>
      </c>
      <c r="V15" s="160">
        <v>75</v>
      </c>
      <c r="W15" s="165">
        <v>179</v>
      </c>
      <c r="X15" s="164">
        <v>183</v>
      </c>
      <c r="Y15" s="159">
        <v>114</v>
      </c>
      <c r="Z15" s="160">
        <v>310</v>
      </c>
      <c r="AA15" s="165">
        <v>424</v>
      </c>
      <c r="AB15" s="162">
        <v>0</v>
      </c>
      <c r="AC15" s="160">
        <v>368</v>
      </c>
      <c r="AD15" s="160">
        <v>443</v>
      </c>
      <c r="AE15" s="160">
        <v>246</v>
      </c>
      <c r="AF15" s="160">
        <v>243</v>
      </c>
      <c r="AG15" s="160">
        <v>188</v>
      </c>
      <c r="AH15" s="165">
        <v>1488</v>
      </c>
      <c r="AI15" s="164">
        <v>1912</v>
      </c>
      <c r="AJ15" s="159">
        <v>4</v>
      </c>
      <c r="AK15" s="160">
        <v>32</v>
      </c>
      <c r="AL15" s="165">
        <v>36</v>
      </c>
      <c r="AM15" s="162">
        <v>0</v>
      </c>
      <c r="AN15" s="160">
        <v>17</v>
      </c>
      <c r="AO15" s="160">
        <v>47</v>
      </c>
      <c r="AP15" s="160">
        <v>24</v>
      </c>
      <c r="AQ15" s="160">
        <v>19</v>
      </c>
      <c r="AR15" s="160">
        <v>16</v>
      </c>
      <c r="AS15" s="165">
        <v>123</v>
      </c>
      <c r="AT15" s="164">
        <v>159</v>
      </c>
      <c r="AU15" s="159">
        <v>72</v>
      </c>
      <c r="AV15" s="160">
        <v>130</v>
      </c>
      <c r="AW15" s="165">
        <v>202</v>
      </c>
      <c r="AX15" s="162">
        <v>0</v>
      </c>
      <c r="AY15" s="160">
        <v>354</v>
      </c>
      <c r="AZ15" s="160">
        <v>437</v>
      </c>
      <c r="BA15" s="160">
        <v>391</v>
      </c>
      <c r="BB15" s="160">
        <v>471</v>
      </c>
      <c r="BC15" s="160">
        <v>369</v>
      </c>
      <c r="BD15" s="163">
        <v>2022</v>
      </c>
      <c r="BE15" s="164">
        <v>2224</v>
      </c>
      <c r="BF15" s="159">
        <v>0</v>
      </c>
      <c r="BG15" s="160">
        <v>0</v>
      </c>
      <c r="BH15" s="165">
        <v>0</v>
      </c>
      <c r="BI15" s="162">
        <v>0</v>
      </c>
      <c r="BJ15" s="160">
        <v>690</v>
      </c>
      <c r="BK15" s="160">
        <v>476</v>
      </c>
      <c r="BL15" s="160">
        <v>258</v>
      </c>
      <c r="BM15" s="160">
        <v>189</v>
      </c>
      <c r="BN15" s="160">
        <v>94</v>
      </c>
      <c r="BO15" s="165">
        <v>1707</v>
      </c>
      <c r="BP15" s="164">
        <v>1707</v>
      </c>
      <c r="BQ15" s="159">
        <v>98</v>
      </c>
      <c r="BR15" s="160">
        <v>138</v>
      </c>
      <c r="BS15" s="165">
        <v>236</v>
      </c>
      <c r="BT15" s="162">
        <v>0</v>
      </c>
      <c r="BU15" s="160">
        <v>123</v>
      </c>
      <c r="BV15" s="160">
        <v>190</v>
      </c>
      <c r="BW15" s="160">
        <v>123</v>
      </c>
      <c r="BX15" s="160">
        <v>69</v>
      </c>
      <c r="BY15" s="160">
        <v>30</v>
      </c>
      <c r="BZ15" s="165">
        <v>535</v>
      </c>
      <c r="CA15" s="164">
        <v>771</v>
      </c>
      <c r="CB15" s="159">
        <v>5</v>
      </c>
      <c r="CC15" s="160">
        <v>15</v>
      </c>
      <c r="CD15" s="165">
        <v>20</v>
      </c>
      <c r="CE15" s="162">
        <v>0</v>
      </c>
      <c r="CF15" s="160">
        <v>96</v>
      </c>
      <c r="CG15" s="160">
        <v>108</v>
      </c>
      <c r="CH15" s="160">
        <v>128</v>
      </c>
      <c r="CI15" s="160">
        <v>102</v>
      </c>
      <c r="CJ15" s="160">
        <v>53</v>
      </c>
      <c r="CK15" s="165">
        <v>487</v>
      </c>
      <c r="CL15" s="164">
        <v>507</v>
      </c>
      <c r="CM15" s="159">
        <v>0</v>
      </c>
      <c r="CN15" s="160">
        <v>1</v>
      </c>
      <c r="CO15" s="165">
        <v>1</v>
      </c>
      <c r="CP15" s="162">
        <v>0</v>
      </c>
      <c r="CQ15" s="160">
        <v>6</v>
      </c>
      <c r="CR15" s="160">
        <v>3</v>
      </c>
      <c r="CS15" s="160">
        <v>5</v>
      </c>
      <c r="CT15" s="160">
        <v>3</v>
      </c>
      <c r="CU15" s="160">
        <v>3</v>
      </c>
      <c r="CV15" s="165">
        <v>20</v>
      </c>
      <c r="CW15" s="164">
        <v>21</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498</v>
      </c>
      <c r="DU15" s="160">
        <v>955</v>
      </c>
      <c r="DV15" s="165">
        <v>1453</v>
      </c>
      <c r="DW15" s="162">
        <v>0</v>
      </c>
      <c r="DX15" s="160">
        <v>648</v>
      </c>
      <c r="DY15" s="160">
        <v>1066</v>
      </c>
      <c r="DZ15" s="160">
        <v>688</v>
      </c>
      <c r="EA15" s="160">
        <v>608</v>
      </c>
      <c r="EB15" s="160">
        <v>398</v>
      </c>
      <c r="EC15" s="165">
        <v>3408</v>
      </c>
      <c r="ED15" s="164">
        <v>4861</v>
      </c>
      <c r="EE15" s="159">
        <v>37</v>
      </c>
      <c r="EF15" s="160">
        <v>44</v>
      </c>
      <c r="EG15" s="165">
        <v>81</v>
      </c>
      <c r="EH15" s="162">
        <v>0</v>
      </c>
      <c r="EI15" s="160">
        <v>128</v>
      </c>
      <c r="EJ15" s="160">
        <v>122</v>
      </c>
      <c r="EK15" s="160">
        <v>116</v>
      </c>
      <c r="EL15" s="160">
        <v>127</v>
      </c>
      <c r="EM15" s="160">
        <v>73</v>
      </c>
      <c r="EN15" s="165">
        <v>566</v>
      </c>
      <c r="EO15" s="164">
        <v>647</v>
      </c>
      <c r="EP15" s="159">
        <v>655</v>
      </c>
      <c r="EQ15" s="160">
        <v>1156</v>
      </c>
      <c r="ER15" s="165">
        <v>1811</v>
      </c>
      <c r="ES15" s="162">
        <v>0</v>
      </c>
      <c r="ET15" s="160">
        <v>1566</v>
      </c>
      <c r="EU15" s="160">
        <v>1301</v>
      </c>
      <c r="EV15" s="160">
        <v>756</v>
      </c>
      <c r="EW15" s="160">
        <v>611</v>
      </c>
      <c r="EX15" s="160">
        <v>368</v>
      </c>
      <c r="EY15" s="165">
        <v>4602</v>
      </c>
      <c r="EZ15" s="164">
        <v>6413</v>
      </c>
    </row>
    <row r="16" spans="2:156" ht="21" customHeight="1" x14ac:dyDescent="0.2">
      <c r="B16" s="166" t="s">
        <v>13</v>
      </c>
      <c r="C16" s="159">
        <v>0</v>
      </c>
      <c r="D16" s="160">
        <v>0</v>
      </c>
      <c r="E16" s="161">
        <v>0</v>
      </c>
      <c r="F16" s="162">
        <v>0</v>
      </c>
      <c r="G16" s="160">
        <v>233</v>
      </c>
      <c r="H16" s="160">
        <v>229</v>
      </c>
      <c r="I16" s="160">
        <v>151</v>
      </c>
      <c r="J16" s="160">
        <v>108</v>
      </c>
      <c r="K16" s="160">
        <v>98</v>
      </c>
      <c r="L16" s="163">
        <v>819</v>
      </c>
      <c r="M16" s="164">
        <v>819</v>
      </c>
      <c r="N16" s="159">
        <v>0</v>
      </c>
      <c r="O16" s="160">
        <v>0</v>
      </c>
      <c r="P16" s="165">
        <v>0</v>
      </c>
      <c r="Q16" s="162">
        <v>0</v>
      </c>
      <c r="R16" s="160">
        <v>1</v>
      </c>
      <c r="S16" s="160">
        <v>4</v>
      </c>
      <c r="T16" s="160">
        <v>3</v>
      </c>
      <c r="U16" s="160">
        <v>19</v>
      </c>
      <c r="V16" s="160">
        <v>42</v>
      </c>
      <c r="W16" s="165">
        <v>69</v>
      </c>
      <c r="X16" s="164">
        <v>69</v>
      </c>
      <c r="Y16" s="159">
        <v>14</v>
      </c>
      <c r="Z16" s="160">
        <v>29</v>
      </c>
      <c r="AA16" s="165">
        <v>43</v>
      </c>
      <c r="AB16" s="162">
        <v>0</v>
      </c>
      <c r="AC16" s="160">
        <v>114</v>
      </c>
      <c r="AD16" s="160">
        <v>186</v>
      </c>
      <c r="AE16" s="160">
        <v>96</v>
      </c>
      <c r="AF16" s="160">
        <v>86</v>
      </c>
      <c r="AG16" s="160">
        <v>68</v>
      </c>
      <c r="AH16" s="165">
        <v>550</v>
      </c>
      <c r="AI16" s="164">
        <v>593</v>
      </c>
      <c r="AJ16" s="159">
        <v>2</v>
      </c>
      <c r="AK16" s="160">
        <v>5</v>
      </c>
      <c r="AL16" s="165">
        <v>7</v>
      </c>
      <c r="AM16" s="162">
        <v>0</v>
      </c>
      <c r="AN16" s="160">
        <v>19</v>
      </c>
      <c r="AO16" s="160">
        <v>22</v>
      </c>
      <c r="AP16" s="160">
        <v>18</v>
      </c>
      <c r="AQ16" s="160">
        <v>4</v>
      </c>
      <c r="AR16" s="160">
        <v>11</v>
      </c>
      <c r="AS16" s="165">
        <v>74</v>
      </c>
      <c r="AT16" s="164">
        <v>81</v>
      </c>
      <c r="AU16" s="159">
        <v>27</v>
      </c>
      <c r="AV16" s="160">
        <v>25</v>
      </c>
      <c r="AW16" s="165">
        <v>52</v>
      </c>
      <c r="AX16" s="162">
        <v>0</v>
      </c>
      <c r="AY16" s="160">
        <v>220</v>
      </c>
      <c r="AZ16" s="160">
        <v>223</v>
      </c>
      <c r="BA16" s="160">
        <v>204</v>
      </c>
      <c r="BB16" s="160">
        <v>198</v>
      </c>
      <c r="BC16" s="160">
        <v>181</v>
      </c>
      <c r="BD16" s="163">
        <v>1026</v>
      </c>
      <c r="BE16" s="164">
        <v>1078</v>
      </c>
      <c r="BF16" s="159">
        <v>0</v>
      </c>
      <c r="BG16" s="160">
        <v>0</v>
      </c>
      <c r="BH16" s="165">
        <v>0</v>
      </c>
      <c r="BI16" s="162">
        <v>0</v>
      </c>
      <c r="BJ16" s="160">
        <v>192</v>
      </c>
      <c r="BK16" s="160">
        <v>207</v>
      </c>
      <c r="BL16" s="160">
        <v>96</v>
      </c>
      <c r="BM16" s="160">
        <v>61</v>
      </c>
      <c r="BN16" s="160">
        <v>32</v>
      </c>
      <c r="BO16" s="165">
        <v>588</v>
      </c>
      <c r="BP16" s="164">
        <v>588</v>
      </c>
      <c r="BQ16" s="159">
        <v>11</v>
      </c>
      <c r="BR16" s="160">
        <v>19</v>
      </c>
      <c r="BS16" s="165">
        <v>30</v>
      </c>
      <c r="BT16" s="162">
        <v>0</v>
      </c>
      <c r="BU16" s="160">
        <v>40</v>
      </c>
      <c r="BV16" s="160">
        <v>40</v>
      </c>
      <c r="BW16" s="160">
        <v>24</v>
      </c>
      <c r="BX16" s="160">
        <v>17</v>
      </c>
      <c r="BY16" s="160">
        <v>13</v>
      </c>
      <c r="BZ16" s="165">
        <v>134</v>
      </c>
      <c r="CA16" s="164">
        <v>164</v>
      </c>
      <c r="CB16" s="159">
        <v>0</v>
      </c>
      <c r="CC16" s="160">
        <v>0</v>
      </c>
      <c r="CD16" s="165">
        <v>0</v>
      </c>
      <c r="CE16" s="162">
        <v>0</v>
      </c>
      <c r="CF16" s="160">
        <v>10</v>
      </c>
      <c r="CG16" s="160">
        <v>29</v>
      </c>
      <c r="CH16" s="160">
        <v>46</v>
      </c>
      <c r="CI16" s="160">
        <v>34</v>
      </c>
      <c r="CJ16" s="160">
        <v>31</v>
      </c>
      <c r="CK16" s="165">
        <v>150</v>
      </c>
      <c r="CL16" s="164">
        <v>150</v>
      </c>
      <c r="CM16" s="159">
        <v>0</v>
      </c>
      <c r="CN16" s="160">
        <v>0</v>
      </c>
      <c r="CO16" s="165">
        <v>0</v>
      </c>
      <c r="CP16" s="162">
        <v>0</v>
      </c>
      <c r="CQ16" s="160">
        <v>1</v>
      </c>
      <c r="CR16" s="160">
        <v>4</v>
      </c>
      <c r="CS16" s="160">
        <v>3</v>
      </c>
      <c r="CT16" s="160">
        <v>3</v>
      </c>
      <c r="CU16" s="160">
        <v>2</v>
      </c>
      <c r="CV16" s="165">
        <v>13</v>
      </c>
      <c r="CW16" s="164">
        <v>13</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8</v>
      </c>
      <c r="DU16" s="160">
        <v>175</v>
      </c>
      <c r="DV16" s="165">
        <v>253</v>
      </c>
      <c r="DW16" s="162">
        <v>0</v>
      </c>
      <c r="DX16" s="160">
        <v>271</v>
      </c>
      <c r="DY16" s="160">
        <v>434</v>
      </c>
      <c r="DZ16" s="160">
        <v>250</v>
      </c>
      <c r="EA16" s="160">
        <v>186</v>
      </c>
      <c r="EB16" s="160">
        <v>138</v>
      </c>
      <c r="EC16" s="165">
        <v>1279</v>
      </c>
      <c r="ED16" s="164">
        <v>1532</v>
      </c>
      <c r="EE16" s="159">
        <v>14</v>
      </c>
      <c r="EF16" s="160">
        <v>11</v>
      </c>
      <c r="EG16" s="165">
        <v>25</v>
      </c>
      <c r="EH16" s="162">
        <v>0</v>
      </c>
      <c r="EI16" s="160">
        <v>90</v>
      </c>
      <c r="EJ16" s="160">
        <v>67</v>
      </c>
      <c r="EK16" s="160">
        <v>76</v>
      </c>
      <c r="EL16" s="160">
        <v>69</v>
      </c>
      <c r="EM16" s="160">
        <v>52</v>
      </c>
      <c r="EN16" s="165">
        <v>354</v>
      </c>
      <c r="EO16" s="164">
        <v>379</v>
      </c>
      <c r="EP16" s="159">
        <v>98</v>
      </c>
      <c r="EQ16" s="160">
        <v>202</v>
      </c>
      <c r="ER16" s="165">
        <v>300</v>
      </c>
      <c r="ES16" s="162">
        <v>0</v>
      </c>
      <c r="ET16" s="160">
        <v>602</v>
      </c>
      <c r="EU16" s="160">
        <v>602</v>
      </c>
      <c r="EV16" s="160">
        <v>307</v>
      </c>
      <c r="EW16" s="160">
        <v>203</v>
      </c>
      <c r="EX16" s="160">
        <v>156</v>
      </c>
      <c r="EY16" s="165">
        <v>1870</v>
      </c>
      <c r="EZ16" s="164">
        <v>2170</v>
      </c>
    </row>
    <row r="17" spans="2:156" ht="21" customHeight="1" x14ac:dyDescent="0.2">
      <c r="B17" s="166" t="s">
        <v>15</v>
      </c>
      <c r="C17" s="159">
        <v>0</v>
      </c>
      <c r="D17" s="160">
        <v>0</v>
      </c>
      <c r="E17" s="161">
        <v>0</v>
      </c>
      <c r="F17" s="162">
        <v>0</v>
      </c>
      <c r="G17" s="160">
        <v>120</v>
      </c>
      <c r="H17" s="160">
        <v>173</v>
      </c>
      <c r="I17" s="160">
        <v>92</v>
      </c>
      <c r="J17" s="160">
        <v>60</v>
      </c>
      <c r="K17" s="160">
        <v>45</v>
      </c>
      <c r="L17" s="163">
        <v>490</v>
      </c>
      <c r="M17" s="164">
        <v>490</v>
      </c>
      <c r="N17" s="159">
        <v>0</v>
      </c>
      <c r="O17" s="160">
        <v>0</v>
      </c>
      <c r="P17" s="165">
        <v>0</v>
      </c>
      <c r="Q17" s="162">
        <v>0</v>
      </c>
      <c r="R17" s="160">
        <v>0</v>
      </c>
      <c r="S17" s="160">
        <v>4</v>
      </c>
      <c r="T17" s="160">
        <v>9</v>
      </c>
      <c r="U17" s="160">
        <v>16</v>
      </c>
      <c r="V17" s="160">
        <v>24</v>
      </c>
      <c r="W17" s="165">
        <v>53</v>
      </c>
      <c r="X17" s="164">
        <v>53</v>
      </c>
      <c r="Y17" s="159">
        <v>9</v>
      </c>
      <c r="Z17" s="160">
        <v>19</v>
      </c>
      <c r="AA17" s="165">
        <v>28</v>
      </c>
      <c r="AB17" s="162">
        <v>0</v>
      </c>
      <c r="AC17" s="160">
        <v>66</v>
      </c>
      <c r="AD17" s="160">
        <v>86</v>
      </c>
      <c r="AE17" s="160">
        <v>51</v>
      </c>
      <c r="AF17" s="160">
        <v>39</v>
      </c>
      <c r="AG17" s="160">
        <v>39</v>
      </c>
      <c r="AH17" s="165">
        <v>281</v>
      </c>
      <c r="AI17" s="164">
        <v>309</v>
      </c>
      <c r="AJ17" s="159">
        <v>0</v>
      </c>
      <c r="AK17" s="160">
        <v>2</v>
      </c>
      <c r="AL17" s="165">
        <v>2</v>
      </c>
      <c r="AM17" s="162">
        <v>0</v>
      </c>
      <c r="AN17" s="160">
        <v>11</v>
      </c>
      <c r="AO17" s="160">
        <v>15</v>
      </c>
      <c r="AP17" s="160">
        <v>4</v>
      </c>
      <c r="AQ17" s="160">
        <v>5</v>
      </c>
      <c r="AR17" s="160">
        <v>5</v>
      </c>
      <c r="AS17" s="165">
        <v>40</v>
      </c>
      <c r="AT17" s="164">
        <v>42</v>
      </c>
      <c r="AU17" s="159">
        <v>13</v>
      </c>
      <c r="AV17" s="160">
        <v>9</v>
      </c>
      <c r="AW17" s="165">
        <v>22</v>
      </c>
      <c r="AX17" s="162">
        <v>0</v>
      </c>
      <c r="AY17" s="160">
        <v>112</v>
      </c>
      <c r="AZ17" s="160">
        <v>123</v>
      </c>
      <c r="BA17" s="160">
        <v>106</v>
      </c>
      <c r="BB17" s="160">
        <v>118</v>
      </c>
      <c r="BC17" s="160">
        <v>78</v>
      </c>
      <c r="BD17" s="163">
        <v>537</v>
      </c>
      <c r="BE17" s="164">
        <v>559</v>
      </c>
      <c r="BF17" s="159">
        <v>0</v>
      </c>
      <c r="BG17" s="160">
        <v>0</v>
      </c>
      <c r="BH17" s="165">
        <v>0</v>
      </c>
      <c r="BI17" s="162">
        <v>0</v>
      </c>
      <c r="BJ17" s="160">
        <v>124</v>
      </c>
      <c r="BK17" s="160">
        <v>123</v>
      </c>
      <c r="BL17" s="160">
        <v>59</v>
      </c>
      <c r="BM17" s="160">
        <v>32</v>
      </c>
      <c r="BN17" s="160">
        <v>10</v>
      </c>
      <c r="BO17" s="165">
        <v>348</v>
      </c>
      <c r="BP17" s="164">
        <v>348</v>
      </c>
      <c r="BQ17" s="159">
        <v>3</v>
      </c>
      <c r="BR17" s="160">
        <v>6</v>
      </c>
      <c r="BS17" s="165">
        <v>9</v>
      </c>
      <c r="BT17" s="162">
        <v>0</v>
      </c>
      <c r="BU17" s="160">
        <v>32</v>
      </c>
      <c r="BV17" s="160">
        <v>37</v>
      </c>
      <c r="BW17" s="160">
        <v>22</v>
      </c>
      <c r="BX17" s="160">
        <v>13</v>
      </c>
      <c r="BY17" s="160">
        <v>7</v>
      </c>
      <c r="BZ17" s="165">
        <v>111</v>
      </c>
      <c r="CA17" s="164">
        <v>120</v>
      </c>
      <c r="CB17" s="159">
        <v>0</v>
      </c>
      <c r="CC17" s="160">
        <v>0</v>
      </c>
      <c r="CD17" s="165">
        <v>0</v>
      </c>
      <c r="CE17" s="162">
        <v>0</v>
      </c>
      <c r="CF17" s="160">
        <v>12</v>
      </c>
      <c r="CG17" s="160">
        <v>28</v>
      </c>
      <c r="CH17" s="160">
        <v>48</v>
      </c>
      <c r="CI17" s="160">
        <v>39</v>
      </c>
      <c r="CJ17" s="160">
        <v>19</v>
      </c>
      <c r="CK17" s="165">
        <v>146</v>
      </c>
      <c r="CL17" s="164">
        <v>146</v>
      </c>
      <c r="CM17" s="159">
        <v>0</v>
      </c>
      <c r="CN17" s="160">
        <v>0</v>
      </c>
      <c r="CO17" s="165">
        <v>0</v>
      </c>
      <c r="CP17" s="162">
        <v>0</v>
      </c>
      <c r="CQ17" s="160">
        <v>0</v>
      </c>
      <c r="CR17" s="160">
        <v>7</v>
      </c>
      <c r="CS17" s="160">
        <v>3</v>
      </c>
      <c r="CT17" s="160">
        <v>3</v>
      </c>
      <c r="CU17" s="160">
        <v>1</v>
      </c>
      <c r="CV17" s="165">
        <v>14</v>
      </c>
      <c r="CW17" s="164">
        <v>14</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76</v>
      </c>
      <c r="DU17" s="160">
        <v>173</v>
      </c>
      <c r="DV17" s="165">
        <v>249</v>
      </c>
      <c r="DW17" s="162">
        <v>0</v>
      </c>
      <c r="DX17" s="160">
        <v>227</v>
      </c>
      <c r="DY17" s="160">
        <v>369</v>
      </c>
      <c r="DZ17" s="160">
        <v>183</v>
      </c>
      <c r="EA17" s="160">
        <v>123</v>
      </c>
      <c r="EB17" s="160">
        <v>75</v>
      </c>
      <c r="EC17" s="165">
        <v>977</v>
      </c>
      <c r="ED17" s="164">
        <v>1226</v>
      </c>
      <c r="EE17" s="159">
        <v>21</v>
      </c>
      <c r="EF17" s="160">
        <v>10</v>
      </c>
      <c r="EG17" s="165">
        <v>31</v>
      </c>
      <c r="EH17" s="162">
        <v>0</v>
      </c>
      <c r="EI17" s="160">
        <v>52</v>
      </c>
      <c r="EJ17" s="160">
        <v>27</v>
      </c>
      <c r="EK17" s="160">
        <v>24</v>
      </c>
      <c r="EL17" s="160">
        <v>47</v>
      </c>
      <c r="EM17" s="160">
        <v>19</v>
      </c>
      <c r="EN17" s="165">
        <v>169</v>
      </c>
      <c r="EO17" s="164">
        <v>200</v>
      </c>
      <c r="EP17" s="159">
        <v>83</v>
      </c>
      <c r="EQ17" s="160">
        <v>181</v>
      </c>
      <c r="ER17" s="165">
        <v>264</v>
      </c>
      <c r="ES17" s="162">
        <v>0</v>
      </c>
      <c r="ET17" s="160">
        <v>448</v>
      </c>
      <c r="EU17" s="160">
        <v>487</v>
      </c>
      <c r="EV17" s="160">
        <v>238</v>
      </c>
      <c r="EW17" s="160">
        <v>153</v>
      </c>
      <c r="EX17" s="160">
        <v>86</v>
      </c>
      <c r="EY17" s="165">
        <v>1412</v>
      </c>
      <c r="EZ17" s="164">
        <v>1676</v>
      </c>
    </row>
    <row r="18" spans="2:156" ht="21" customHeight="1" x14ac:dyDescent="0.2">
      <c r="B18" s="166" t="s">
        <v>16</v>
      </c>
      <c r="C18" s="159">
        <v>0</v>
      </c>
      <c r="D18" s="160">
        <v>0</v>
      </c>
      <c r="E18" s="161">
        <v>0</v>
      </c>
      <c r="F18" s="162">
        <v>0</v>
      </c>
      <c r="G18" s="160">
        <v>186</v>
      </c>
      <c r="H18" s="160">
        <v>317</v>
      </c>
      <c r="I18" s="160">
        <v>163</v>
      </c>
      <c r="J18" s="160">
        <v>142</v>
      </c>
      <c r="K18" s="160">
        <v>83</v>
      </c>
      <c r="L18" s="163">
        <v>891</v>
      </c>
      <c r="M18" s="164">
        <v>891</v>
      </c>
      <c r="N18" s="159">
        <v>0</v>
      </c>
      <c r="O18" s="160">
        <v>0</v>
      </c>
      <c r="P18" s="165">
        <v>0</v>
      </c>
      <c r="Q18" s="162">
        <v>0</v>
      </c>
      <c r="R18" s="160">
        <v>2</v>
      </c>
      <c r="S18" s="160">
        <v>6</v>
      </c>
      <c r="T18" s="160">
        <v>10</v>
      </c>
      <c r="U18" s="160">
        <v>30</v>
      </c>
      <c r="V18" s="160">
        <v>42</v>
      </c>
      <c r="W18" s="165">
        <v>90</v>
      </c>
      <c r="X18" s="164">
        <v>90</v>
      </c>
      <c r="Y18" s="159">
        <v>34</v>
      </c>
      <c r="Z18" s="160">
        <v>65</v>
      </c>
      <c r="AA18" s="165">
        <v>99</v>
      </c>
      <c r="AB18" s="162">
        <v>0</v>
      </c>
      <c r="AC18" s="160">
        <v>165</v>
      </c>
      <c r="AD18" s="160">
        <v>318</v>
      </c>
      <c r="AE18" s="160">
        <v>160</v>
      </c>
      <c r="AF18" s="160">
        <v>168</v>
      </c>
      <c r="AG18" s="160">
        <v>111</v>
      </c>
      <c r="AH18" s="165">
        <v>922</v>
      </c>
      <c r="AI18" s="164">
        <v>1021</v>
      </c>
      <c r="AJ18" s="159">
        <v>6</v>
      </c>
      <c r="AK18" s="160">
        <v>10</v>
      </c>
      <c r="AL18" s="165">
        <v>16</v>
      </c>
      <c r="AM18" s="162">
        <v>0</v>
      </c>
      <c r="AN18" s="160">
        <v>8</v>
      </c>
      <c r="AO18" s="160">
        <v>35</v>
      </c>
      <c r="AP18" s="160">
        <v>13</v>
      </c>
      <c r="AQ18" s="160">
        <v>7</v>
      </c>
      <c r="AR18" s="160">
        <v>12</v>
      </c>
      <c r="AS18" s="165">
        <v>75</v>
      </c>
      <c r="AT18" s="164">
        <v>91</v>
      </c>
      <c r="AU18" s="159">
        <v>41</v>
      </c>
      <c r="AV18" s="160">
        <v>45</v>
      </c>
      <c r="AW18" s="165">
        <v>86</v>
      </c>
      <c r="AX18" s="162">
        <v>0</v>
      </c>
      <c r="AY18" s="160">
        <v>227</v>
      </c>
      <c r="AZ18" s="160">
        <v>356</v>
      </c>
      <c r="BA18" s="160">
        <v>272</v>
      </c>
      <c r="BB18" s="160">
        <v>312</v>
      </c>
      <c r="BC18" s="160">
        <v>199</v>
      </c>
      <c r="BD18" s="163">
        <v>1366</v>
      </c>
      <c r="BE18" s="164">
        <v>1452</v>
      </c>
      <c r="BF18" s="159">
        <v>0</v>
      </c>
      <c r="BG18" s="160">
        <v>0</v>
      </c>
      <c r="BH18" s="165">
        <v>0</v>
      </c>
      <c r="BI18" s="162">
        <v>0</v>
      </c>
      <c r="BJ18" s="160">
        <v>340</v>
      </c>
      <c r="BK18" s="160">
        <v>441</v>
      </c>
      <c r="BL18" s="160">
        <v>231</v>
      </c>
      <c r="BM18" s="160">
        <v>164</v>
      </c>
      <c r="BN18" s="160">
        <v>86</v>
      </c>
      <c r="BO18" s="165">
        <v>1262</v>
      </c>
      <c r="BP18" s="164">
        <v>1262</v>
      </c>
      <c r="BQ18" s="159">
        <v>48</v>
      </c>
      <c r="BR18" s="160">
        <v>111</v>
      </c>
      <c r="BS18" s="165">
        <v>159</v>
      </c>
      <c r="BT18" s="162">
        <v>0</v>
      </c>
      <c r="BU18" s="160">
        <v>184</v>
      </c>
      <c r="BV18" s="160">
        <v>275</v>
      </c>
      <c r="BW18" s="160">
        <v>100</v>
      </c>
      <c r="BX18" s="160">
        <v>55</v>
      </c>
      <c r="BY18" s="160">
        <v>20</v>
      </c>
      <c r="BZ18" s="165">
        <v>634</v>
      </c>
      <c r="CA18" s="164">
        <v>793</v>
      </c>
      <c r="CB18" s="159">
        <v>0</v>
      </c>
      <c r="CC18" s="160">
        <v>6</v>
      </c>
      <c r="CD18" s="165">
        <v>6</v>
      </c>
      <c r="CE18" s="162">
        <v>0</v>
      </c>
      <c r="CF18" s="160">
        <v>39</v>
      </c>
      <c r="CG18" s="160">
        <v>89</v>
      </c>
      <c r="CH18" s="160">
        <v>74</v>
      </c>
      <c r="CI18" s="160">
        <v>62</v>
      </c>
      <c r="CJ18" s="160">
        <v>29</v>
      </c>
      <c r="CK18" s="165">
        <v>293</v>
      </c>
      <c r="CL18" s="164">
        <v>299</v>
      </c>
      <c r="CM18" s="159">
        <v>0</v>
      </c>
      <c r="CN18" s="160">
        <v>0</v>
      </c>
      <c r="CO18" s="165">
        <v>0</v>
      </c>
      <c r="CP18" s="162">
        <v>0</v>
      </c>
      <c r="CQ18" s="160">
        <v>1</v>
      </c>
      <c r="CR18" s="160">
        <v>7</v>
      </c>
      <c r="CS18" s="160">
        <v>9</v>
      </c>
      <c r="CT18" s="160">
        <v>9</v>
      </c>
      <c r="CU18" s="160">
        <v>7</v>
      </c>
      <c r="CV18" s="165">
        <v>33</v>
      </c>
      <c r="CW18" s="164">
        <v>33</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2</v>
      </c>
      <c r="DU18" s="160">
        <v>412</v>
      </c>
      <c r="DV18" s="165">
        <v>574</v>
      </c>
      <c r="DW18" s="162">
        <v>0</v>
      </c>
      <c r="DX18" s="160">
        <v>421</v>
      </c>
      <c r="DY18" s="160">
        <v>901</v>
      </c>
      <c r="DZ18" s="160">
        <v>468</v>
      </c>
      <c r="EA18" s="160">
        <v>370</v>
      </c>
      <c r="EB18" s="160">
        <v>221</v>
      </c>
      <c r="EC18" s="165">
        <v>2381</v>
      </c>
      <c r="ED18" s="164">
        <v>2955</v>
      </c>
      <c r="EE18" s="159">
        <v>30</v>
      </c>
      <c r="EF18" s="160">
        <v>17</v>
      </c>
      <c r="EG18" s="165">
        <v>47</v>
      </c>
      <c r="EH18" s="162">
        <v>0</v>
      </c>
      <c r="EI18" s="160">
        <v>107</v>
      </c>
      <c r="EJ18" s="160">
        <v>118</v>
      </c>
      <c r="EK18" s="160">
        <v>89</v>
      </c>
      <c r="EL18" s="160">
        <v>123</v>
      </c>
      <c r="EM18" s="160">
        <v>69</v>
      </c>
      <c r="EN18" s="165">
        <v>506</v>
      </c>
      <c r="EO18" s="164">
        <v>553</v>
      </c>
      <c r="EP18" s="159">
        <v>226</v>
      </c>
      <c r="EQ18" s="160">
        <v>494</v>
      </c>
      <c r="ER18" s="165">
        <v>720</v>
      </c>
      <c r="ES18" s="162">
        <v>0</v>
      </c>
      <c r="ET18" s="160">
        <v>861</v>
      </c>
      <c r="EU18" s="160">
        <v>1214</v>
      </c>
      <c r="EV18" s="160">
        <v>566</v>
      </c>
      <c r="EW18" s="160">
        <v>400</v>
      </c>
      <c r="EX18" s="160">
        <v>219</v>
      </c>
      <c r="EY18" s="165">
        <v>3260</v>
      </c>
      <c r="EZ18" s="164">
        <v>3980</v>
      </c>
    </row>
    <row r="19" spans="2:156" ht="21" customHeight="1" x14ac:dyDescent="0.2">
      <c r="B19" s="166" t="s">
        <v>17</v>
      </c>
      <c r="C19" s="159">
        <v>0</v>
      </c>
      <c r="D19" s="160">
        <v>0</v>
      </c>
      <c r="E19" s="161">
        <v>0</v>
      </c>
      <c r="F19" s="162">
        <v>0</v>
      </c>
      <c r="G19" s="160">
        <v>216</v>
      </c>
      <c r="H19" s="160">
        <v>473</v>
      </c>
      <c r="I19" s="160">
        <v>314</v>
      </c>
      <c r="J19" s="160">
        <v>242</v>
      </c>
      <c r="K19" s="160">
        <v>148</v>
      </c>
      <c r="L19" s="163">
        <v>1393</v>
      </c>
      <c r="M19" s="164">
        <v>1393</v>
      </c>
      <c r="N19" s="159">
        <v>0</v>
      </c>
      <c r="O19" s="160">
        <v>1</v>
      </c>
      <c r="P19" s="165">
        <v>1</v>
      </c>
      <c r="Q19" s="162">
        <v>0</v>
      </c>
      <c r="R19" s="160">
        <v>0</v>
      </c>
      <c r="S19" s="160">
        <v>8</v>
      </c>
      <c r="T19" s="160">
        <v>19</v>
      </c>
      <c r="U19" s="160">
        <v>49</v>
      </c>
      <c r="V19" s="160">
        <v>78</v>
      </c>
      <c r="W19" s="165">
        <v>154</v>
      </c>
      <c r="X19" s="164">
        <v>155</v>
      </c>
      <c r="Y19" s="159">
        <v>38</v>
      </c>
      <c r="Z19" s="160">
        <v>100</v>
      </c>
      <c r="AA19" s="165">
        <v>138</v>
      </c>
      <c r="AB19" s="162">
        <v>0</v>
      </c>
      <c r="AC19" s="160">
        <v>196</v>
      </c>
      <c r="AD19" s="160">
        <v>397</v>
      </c>
      <c r="AE19" s="160">
        <v>258</v>
      </c>
      <c r="AF19" s="160">
        <v>205</v>
      </c>
      <c r="AG19" s="160">
        <v>131</v>
      </c>
      <c r="AH19" s="165">
        <v>1187</v>
      </c>
      <c r="AI19" s="164">
        <v>1325</v>
      </c>
      <c r="AJ19" s="159">
        <v>7</v>
      </c>
      <c r="AK19" s="160">
        <v>10</v>
      </c>
      <c r="AL19" s="165">
        <v>17</v>
      </c>
      <c r="AM19" s="162">
        <v>0</v>
      </c>
      <c r="AN19" s="160">
        <v>9</v>
      </c>
      <c r="AO19" s="160">
        <v>44</v>
      </c>
      <c r="AP19" s="160">
        <v>22</v>
      </c>
      <c r="AQ19" s="160">
        <v>27</v>
      </c>
      <c r="AR19" s="160">
        <v>21</v>
      </c>
      <c r="AS19" s="165">
        <v>123</v>
      </c>
      <c r="AT19" s="164">
        <v>140</v>
      </c>
      <c r="AU19" s="159">
        <v>47</v>
      </c>
      <c r="AV19" s="160">
        <v>63</v>
      </c>
      <c r="AW19" s="165">
        <v>110</v>
      </c>
      <c r="AX19" s="162">
        <v>0</v>
      </c>
      <c r="AY19" s="160">
        <v>244</v>
      </c>
      <c r="AZ19" s="160">
        <v>516</v>
      </c>
      <c r="BA19" s="160">
        <v>474</v>
      </c>
      <c r="BB19" s="160">
        <v>462</v>
      </c>
      <c r="BC19" s="160">
        <v>326</v>
      </c>
      <c r="BD19" s="163">
        <v>2022</v>
      </c>
      <c r="BE19" s="164">
        <v>2132</v>
      </c>
      <c r="BF19" s="159">
        <v>0</v>
      </c>
      <c r="BG19" s="160">
        <v>0</v>
      </c>
      <c r="BH19" s="165">
        <v>0</v>
      </c>
      <c r="BI19" s="162">
        <v>0</v>
      </c>
      <c r="BJ19" s="160">
        <v>332</v>
      </c>
      <c r="BK19" s="160">
        <v>535</v>
      </c>
      <c r="BL19" s="160">
        <v>331</v>
      </c>
      <c r="BM19" s="160">
        <v>181</v>
      </c>
      <c r="BN19" s="160">
        <v>101</v>
      </c>
      <c r="BO19" s="165">
        <v>1480</v>
      </c>
      <c r="BP19" s="164">
        <v>1480</v>
      </c>
      <c r="BQ19" s="159">
        <v>38</v>
      </c>
      <c r="BR19" s="160">
        <v>79</v>
      </c>
      <c r="BS19" s="165">
        <v>117</v>
      </c>
      <c r="BT19" s="162">
        <v>0</v>
      </c>
      <c r="BU19" s="160">
        <v>71</v>
      </c>
      <c r="BV19" s="160">
        <v>208</v>
      </c>
      <c r="BW19" s="160">
        <v>117</v>
      </c>
      <c r="BX19" s="160">
        <v>50</v>
      </c>
      <c r="BY19" s="160">
        <v>21</v>
      </c>
      <c r="BZ19" s="165">
        <v>467</v>
      </c>
      <c r="CA19" s="164">
        <v>584</v>
      </c>
      <c r="CB19" s="159">
        <v>1</v>
      </c>
      <c r="CC19" s="160">
        <v>5</v>
      </c>
      <c r="CD19" s="165">
        <v>6</v>
      </c>
      <c r="CE19" s="162">
        <v>0</v>
      </c>
      <c r="CF19" s="160">
        <v>34</v>
      </c>
      <c r="CG19" s="160">
        <v>96</v>
      </c>
      <c r="CH19" s="160">
        <v>106</v>
      </c>
      <c r="CI19" s="160">
        <v>88</v>
      </c>
      <c r="CJ19" s="160">
        <v>35</v>
      </c>
      <c r="CK19" s="165">
        <v>359</v>
      </c>
      <c r="CL19" s="164">
        <v>365</v>
      </c>
      <c r="CM19" s="159">
        <v>0</v>
      </c>
      <c r="CN19" s="160">
        <v>0</v>
      </c>
      <c r="CO19" s="165">
        <v>0</v>
      </c>
      <c r="CP19" s="162">
        <v>0</v>
      </c>
      <c r="CQ19" s="160">
        <v>3</v>
      </c>
      <c r="CR19" s="160">
        <v>16</v>
      </c>
      <c r="CS19" s="160">
        <v>12</v>
      </c>
      <c r="CT19" s="160">
        <v>12</v>
      </c>
      <c r="CU19" s="160">
        <v>5</v>
      </c>
      <c r="CV19" s="165">
        <v>48</v>
      </c>
      <c r="CW19" s="164">
        <v>48</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200</v>
      </c>
      <c r="DU19" s="160">
        <v>536</v>
      </c>
      <c r="DV19" s="165">
        <v>736</v>
      </c>
      <c r="DW19" s="162">
        <v>0</v>
      </c>
      <c r="DX19" s="160">
        <v>392</v>
      </c>
      <c r="DY19" s="160">
        <v>1235</v>
      </c>
      <c r="DZ19" s="160">
        <v>775</v>
      </c>
      <c r="EA19" s="160">
        <v>564</v>
      </c>
      <c r="EB19" s="160">
        <v>298</v>
      </c>
      <c r="EC19" s="165">
        <v>3264</v>
      </c>
      <c r="ED19" s="164">
        <v>4000</v>
      </c>
      <c r="EE19" s="159">
        <v>28</v>
      </c>
      <c r="EF19" s="160">
        <v>32</v>
      </c>
      <c r="EG19" s="165">
        <v>60</v>
      </c>
      <c r="EH19" s="162">
        <v>0</v>
      </c>
      <c r="EI19" s="160">
        <v>91</v>
      </c>
      <c r="EJ19" s="160">
        <v>141</v>
      </c>
      <c r="EK19" s="160">
        <v>90</v>
      </c>
      <c r="EL19" s="160">
        <v>105</v>
      </c>
      <c r="EM19" s="160">
        <v>71</v>
      </c>
      <c r="EN19" s="165">
        <v>498</v>
      </c>
      <c r="EO19" s="164">
        <v>558</v>
      </c>
      <c r="EP19" s="159">
        <v>265</v>
      </c>
      <c r="EQ19" s="160">
        <v>624</v>
      </c>
      <c r="ER19" s="165">
        <v>889</v>
      </c>
      <c r="ES19" s="162">
        <v>0</v>
      </c>
      <c r="ET19" s="160">
        <v>929</v>
      </c>
      <c r="EU19" s="160">
        <v>1610</v>
      </c>
      <c r="EV19" s="160">
        <v>896</v>
      </c>
      <c r="EW19" s="160">
        <v>610</v>
      </c>
      <c r="EX19" s="160">
        <v>308</v>
      </c>
      <c r="EY19" s="165">
        <v>4353</v>
      </c>
      <c r="EZ19" s="164">
        <v>5242</v>
      </c>
    </row>
    <row r="20" spans="2:156" ht="21" customHeight="1" x14ac:dyDescent="0.2">
      <c r="B20" s="166" t="s">
        <v>18</v>
      </c>
      <c r="C20" s="159">
        <v>0</v>
      </c>
      <c r="D20" s="160">
        <v>0</v>
      </c>
      <c r="E20" s="161">
        <v>0</v>
      </c>
      <c r="F20" s="162">
        <v>0</v>
      </c>
      <c r="G20" s="160">
        <v>454</v>
      </c>
      <c r="H20" s="160">
        <v>513</v>
      </c>
      <c r="I20" s="160">
        <v>316</v>
      </c>
      <c r="J20" s="160">
        <v>246</v>
      </c>
      <c r="K20" s="160">
        <v>203</v>
      </c>
      <c r="L20" s="163">
        <v>1732</v>
      </c>
      <c r="M20" s="164">
        <v>1732</v>
      </c>
      <c r="N20" s="159">
        <v>0</v>
      </c>
      <c r="O20" s="160">
        <v>0</v>
      </c>
      <c r="P20" s="165">
        <v>0</v>
      </c>
      <c r="Q20" s="162">
        <v>0</v>
      </c>
      <c r="R20" s="160">
        <v>5</v>
      </c>
      <c r="S20" s="160">
        <v>7</v>
      </c>
      <c r="T20" s="160">
        <v>20</v>
      </c>
      <c r="U20" s="160">
        <v>52</v>
      </c>
      <c r="V20" s="160">
        <v>82</v>
      </c>
      <c r="W20" s="165">
        <v>166</v>
      </c>
      <c r="X20" s="164">
        <v>166</v>
      </c>
      <c r="Y20" s="159">
        <v>58</v>
      </c>
      <c r="Z20" s="160">
        <v>124</v>
      </c>
      <c r="AA20" s="165">
        <v>182</v>
      </c>
      <c r="AB20" s="162">
        <v>0</v>
      </c>
      <c r="AC20" s="160">
        <v>348</v>
      </c>
      <c r="AD20" s="160">
        <v>414</v>
      </c>
      <c r="AE20" s="160">
        <v>262</v>
      </c>
      <c r="AF20" s="160">
        <v>199</v>
      </c>
      <c r="AG20" s="160">
        <v>156</v>
      </c>
      <c r="AH20" s="165">
        <v>1379</v>
      </c>
      <c r="AI20" s="164">
        <v>1561</v>
      </c>
      <c r="AJ20" s="159">
        <v>9</v>
      </c>
      <c r="AK20" s="160">
        <v>14</v>
      </c>
      <c r="AL20" s="165">
        <v>23</v>
      </c>
      <c r="AM20" s="162">
        <v>0</v>
      </c>
      <c r="AN20" s="160">
        <v>40</v>
      </c>
      <c r="AO20" s="160">
        <v>57</v>
      </c>
      <c r="AP20" s="160">
        <v>34</v>
      </c>
      <c r="AQ20" s="160">
        <v>19</v>
      </c>
      <c r="AR20" s="160">
        <v>15</v>
      </c>
      <c r="AS20" s="165">
        <v>165</v>
      </c>
      <c r="AT20" s="164">
        <v>188</v>
      </c>
      <c r="AU20" s="159">
        <v>58</v>
      </c>
      <c r="AV20" s="160">
        <v>75</v>
      </c>
      <c r="AW20" s="165">
        <v>133</v>
      </c>
      <c r="AX20" s="162">
        <v>0</v>
      </c>
      <c r="AY20" s="160">
        <v>497</v>
      </c>
      <c r="AZ20" s="160">
        <v>614</v>
      </c>
      <c r="BA20" s="160">
        <v>563</v>
      </c>
      <c r="BB20" s="160">
        <v>520</v>
      </c>
      <c r="BC20" s="160">
        <v>384</v>
      </c>
      <c r="BD20" s="163">
        <v>2578</v>
      </c>
      <c r="BE20" s="164">
        <v>2711</v>
      </c>
      <c r="BF20" s="159">
        <v>0</v>
      </c>
      <c r="BG20" s="160">
        <v>0</v>
      </c>
      <c r="BH20" s="165">
        <v>0</v>
      </c>
      <c r="BI20" s="162">
        <v>0</v>
      </c>
      <c r="BJ20" s="160">
        <v>720</v>
      </c>
      <c r="BK20" s="160">
        <v>651</v>
      </c>
      <c r="BL20" s="160">
        <v>378</v>
      </c>
      <c r="BM20" s="160">
        <v>213</v>
      </c>
      <c r="BN20" s="160">
        <v>93</v>
      </c>
      <c r="BO20" s="165">
        <v>2055</v>
      </c>
      <c r="BP20" s="164">
        <v>2055</v>
      </c>
      <c r="BQ20" s="159">
        <v>68</v>
      </c>
      <c r="BR20" s="160">
        <v>123</v>
      </c>
      <c r="BS20" s="165">
        <v>191</v>
      </c>
      <c r="BT20" s="162">
        <v>0</v>
      </c>
      <c r="BU20" s="160">
        <v>188</v>
      </c>
      <c r="BV20" s="160">
        <v>212</v>
      </c>
      <c r="BW20" s="160">
        <v>133</v>
      </c>
      <c r="BX20" s="160">
        <v>63</v>
      </c>
      <c r="BY20" s="160">
        <v>24</v>
      </c>
      <c r="BZ20" s="165">
        <v>620</v>
      </c>
      <c r="CA20" s="164">
        <v>811</v>
      </c>
      <c r="CB20" s="159">
        <v>2</v>
      </c>
      <c r="CC20" s="160">
        <v>4</v>
      </c>
      <c r="CD20" s="165">
        <v>6</v>
      </c>
      <c r="CE20" s="162">
        <v>0</v>
      </c>
      <c r="CF20" s="160">
        <v>52</v>
      </c>
      <c r="CG20" s="160">
        <v>86</v>
      </c>
      <c r="CH20" s="160">
        <v>125</v>
      </c>
      <c r="CI20" s="160">
        <v>107</v>
      </c>
      <c r="CJ20" s="160">
        <v>57</v>
      </c>
      <c r="CK20" s="165">
        <v>427</v>
      </c>
      <c r="CL20" s="164">
        <v>433</v>
      </c>
      <c r="CM20" s="159">
        <v>0</v>
      </c>
      <c r="CN20" s="160">
        <v>0</v>
      </c>
      <c r="CO20" s="165">
        <v>0</v>
      </c>
      <c r="CP20" s="162">
        <v>0</v>
      </c>
      <c r="CQ20" s="160">
        <v>2</v>
      </c>
      <c r="CR20" s="160">
        <v>9</v>
      </c>
      <c r="CS20" s="160">
        <v>4</v>
      </c>
      <c r="CT20" s="160">
        <v>2</v>
      </c>
      <c r="CU20" s="160">
        <v>1</v>
      </c>
      <c r="CV20" s="165">
        <v>18</v>
      </c>
      <c r="CW20" s="164">
        <v>18</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35</v>
      </c>
      <c r="DU20" s="160">
        <v>560</v>
      </c>
      <c r="DV20" s="165">
        <v>795</v>
      </c>
      <c r="DW20" s="162">
        <v>0</v>
      </c>
      <c r="DX20" s="160">
        <v>805</v>
      </c>
      <c r="DY20" s="160">
        <v>1163</v>
      </c>
      <c r="DZ20" s="160">
        <v>729</v>
      </c>
      <c r="EA20" s="160">
        <v>540</v>
      </c>
      <c r="EB20" s="160">
        <v>354</v>
      </c>
      <c r="EC20" s="165">
        <v>3591</v>
      </c>
      <c r="ED20" s="164">
        <v>4386</v>
      </c>
      <c r="EE20" s="159">
        <v>33</v>
      </c>
      <c r="EF20" s="160">
        <v>10</v>
      </c>
      <c r="EG20" s="165">
        <v>43</v>
      </c>
      <c r="EH20" s="162">
        <v>0</v>
      </c>
      <c r="EI20" s="160">
        <v>131</v>
      </c>
      <c r="EJ20" s="160">
        <v>114</v>
      </c>
      <c r="EK20" s="160">
        <v>111</v>
      </c>
      <c r="EL20" s="160">
        <v>112</v>
      </c>
      <c r="EM20" s="160">
        <v>72</v>
      </c>
      <c r="EN20" s="165">
        <v>540</v>
      </c>
      <c r="EO20" s="164">
        <v>583</v>
      </c>
      <c r="EP20" s="159">
        <v>337</v>
      </c>
      <c r="EQ20" s="160">
        <v>689</v>
      </c>
      <c r="ER20" s="165">
        <v>1026</v>
      </c>
      <c r="ES20" s="162">
        <v>0</v>
      </c>
      <c r="ET20" s="160">
        <v>1655</v>
      </c>
      <c r="EU20" s="160">
        <v>1544</v>
      </c>
      <c r="EV20" s="160">
        <v>861</v>
      </c>
      <c r="EW20" s="160">
        <v>576</v>
      </c>
      <c r="EX20" s="160">
        <v>352</v>
      </c>
      <c r="EY20" s="165">
        <v>4988</v>
      </c>
      <c r="EZ20" s="164">
        <v>6014</v>
      </c>
    </row>
    <row r="21" spans="2:156" ht="21" customHeight="1" x14ac:dyDescent="0.2">
      <c r="B21" s="166" t="s">
        <v>19</v>
      </c>
      <c r="C21" s="159">
        <v>0</v>
      </c>
      <c r="D21" s="160">
        <v>0</v>
      </c>
      <c r="E21" s="161">
        <v>0</v>
      </c>
      <c r="F21" s="162">
        <v>0</v>
      </c>
      <c r="G21" s="160">
        <v>199</v>
      </c>
      <c r="H21" s="160">
        <v>150</v>
      </c>
      <c r="I21" s="160">
        <v>108</v>
      </c>
      <c r="J21" s="160">
        <v>76</v>
      </c>
      <c r="K21" s="160">
        <v>57</v>
      </c>
      <c r="L21" s="163">
        <v>590</v>
      </c>
      <c r="M21" s="164">
        <v>590</v>
      </c>
      <c r="N21" s="159">
        <v>0</v>
      </c>
      <c r="O21" s="160">
        <v>0</v>
      </c>
      <c r="P21" s="165">
        <v>0</v>
      </c>
      <c r="Q21" s="162">
        <v>0</v>
      </c>
      <c r="R21" s="160">
        <v>4</v>
      </c>
      <c r="S21" s="160">
        <v>8</v>
      </c>
      <c r="T21" s="160">
        <v>11</v>
      </c>
      <c r="U21" s="160">
        <v>19</v>
      </c>
      <c r="V21" s="160">
        <v>25</v>
      </c>
      <c r="W21" s="165">
        <v>67</v>
      </c>
      <c r="X21" s="164">
        <v>67</v>
      </c>
      <c r="Y21" s="159">
        <v>38</v>
      </c>
      <c r="Z21" s="160">
        <v>60</v>
      </c>
      <c r="AA21" s="165">
        <v>98</v>
      </c>
      <c r="AB21" s="162">
        <v>0</v>
      </c>
      <c r="AC21" s="160">
        <v>181</v>
      </c>
      <c r="AD21" s="160">
        <v>157</v>
      </c>
      <c r="AE21" s="160">
        <v>121</v>
      </c>
      <c r="AF21" s="160">
        <v>74</v>
      </c>
      <c r="AG21" s="160">
        <v>64</v>
      </c>
      <c r="AH21" s="165">
        <v>597</v>
      </c>
      <c r="AI21" s="164">
        <v>695</v>
      </c>
      <c r="AJ21" s="159">
        <v>2</v>
      </c>
      <c r="AK21" s="160">
        <v>4</v>
      </c>
      <c r="AL21" s="165">
        <v>6</v>
      </c>
      <c r="AM21" s="162">
        <v>0</v>
      </c>
      <c r="AN21" s="160">
        <v>20</v>
      </c>
      <c r="AO21" s="160">
        <v>13</v>
      </c>
      <c r="AP21" s="160">
        <v>7</v>
      </c>
      <c r="AQ21" s="160">
        <v>12</v>
      </c>
      <c r="AR21" s="160">
        <v>4</v>
      </c>
      <c r="AS21" s="165">
        <v>56</v>
      </c>
      <c r="AT21" s="164">
        <v>62</v>
      </c>
      <c r="AU21" s="159">
        <v>46</v>
      </c>
      <c r="AV21" s="160">
        <v>46</v>
      </c>
      <c r="AW21" s="165">
        <v>92</v>
      </c>
      <c r="AX21" s="162">
        <v>0</v>
      </c>
      <c r="AY21" s="160">
        <v>217</v>
      </c>
      <c r="AZ21" s="160">
        <v>227</v>
      </c>
      <c r="BA21" s="160">
        <v>197</v>
      </c>
      <c r="BB21" s="160">
        <v>177</v>
      </c>
      <c r="BC21" s="160">
        <v>142</v>
      </c>
      <c r="BD21" s="163">
        <v>960</v>
      </c>
      <c r="BE21" s="164">
        <v>1052</v>
      </c>
      <c r="BF21" s="159">
        <v>0</v>
      </c>
      <c r="BG21" s="160">
        <v>0</v>
      </c>
      <c r="BH21" s="165">
        <v>0</v>
      </c>
      <c r="BI21" s="162">
        <v>0</v>
      </c>
      <c r="BJ21" s="160">
        <v>278</v>
      </c>
      <c r="BK21" s="160">
        <v>252</v>
      </c>
      <c r="BL21" s="160">
        <v>125</v>
      </c>
      <c r="BM21" s="160">
        <v>59</v>
      </c>
      <c r="BN21" s="160">
        <v>39</v>
      </c>
      <c r="BO21" s="165">
        <v>753</v>
      </c>
      <c r="BP21" s="164">
        <v>753</v>
      </c>
      <c r="BQ21" s="159">
        <v>40</v>
      </c>
      <c r="BR21" s="160">
        <v>71</v>
      </c>
      <c r="BS21" s="165">
        <v>111</v>
      </c>
      <c r="BT21" s="162">
        <v>0</v>
      </c>
      <c r="BU21" s="160">
        <v>136</v>
      </c>
      <c r="BV21" s="160">
        <v>111</v>
      </c>
      <c r="BW21" s="160">
        <v>63</v>
      </c>
      <c r="BX21" s="160">
        <v>28</v>
      </c>
      <c r="BY21" s="160">
        <v>7</v>
      </c>
      <c r="BZ21" s="165">
        <v>345</v>
      </c>
      <c r="CA21" s="164">
        <v>456</v>
      </c>
      <c r="CB21" s="159">
        <v>1</v>
      </c>
      <c r="CC21" s="160">
        <v>5</v>
      </c>
      <c r="CD21" s="165">
        <v>6</v>
      </c>
      <c r="CE21" s="162">
        <v>0</v>
      </c>
      <c r="CF21" s="160">
        <v>29</v>
      </c>
      <c r="CG21" s="160">
        <v>57</v>
      </c>
      <c r="CH21" s="160">
        <v>51</v>
      </c>
      <c r="CI21" s="160">
        <v>17</v>
      </c>
      <c r="CJ21" s="160">
        <v>9</v>
      </c>
      <c r="CK21" s="165">
        <v>163</v>
      </c>
      <c r="CL21" s="164">
        <v>169</v>
      </c>
      <c r="CM21" s="159">
        <v>0</v>
      </c>
      <c r="CN21" s="160">
        <v>0</v>
      </c>
      <c r="CO21" s="165">
        <v>0</v>
      </c>
      <c r="CP21" s="162">
        <v>0</v>
      </c>
      <c r="CQ21" s="160">
        <v>6</v>
      </c>
      <c r="CR21" s="160">
        <v>11</v>
      </c>
      <c r="CS21" s="160">
        <v>15</v>
      </c>
      <c r="CT21" s="160">
        <v>10</v>
      </c>
      <c r="CU21" s="160">
        <v>3</v>
      </c>
      <c r="CV21" s="165">
        <v>45</v>
      </c>
      <c r="CW21" s="164">
        <v>45</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63</v>
      </c>
      <c r="DU21" s="160">
        <v>245</v>
      </c>
      <c r="DV21" s="165">
        <v>408</v>
      </c>
      <c r="DW21" s="162">
        <v>0</v>
      </c>
      <c r="DX21" s="160">
        <v>447</v>
      </c>
      <c r="DY21" s="160">
        <v>433</v>
      </c>
      <c r="DZ21" s="160">
        <v>274</v>
      </c>
      <c r="EA21" s="160">
        <v>188</v>
      </c>
      <c r="EB21" s="160">
        <v>119</v>
      </c>
      <c r="EC21" s="165">
        <v>1461</v>
      </c>
      <c r="ED21" s="164">
        <v>1869</v>
      </c>
      <c r="EE21" s="159">
        <v>16</v>
      </c>
      <c r="EF21" s="160">
        <v>18</v>
      </c>
      <c r="EG21" s="165">
        <v>34</v>
      </c>
      <c r="EH21" s="162">
        <v>0</v>
      </c>
      <c r="EI21" s="160">
        <v>65</v>
      </c>
      <c r="EJ21" s="160">
        <v>55</v>
      </c>
      <c r="EK21" s="160">
        <v>61</v>
      </c>
      <c r="EL21" s="160">
        <v>46</v>
      </c>
      <c r="EM21" s="160">
        <v>35</v>
      </c>
      <c r="EN21" s="165">
        <v>262</v>
      </c>
      <c r="EO21" s="164">
        <v>296</v>
      </c>
      <c r="EP21" s="159">
        <v>220</v>
      </c>
      <c r="EQ21" s="160">
        <v>316</v>
      </c>
      <c r="ER21" s="165">
        <v>536</v>
      </c>
      <c r="ES21" s="162">
        <v>0</v>
      </c>
      <c r="ET21" s="160">
        <v>778</v>
      </c>
      <c r="EU21" s="160">
        <v>594</v>
      </c>
      <c r="EV21" s="160">
        <v>315</v>
      </c>
      <c r="EW21" s="160">
        <v>181</v>
      </c>
      <c r="EX21" s="160">
        <v>105</v>
      </c>
      <c r="EY21" s="165">
        <v>1973</v>
      </c>
      <c r="EZ21" s="164">
        <v>2509</v>
      </c>
    </row>
    <row r="22" spans="2:156" ht="21" customHeight="1" x14ac:dyDescent="0.2">
      <c r="B22" s="166" t="s">
        <v>20</v>
      </c>
      <c r="C22" s="159">
        <v>0</v>
      </c>
      <c r="D22" s="160">
        <v>0</v>
      </c>
      <c r="E22" s="161">
        <v>0</v>
      </c>
      <c r="F22" s="162">
        <v>0</v>
      </c>
      <c r="G22" s="160">
        <v>294</v>
      </c>
      <c r="H22" s="160">
        <v>218</v>
      </c>
      <c r="I22" s="160">
        <v>153</v>
      </c>
      <c r="J22" s="160">
        <v>107</v>
      </c>
      <c r="K22" s="160">
        <v>88</v>
      </c>
      <c r="L22" s="163">
        <v>860</v>
      </c>
      <c r="M22" s="164">
        <v>860</v>
      </c>
      <c r="N22" s="159">
        <v>0</v>
      </c>
      <c r="O22" s="160">
        <v>0</v>
      </c>
      <c r="P22" s="165">
        <v>0</v>
      </c>
      <c r="Q22" s="162">
        <v>0</v>
      </c>
      <c r="R22" s="160">
        <v>4</v>
      </c>
      <c r="S22" s="160">
        <v>7</v>
      </c>
      <c r="T22" s="160">
        <v>8</v>
      </c>
      <c r="U22" s="160">
        <v>26</v>
      </c>
      <c r="V22" s="160">
        <v>31</v>
      </c>
      <c r="W22" s="165">
        <v>76</v>
      </c>
      <c r="X22" s="164">
        <v>76</v>
      </c>
      <c r="Y22" s="159">
        <v>42</v>
      </c>
      <c r="Z22" s="160">
        <v>92</v>
      </c>
      <c r="AA22" s="165">
        <v>134</v>
      </c>
      <c r="AB22" s="162">
        <v>0</v>
      </c>
      <c r="AC22" s="160">
        <v>264</v>
      </c>
      <c r="AD22" s="160">
        <v>224</v>
      </c>
      <c r="AE22" s="160">
        <v>133</v>
      </c>
      <c r="AF22" s="160">
        <v>92</v>
      </c>
      <c r="AG22" s="160">
        <v>54</v>
      </c>
      <c r="AH22" s="165">
        <v>767</v>
      </c>
      <c r="AI22" s="164">
        <v>901</v>
      </c>
      <c r="AJ22" s="159">
        <v>11</v>
      </c>
      <c r="AK22" s="160">
        <v>46</v>
      </c>
      <c r="AL22" s="165">
        <v>57</v>
      </c>
      <c r="AM22" s="162">
        <v>0</v>
      </c>
      <c r="AN22" s="160">
        <v>66</v>
      </c>
      <c r="AO22" s="160">
        <v>66</v>
      </c>
      <c r="AP22" s="160">
        <v>41</v>
      </c>
      <c r="AQ22" s="160">
        <v>24</v>
      </c>
      <c r="AR22" s="160">
        <v>17</v>
      </c>
      <c r="AS22" s="165">
        <v>214</v>
      </c>
      <c r="AT22" s="164">
        <v>271</v>
      </c>
      <c r="AU22" s="159">
        <v>26</v>
      </c>
      <c r="AV22" s="160">
        <v>43</v>
      </c>
      <c r="AW22" s="165">
        <v>69</v>
      </c>
      <c r="AX22" s="162">
        <v>0</v>
      </c>
      <c r="AY22" s="160">
        <v>259</v>
      </c>
      <c r="AZ22" s="160">
        <v>247</v>
      </c>
      <c r="BA22" s="160">
        <v>269</v>
      </c>
      <c r="BB22" s="160">
        <v>203</v>
      </c>
      <c r="BC22" s="160">
        <v>171</v>
      </c>
      <c r="BD22" s="163">
        <v>1149</v>
      </c>
      <c r="BE22" s="164">
        <v>1218</v>
      </c>
      <c r="BF22" s="159">
        <v>0</v>
      </c>
      <c r="BG22" s="160">
        <v>0</v>
      </c>
      <c r="BH22" s="165">
        <v>0</v>
      </c>
      <c r="BI22" s="162">
        <v>0</v>
      </c>
      <c r="BJ22" s="160">
        <v>393</v>
      </c>
      <c r="BK22" s="160">
        <v>260</v>
      </c>
      <c r="BL22" s="160">
        <v>157</v>
      </c>
      <c r="BM22" s="160">
        <v>80</v>
      </c>
      <c r="BN22" s="160">
        <v>33</v>
      </c>
      <c r="BO22" s="165">
        <v>923</v>
      </c>
      <c r="BP22" s="164">
        <v>923</v>
      </c>
      <c r="BQ22" s="159">
        <v>17</v>
      </c>
      <c r="BR22" s="160">
        <v>34</v>
      </c>
      <c r="BS22" s="165">
        <v>51</v>
      </c>
      <c r="BT22" s="162">
        <v>0</v>
      </c>
      <c r="BU22" s="160">
        <v>127</v>
      </c>
      <c r="BV22" s="160">
        <v>94</v>
      </c>
      <c r="BW22" s="160">
        <v>50</v>
      </c>
      <c r="BX22" s="160">
        <v>42</v>
      </c>
      <c r="BY22" s="160">
        <v>16</v>
      </c>
      <c r="BZ22" s="165">
        <v>329</v>
      </c>
      <c r="CA22" s="164">
        <v>380</v>
      </c>
      <c r="CB22" s="159">
        <v>1</v>
      </c>
      <c r="CC22" s="160">
        <v>4</v>
      </c>
      <c r="CD22" s="165">
        <v>5</v>
      </c>
      <c r="CE22" s="162">
        <v>0</v>
      </c>
      <c r="CF22" s="160">
        <v>45</v>
      </c>
      <c r="CG22" s="160">
        <v>65</v>
      </c>
      <c r="CH22" s="160">
        <v>84</v>
      </c>
      <c r="CI22" s="160">
        <v>53</v>
      </c>
      <c r="CJ22" s="160">
        <v>26</v>
      </c>
      <c r="CK22" s="165">
        <v>273</v>
      </c>
      <c r="CL22" s="164">
        <v>278</v>
      </c>
      <c r="CM22" s="159">
        <v>0</v>
      </c>
      <c r="CN22" s="160">
        <v>0</v>
      </c>
      <c r="CO22" s="165">
        <v>0</v>
      </c>
      <c r="CP22" s="162">
        <v>0</v>
      </c>
      <c r="CQ22" s="160">
        <v>3</v>
      </c>
      <c r="CR22" s="160">
        <v>4</v>
      </c>
      <c r="CS22" s="160">
        <v>5</v>
      </c>
      <c r="CT22" s="160">
        <v>10</v>
      </c>
      <c r="CU22" s="160">
        <v>4</v>
      </c>
      <c r="CV22" s="165">
        <v>26</v>
      </c>
      <c r="CW22" s="164">
        <v>26</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68</v>
      </c>
      <c r="DU22" s="160">
        <v>339</v>
      </c>
      <c r="DV22" s="165">
        <v>507</v>
      </c>
      <c r="DW22" s="162">
        <v>0</v>
      </c>
      <c r="DX22" s="160">
        <v>611</v>
      </c>
      <c r="DY22" s="160">
        <v>504</v>
      </c>
      <c r="DZ22" s="160">
        <v>339</v>
      </c>
      <c r="EA22" s="160">
        <v>247</v>
      </c>
      <c r="EB22" s="160">
        <v>140</v>
      </c>
      <c r="EC22" s="165">
        <v>1841</v>
      </c>
      <c r="ED22" s="164">
        <v>2348</v>
      </c>
      <c r="EE22" s="159">
        <v>12</v>
      </c>
      <c r="EF22" s="160">
        <v>11</v>
      </c>
      <c r="EG22" s="165">
        <v>23</v>
      </c>
      <c r="EH22" s="162">
        <v>0</v>
      </c>
      <c r="EI22" s="160">
        <v>78</v>
      </c>
      <c r="EJ22" s="160">
        <v>54</v>
      </c>
      <c r="EK22" s="160">
        <v>61</v>
      </c>
      <c r="EL22" s="160">
        <v>55</v>
      </c>
      <c r="EM22" s="160">
        <v>35</v>
      </c>
      <c r="EN22" s="165">
        <v>283</v>
      </c>
      <c r="EO22" s="164">
        <v>306</v>
      </c>
      <c r="EP22" s="159">
        <v>220</v>
      </c>
      <c r="EQ22" s="160">
        <v>424</v>
      </c>
      <c r="ER22" s="165">
        <v>644</v>
      </c>
      <c r="ES22" s="162">
        <v>0</v>
      </c>
      <c r="ET22" s="160">
        <v>1137</v>
      </c>
      <c r="EU22" s="160">
        <v>720</v>
      </c>
      <c r="EV22" s="160">
        <v>425</v>
      </c>
      <c r="EW22" s="160">
        <v>280</v>
      </c>
      <c r="EX22" s="160">
        <v>150</v>
      </c>
      <c r="EY22" s="165">
        <v>2712</v>
      </c>
      <c r="EZ22" s="164">
        <v>3356</v>
      </c>
    </row>
    <row r="23" spans="2:156" ht="21" customHeight="1" x14ac:dyDescent="0.2">
      <c r="B23" s="166" t="s">
        <v>21</v>
      </c>
      <c r="C23" s="159">
        <v>0</v>
      </c>
      <c r="D23" s="160">
        <v>0</v>
      </c>
      <c r="E23" s="161">
        <v>0</v>
      </c>
      <c r="F23" s="162">
        <v>0</v>
      </c>
      <c r="G23" s="160">
        <v>280</v>
      </c>
      <c r="H23" s="160">
        <v>343</v>
      </c>
      <c r="I23" s="160">
        <v>219</v>
      </c>
      <c r="J23" s="160">
        <v>122</v>
      </c>
      <c r="K23" s="160">
        <v>110</v>
      </c>
      <c r="L23" s="163">
        <v>1074</v>
      </c>
      <c r="M23" s="164">
        <v>1074</v>
      </c>
      <c r="N23" s="159">
        <v>0</v>
      </c>
      <c r="O23" s="160">
        <v>0</v>
      </c>
      <c r="P23" s="165">
        <v>0</v>
      </c>
      <c r="Q23" s="162">
        <v>0</v>
      </c>
      <c r="R23" s="160">
        <v>0</v>
      </c>
      <c r="S23" s="160">
        <v>5</v>
      </c>
      <c r="T23" s="160">
        <v>11</v>
      </c>
      <c r="U23" s="160">
        <v>25</v>
      </c>
      <c r="V23" s="160">
        <v>41</v>
      </c>
      <c r="W23" s="165">
        <v>82</v>
      </c>
      <c r="X23" s="164">
        <v>82</v>
      </c>
      <c r="Y23" s="159">
        <v>55</v>
      </c>
      <c r="Z23" s="160">
        <v>101</v>
      </c>
      <c r="AA23" s="165">
        <v>156</v>
      </c>
      <c r="AB23" s="162">
        <v>0</v>
      </c>
      <c r="AC23" s="160">
        <v>231</v>
      </c>
      <c r="AD23" s="160">
        <v>279</v>
      </c>
      <c r="AE23" s="160">
        <v>185</v>
      </c>
      <c r="AF23" s="160">
        <v>131</v>
      </c>
      <c r="AG23" s="160">
        <v>83</v>
      </c>
      <c r="AH23" s="165">
        <v>909</v>
      </c>
      <c r="AI23" s="164">
        <v>1065</v>
      </c>
      <c r="AJ23" s="159">
        <v>19</v>
      </c>
      <c r="AK23" s="160">
        <v>33</v>
      </c>
      <c r="AL23" s="165">
        <v>52</v>
      </c>
      <c r="AM23" s="162">
        <v>0</v>
      </c>
      <c r="AN23" s="160">
        <v>21</v>
      </c>
      <c r="AO23" s="160">
        <v>44</v>
      </c>
      <c r="AP23" s="160">
        <v>24</v>
      </c>
      <c r="AQ23" s="160">
        <v>9</v>
      </c>
      <c r="AR23" s="160">
        <v>8</v>
      </c>
      <c r="AS23" s="165">
        <v>106</v>
      </c>
      <c r="AT23" s="164">
        <v>158</v>
      </c>
      <c r="AU23" s="159">
        <v>43</v>
      </c>
      <c r="AV23" s="160">
        <v>46</v>
      </c>
      <c r="AW23" s="165">
        <v>89</v>
      </c>
      <c r="AX23" s="162">
        <v>0</v>
      </c>
      <c r="AY23" s="160">
        <v>285</v>
      </c>
      <c r="AZ23" s="160">
        <v>364</v>
      </c>
      <c r="BA23" s="160">
        <v>322</v>
      </c>
      <c r="BB23" s="160">
        <v>258</v>
      </c>
      <c r="BC23" s="160">
        <v>193</v>
      </c>
      <c r="BD23" s="163">
        <v>1422</v>
      </c>
      <c r="BE23" s="164">
        <v>1511</v>
      </c>
      <c r="BF23" s="159">
        <v>0</v>
      </c>
      <c r="BG23" s="160">
        <v>0</v>
      </c>
      <c r="BH23" s="165">
        <v>0</v>
      </c>
      <c r="BI23" s="162">
        <v>0</v>
      </c>
      <c r="BJ23" s="160">
        <v>349</v>
      </c>
      <c r="BK23" s="160">
        <v>376</v>
      </c>
      <c r="BL23" s="160">
        <v>220</v>
      </c>
      <c r="BM23" s="160">
        <v>89</v>
      </c>
      <c r="BN23" s="160">
        <v>37</v>
      </c>
      <c r="BO23" s="165">
        <v>1071</v>
      </c>
      <c r="BP23" s="164">
        <v>1071</v>
      </c>
      <c r="BQ23" s="159">
        <v>23</v>
      </c>
      <c r="BR23" s="160">
        <v>34</v>
      </c>
      <c r="BS23" s="165">
        <v>57</v>
      </c>
      <c r="BT23" s="162">
        <v>0</v>
      </c>
      <c r="BU23" s="160">
        <v>66</v>
      </c>
      <c r="BV23" s="160">
        <v>62</v>
      </c>
      <c r="BW23" s="160">
        <v>45</v>
      </c>
      <c r="BX23" s="160">
        <v>19</v>
      </c>
      <c r="BY23" s="160">
        <v>7</v>
      </c>
      <c r="BZ23" s="165">
        <v>199</v>
      </c>
      <c r="CA23" s="164">
        <v>256</v>
      </c>
      <c r="CB23" s="159">
        <v>1</v>
      </c>
      <c r="CC23" s="160">
        <v>1</v>
      </c>
      <c r="CD23" s="165">
        <v>2</v>
      </c>
      <c r="CE23" s="162">
        <v>0</v>
      </c>
      <c r="CF23" s="160">
        <v>35</v>
      </c>
      <c r="CG23" s="160">
        <v>52</v>
      </c>
      <c r="CH23" s="160">
        <v>74</v>
      </c>
      <c r="CI23" s="160">
        <v>51</v>
      </c>
      <c r="CJ23" s="160">
        <v>24</v>
      </c>
      <c r="CK23" s="165">
        <v>236</v>
      </c>
      <c r="CL23" s="164">
        <v>238</v>
      </c>
      <c r="CM23" s="159">
        <v>0</v>
      </c>
      <c r="CN23" s="160">
        <v>1</v>
      </c>
      <c r="CO23" s="165">
        <v>1</v>
      </c>
      <c r="CP23" s="162">
        <v>0</v>
      </c>
      <c r="CQ23" s="160">
        <v>1</v>
      </c>
      <c r="CR23" s="160">
        <v>4</v>
      </c>
      <c r="CS23" s="160">
        <v>3</v>
      </c>
      <c r="CT23" s="160">
        <v>2</v>
      </c>
      <c r="CU23" s="160">
        <v>2</v>
      </c>
      <c r="CV23" s="165">
        <v>12</v>
      </c>
      <c r="CW23" s="164">
        <v>13</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18</v>
      </c>
      <c r="DU23" s="160">
        <v>344</v>
      </c>
      <c r="DV23" s="165">
        <v>562</v>
      </c>
      <c r="DW23" s="162">
        <v>0</v>
      </c>
      <c r="DX23" s="160">
        <v>406</v>
      </c>
      <c r="DY23" s="160">
        <v>683</v>
      </c>
      <c r="DZ23" s="160">
        <v>432</v>
      </c>
      <c r="EA23" s="160">
        <v>253</v>
      </c>
      <c r="EB23" s="160">
        <v>163</v>
      </c>
      <c r="EC23" s="165">
        <v>1937</v>
      </c>
      <c r="ED23" s="164">
        <v>2499</v>
      </c>
      <c r="EE23" s="159">
        <v>20</v>
      </c>
      <c r="EF23" s="160">
        <v>13</v>
      </c>
      <c r="EG23" s="165">
        <v>33</v>
      </c>
      <c r="EH23" s="162">
        <v>0</v>
      </c>
      <c r="EI23" s="160">
        <v>77</v>
      </c>
      <c r="EJ23" s="160">
        <v>63</v>
      </c>
      <c r="EK23" s="160">
        <v>60</v>
      </c>
      <c r="EL23" s="160">
        <v>69</v>
      </c>
      <c r="EM23" s="160">
        <v>40</v>
      </c>
      <c r="EN23" s="165">
        <v>309</v>
      </c>
      <c r="EO23" s="164">
        <v>342</v>
      </c>
      <c r="EP23" s="159">
        <v>287</v>
      </c>
      <c r="EQ23" s="160">
        <v>429</v>
      </c>
      <c r="ER23" s="165">
        <v>716</v>
      </c>
      <c r="ES23" s="162">
        <v>0</v>
      </c>
      <c r="ET23" s="160">
        <v>904</v>
      </c>
      <c r="EU23" s="160">
        <v>923</v>
      </c>
      <c r="EV23" s="160">
        <v>508</v>
      </c>
      <c r="EW23" s="160">
        <v>277</v>
      </c>
      <c r="EX23" s="160">
        <v>171</v>
      </c>
      <c r="EY23" s="165">
        <v>2783</v>
      </c>
      <c r="EZ23" s="164">
        <v>3499</v>
      </c>
    </row>
    <row r="24" spans="2:156" ht="21" customHeight="1" x14ac:dyDescent="0.2">
      <c r="B24" s="166" t="s">
        <v>22</v>
      </c>
      <c r="C24" s="159">
        <v>0</v>
      </c>
      <c r="D24" s="160">
        <v>0</v>
      </c>
      <c r="E24" s="161">
        <v>0</v>
      </c>
      <c r="F24" s="162">
        <v>0</v>
      </c>
      <c r="G24" s="160">
        <v>70</v>
      </c>
      <c r="H24" s="160">
        <v>73</v>
      </c>
      <c r="I24" s="160">
        <v>35</v>
      </c>
      <c r="J24" s="160">
        <v>40</v>
      </c>
      <c r="K24" s="160">
        <v>34</v>
      </c>
      <c r="L24" s="163">
        <v>252</v>
      </c>
      <c r="M24" s="164">
        <v>252</v>
      </c>
      <c r="N24" s="159">
        <v>0</v>
      </c>
      <c r="O24" s="160">
        <v>0</v>
      </c>
      <c r="P24" s="165">
        <v>0</v>
      </c>
      <c r="Q24" s="162">
        <v>0</v>
      </c>
      <c r="R24" s="160">
        <v>1</v>
      </c>
      <c r="S24" s="160">
        <v>2</v>
      </c>
      <c r="T24" s="160">
        <v>1</v>
      </c>
      <c r="U24" s="160">
        <v>12</v>
      </c>
      <c r="V24" s="160">
        <v>21</v>
      </c>
      <c r="W24" s="165">
        <v>37</v>
      </c>
      <c r="X24" s="164">
        <v>37</v>
      </c>
      <c r="Y24" s="159">
        <v>7</v>
      </c>
      <c r="Z24" s="160">
        <v>17</v>
      </c>
      <c r="AA24" s="165">
        <v>24</v>
      </c>
      <c r="AB24" s="162">
        <v>0</v>
      </c>
      <c r="AC24" s="160">
        <v>54</v>
      </c>
      <c r="AD24" s="160">
        <v>77</v>
      </c>
      <c r="AE24" s="160">
        <v>32</v>
      </c>
      <c r="AF24" s="160">
        <v>49</v>
      </c>
      <c r="AG24" s="160">
        <v>32</v>
      </c>
      <c r="AH24" s="165">
        <v>244</v>
      </c>
      <c r="AI24" s="164">
        <v>268</v>
      </c>
      <c r="AJ24" s="159">
        <v>1</v>
      </c>
      <c r="AK24" s="160">
        <v>0</v>
      </c>
      <c r="AL24" s="165">
        <v>1</v>
      </c>
      <c r="AM24" s="162">
        <v>0</v>
      </c>
      <c r="AN24" s="160">
        <v>12</v>
      </c>
      <c r="AO24" s="160">
        <v>9</v>
      </c>
      <c r="AP24" s="160">
        <v>3</v>
      </c>
      <c r="AQ24" s="160">
        <v>6</v>
      </c>
      <c r="AR24" s="160">
        <v>2</v>
      </c>
      <c r="AS24" s="165">
        <v>32</v>
      </c>
      <c r="AT24" s="164">
        <v>33</v>
      </c>
      <c r="AU24" s="159">
        <v>6</v>
      </c>
      <c r="AV24" s="160">
        <v>9</v>
      </c>
      <c r="AW24" s="165">
        <v>15</v>
      </c>
      <c r="AX24" s="162">
        <v>0</v>
      </c>
      <c r="AY24" s="160">
        <v>75</v>
      </c>
      <c r="AZ24" s="160">
        <v>86</v>
      </c>
      <c r="BA24" s="160">
        <v>70</v>
      </c>
      <c r="BB24" s="160">
        <v>77</v>
      </c>
      <c r="BC24" s="160">
        <v>45</v>
      </c>
      <c r="BD24" s="163">
        <v>353</v>
      </c>
      <c r="BE24" s="164">
        <v>368</v>
      </c>
      <c r="BF24" s="159">
        <v>0</v>
      </c>
      <c r="BG24" s="160">
        <v>0</v>
      </c>
      <c r="BH24" s="165">
        <v>0</v>
      </c>
      <c r="BI24" s="162">
        <v>0</v>
      </c>
      <c r="BJ24" s="160">
        <v>105</v>
      </c>
      <c r="BK24" s="160">
        <v>120</v>
      </c>
      <c r="BL24" s="160">
        <v>66</v>
      </c>
      <c r="BM24" s="160">
        <v>42</v>
      </c>
      <c r="BN24" s="160">
        <v>13</v>
      </c>
      <c r="BO24" s="165">
        <v>346</v>
      </c>
      <c r="BP24" s="164">
        <v>346</v>
      </c>
      <c r="BQ24" s="159">
        <v>9</v>
      </c>
      <c r="BR24" s="160">
        <v>7</v>
      </c>
      <c r="BS24" s="165">
        <v>16</v>
      </c>
      <c r="BT24" s="162">
        <v>0</v>
      </c>
      <c r="BU24" s="160">
        <v>31</v>
      </c>
      <c r="BV24" s="160">
        <v>37</v>
      </c>
      <c r="BW24" s="160">
        <v>12</v>
      </c>
      <c r="BX24" s="160">
        <v>15</v>
      </c>
      <c r="BY24" s="160">
        <v>6</v>
      </c>
      <c r="BZ24" s="165">
        <v>101</v>
      </c>
      <c r="CA24" s="164">
        <v>117</v>
      </c>
      <c r="CB24" s="159">
        <v>0</v>
      </c>
      <c r="CC24" s="160">
        <v>0</v>
      </c>
      <c r="CD24" s="165">
        <v>0</v>
      </c>
      <c r="CE24" s="162">
        <v>0</v>
      </c>
      <c r="CF24" s="160">
        <v>11</v>
      </c>
      <c r="CG24" s="160">
        <v>22</v>
      </c>
      <c r="CH24" s="160">
        <v>25</v>
      </c>
      <c r="CI24" s="160">
        <v>22</v>
      </c>
      <c r="CJ24" s="160">
        <v>5</v>
      </c>
      <c r="CK24" s="165">
        <v>85</v>
      </c>
      <c r="CL24" s="164">
        <v>85</v>
      </c>
      <c r="CM24" s="159">
        <v>0</v>
      </c>
      <c r="CN24" s="160">
        <v>0</v>
      </c>
      <c r="CO24" s="165">
        <v>0</v>
      </c>
      <c r="CP24" s="162">
        <v>0</v>
      </c>
      <c r="CQ24" s="160">
        <v>2</v>
      </c>
      <c r="CR24" s="160">
        <v>0</v>
      </c>
      <c r="CS24" s="160">
        <v>5</v>
      </c>
      <c r="CT24" s="160">
        <v>5</v>
      </c>
      <c r="CU24" s="160">
        <v>1</v>
      </c>
      <c r="CV24" s="165">
        <v>13</v>
      </c>
      <c r="CW24" s="164">
        <v>13</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6</v>
      </c>
      <c r="DU24" s="160">
        <v>155</v>
      </c>
      <c r="DV24" s="165">
        <v>211</v>
      </c>
      <c r="DW24" s="162">
        <v>0</v>
      </c>
      <c r="DX24" s="160">
        <v>214</v>
      </c>
      <c r="DY24" s="160">
        <v>256</v>
      </c>
      <c r="DZ24" s="160">
        <v>142</v>
      </c>
      <c r="EA24" s="160">
        <v>111</v>
      </c>
      <c r="EB24" s="160">
        <v>61</v>
      </c>
      <c r="EC24" s="165">
        <v>784</v>
      </c>
      <c r="ED24" s="164">
        <v>995</v>
      </c>
      <c r="EE24" s="159">
        <v>6</v>
      </c>
      <c r="EF24" s="160">
        <v>9</v>
      </c>
      <c r="EG24" s="165">
        <v>15</v>
      </c>
      <c r="EH24" s="162">
        <v>0</v>
      </c>
      <c r="EI24" s="160">
        <v>36</v>
      </c>
      <c r="EJ24" s="160">
        <v>25</v>
      </c>
      <c r="EK24" s="160">
        <v>22</v>
      </c>
      <c r="EL24" s="160">
        <v>26</v>
      </c>
      <c r="EM24" s="160">
        <v>13</v>
      </c>
      <c r="EN24" s="165">
        <v>122</v>
      </c>
      <c r="EO24" s="164">
        <v>137</v>
      </c>
      <c r="EP24" s="159">
        <v>67</v>
      </c>
      <c r="EQ24" s="160">
        <v>163</v>
      </c>
      <c r="ER24" s="165">
        <v>230</v>
      </c>
      <c r="ES24" s="162">
        <v>0</v>
      </c>
      <c r="ET24" s="160">
        <v>354</v>
      </c>
      <c r="EU24" s="160">
        <v>338</v>
      </c>
      <c r="EV24" s="160">
        <v>164</v>
      </c>
      <c r="EW24" s="160">
        <v>121</v>
      </c>
      <c r="EX24" s="160">
        <v>61</v>
      </c>
      <c r="EY24" s="165">
        <v>1038</v>
      </c>
      <c r="EZ24" s="164">
        <v>1268</v>
      </c>
    </row>
    <row r="25" spans="2:156" ht="21" customHeight="1" x14ac:dyDescent="0.2">
      <c r="B25" s="166" t="s">
        <v>23</v>
      </c>
      <c r="C25" s="159">
        <v>0</v>
      </c>
      <c r="D25" s="160">
        <v>0</v>
      </c>
      <c r="E25" s="161">
        <v>0</v>
      </c>
      <c r="F25" s="162">
        <v>0</v>
      </c>
      <c r="G25" s="160">
        <v>130</v>
      </c>
      <c r="H25" s="160">
        <v>144</v>
      </c>
      <c r="I25" s="160">
        <v>78</v>
      </c>
      <c r="J25" s="160">
        <v>71</v>
      </c>
      <c r="K25" s="160">
        <v>51</v>
      </c>
      <c r="L25" s="163">
        <v>474</v>
      </c>
      <c r="M25" s="164">
        <v>474</v>
      </c>
      <c r="N25" s="159">
        <v>0</v>
      </c>
      <c r="O25" s="160">
        <v>0</v>
      </c>
      <c r="P25" s="165">
        <v>0</v>
      </c>
      <c r="Q25" s="162">
        <v>0</v>
      </c>
      <c r="R25" s="160">
        <v>0</v>
      </c>
      <c r="S25" s="160">
        <v>7</v>
      </c>
      <c r="T25" s="160">
        <v>2</v>
      </c>
      <c r="U25" s="160">
        <v>20</v>
      </c>
      <c r="V25" s="160">
        <v>23</v>
      </c>
      <c r="W25" s="165">
        <v>52</v>
      </c>
      <c r="X25" s="164">
        <v>52</v>
      </c>
      <c r="Y25" s="159">
        <v>38</v>
      </c>
      <c r="Z25" s="160">
        <v>68</v>
      </c>
      <c r="AA25" s="165">
        <v>106</v>
      </c>
      <c r="AB25" s="162">
        <v>0</v>
      </c>
      <c r="AC25" s="160">
        <v>100</v>
      </c>
      <c r="AD25" s="160">
        <v>161</v>
      </c>
      <c r="AE25" s="160">
        <v>72</v>
      </c>
      <c r="AF25" s="160">
        <v>80</v>
      </c>
      <c r="AG25" s="160">
        <v>43</v>
      </c>
      <c r="AH25" s="165">
        <v>456</v>
      </c>
      <c r="AI25" s="164">
        <v>562</v>
      </c>
      <c r="AJ25" s="159">
        <v>5</v>
      </c>
      <c r="AK25" s="160">
        <v>14</v>
      </c>
      <c r="AL25" s="165">
        <v>19</v>
      </c>
      <c r="AM25" s="162">
        <v>0</v>
      </c>
      <c r="AN25" s="160">
        <v>7</v>
      </c>
      <c r="AO25" s="160">
        <v>21</v>
      </c>
      <c r="AP25" s="160">
        <v>10</v>
      </c>
      <c r="AQ25" s="160">
        <v>8</v>
      </c>
      <c r="AR25" s="160">
        <v>2</v>
      </c>
      <c r="AS25" s="165">
        <v>48</v>
      </c>
      <c r="AT25" s="164">
        <v>67</v>
      </c>
      <c r="AU25" s="159">
        <v>20</v>
      </c>
      <c r="AV25" s="160">
        <v>19</v>
      </c>
      <c r="AW25" s="165">
        <v>39</v>
      </c>
      <c r="AX25" s="162">
        <v>0</v>
      </c>
      <c r="AY25" s="160">
        <v>178</v>
      </c>
      <c r="AZ25" s="160">
        <v>163</v>
      </c>
      <c r="BA25" s="160">
        <v>135</v>
      </c>
      <c r="BB25" s="160">
        <v>171</v>
      </c>
      <c r="BC25" s="160">
        <v>116</v>
      </c>
      <c r="BD25" s="163">
        <v>763</v>
      </c>
      <c r="BE25" s="164">
        <v>802</v>
      </c>
      <c r="BF25" s="159">
        <v>0</v>
      </c>
      <c r="BG25" s="160">
        <v>0</v>
      </c>
      <c r="BH25" s="165">
        <v>0</v>
      </c>
      <c r="BI25" s="162">
        <v>0</v>
      </c>
      <c r="BJ25" s="160">
        <v>283</v>
      </c>
      <c r="BK25" s="160">
        <v>255</v>
      </c>
      <c r="BL25" s="160">
        <v>124</v>
      </c>
      <c r="BM25" s="160">
        <v>64</v>
      </c>
      <c r="BN25" s="160">
        <v>33</v>
      </c>
      <c r="BO25" s="165">
        <v>759</v>
      </c>
      <c r="BP25" s="164">
        <v>759</v>
      </c>
      <c r="BQ25" s="159">
        <v>4</v>
      </c>
      <c r="BR25" s="160">
        <v>10</v>
      </c>
      <c r="BS25" s="165">
        <v>14</v>
      </c>
      <c r="BT25" s="162">
        <v>0</v>
      </c>
      <c r="BU25" s="160">
        <v>37</v>
      </c>
      <c r="BV25" s="160">
        <v>42</v>
      </c>
      <c r="BW25" s="160">
        <v>30</v>
      </c>
      <c r="BX25" s="160">
        <v>23</v>
      </c>
      <c r="BY25" s="160">
        <v>6</v>
      </c>
      <c r="BZ25" s="165">
        <v>138</v>
      </c>
      <c r="CA25" s="164">
        <v>152</v>
      </c>
      <c r="CB25" s="159">
        <v>1</v>
      </c>
      <c r="CC25" s="160">
        <v>1</v>
      </c>
      <c r="CD25" s="165">
        <v>2</v>
      </c>
      <c r="CE25" s="162">
        <v>0</v>
      </c>
      <c r="CF25" s="160">
        <v>31</v>
      </c>
      <c r="CG25" s="160">
        <v>37</v>
      </c>
      <c r="CH25" s="160">
        <v>48</v>
      </c>
      <c r="CI25" s="160">
        <v>29</v>
      </c>
      <c r="CJ25" s="160">
        <v>10</v>
      </c>
      <c r="CK25" s="165">
        <v>155</v>
      </c>
      <c r="CL25" s="164">
        <v>157</v>
      </c>
      <c r="CM25" s="159">
        <v>0</v>
      </c>
      <c r="CN25" s="160">
        <v>0</v>
      </c>
      <c r="CO25" s="165">
        <v>0</v>
      </c>
      <c r="CP25" s="162">
        <v>0</v>
      </c>
      <c r="CQ25" s="160">
        <v>1</v>
      </c>
      <c r="CR25" s="160">
        <v>0</v>
      </c>
      <c r="CS25" s="160">
        <v>0</v>
      </c>
      <c r="CT25" s="160">
        <v>3</v>
      </c>
      <c r="CU25" s="160">
        <v>3</v>
      </c>
      <c r="CV25" s="165">
        <v>7</v>
      </c>
      <c r="CW25" s="164">
        <v>7</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5</v>
      </c>
      <c r="DU25" s="160">
        <v>255</v>
      </c>
      <c r="DV25" s="165">
        <v>360</v>
      </c>
      <c r="DW25" s="162">
        <v>0</v>
      </c>
      <c r="DX25" s="160">
        <v>262</v>
      </c>
      <c r="DY25" s="160">
        <v>407</v>
      </c>
      <c r="DZ25" s="160">
        <v>219</v>
      </c>
      <c r="EA25" s="160">
        <v>174</v>
      </c>
      <c r="EB25" s="160">
        <v>95</v>
      </c>
      <c r="EC25" s="165">
        <v>1157</v>
      </c>
      <c r="ED25" s="164">
        <v>1517</v>
      </c>
      <c r="EE25" s="159">
        <v>8</v>
      </c>
      <c r="EF25" s="160">
        <v>3</v>
      </c>
      <c r="EG25" s="165">
        <v>11</v>
      </c>
      <c r="EH25" s="162">
        <v>0</v>
      </c>
      <c r="EI25" s="160">
        <v>57</v>
      </c>
      <c r="EJ25" s="160">
        <v>41</v>
      </c>
      <c r="EK25" s="160">
        <v>33</v>
      </c>
      <c r="EL25" s="160">
        <v>55</v>
      </c>
      <c r="EM25" s="160">
        <v>36</v>
      </c>
      <c r="EN25" s="165">
        <v>222</v>
      </c>
      <c r="EO25" s="164">
        <v>233</v>
      </c>
      <c r="EP25" s="159">
        <v>142</v>
      </c>
      <c r="EQ25" s="160">
        <v>297</v>
      </c>
      <c r="ER25" s="165">
        <v>439</v>
      </c>
      <c r="ES25" s="162">
        <v>0</v>
      </c>
      <c r="ET25" s="160">
        <v>523</v>
      </c>
      <c r="EU25" s="160">
        <v>543</v>
      </c>
      <c r="EV25" s="160">
        <v>270</v>
      </c>
      <c r="EW25" s="160">
        <v>191</v>
      </c>
      <c r="EX25" s="160">
        <v>102</v>
      </c>
      <c r="EY25" s="165">
        <v>1629</v>
      </c>
      <c r="EZ25" s="164">
        <v>2068</v>
      </c>
    </row>
    <row r="26" spans="2:156" ht="21" customHeight="1" x14ac:dyDescent="0.2">
      <c r="B26" s="166" t="s">
        <v>24</v>
      </c>
      <c r="C26" s="159">
        <v>0</v>
      </c>
      <c r="D26" s="160">
        <v>0</v>
      </c>
      <c r="E26" s="161">
        <v>0</v>
      </c>
      <c r="F26" s="162">
        <v>0</v>
      </c>
      <c r="G26" s="160">
        <v>70</v>
      </c>
      <c r="H26" s="160">
        <v>71</v>
      </c>
      <c r="I26" s="160">
        <v>44</v>
      </c>
      <c r="J26" s="160">
        <v>45</v>
      </c>
      <c r="K26" s="160">
        <v>29</v>
      </c>
      <c r="L26" s="163">
        <v>259</v>
      </c>
      <c r="M26" s="164">
        <v>259</v>
      </c>
      <c r="N26" s="159">
        <v>0</v>
      </c>
      <c r="O26" s="160">
        <v>0</v>
      </c>
      <c r="P26" s="165">
        <v>0</v>
      </c>
      <c r="Q26" s="162">
        <v>0</v>
      </c>
      <c r="R26" s="160">
        <v>0</v>
      </c>
      <c r="S26" s="160">
        <v>4</v>
      </c>
      <c r="T26" s="160">
        <v>6</v>
      </c>
      <c r="U26" s="160">
        <v>8</v>
      </c>
      <c r="V26" s="160">
        <v>21</v>
      </c>
      <c r="W26" s="165">
        <v>39</v>
      </c>
      <c r="X26" s="164">
        <v>39</v>
      </c>
      <c r="Y26" s="159">
        <v>16</v>
      </c>
      <c r="Z26" s="160">
        <v>29</v>
      </c>
      <c r="AA26" s="165">
        <v>45</v>
      </c>
      <c r="AB26" s="162">
        <v>0</v>
      </c>
      <c r="AC26" s="160">
        <v>67</v>
      </c>
      <c r="AD26" s="160">
        <v>74</v>
      </c>
      <c r="AE26" s="160">
        <v>40</v>
      </c>
      <c r="AF26" s="160">
        <v>44</v>
      </c>
      <c r="AG26" s="160">
        <v>25</v>
      </c>
      <c r="AH26" s="165">
        <v>250</v>
      </c>
      <c r="AI26" s="164">
        <v>295</v>
      </c>
      <c r="AJ26" s="159">
        <v>1</v>
      </c>
      <c r="AK26" s="160">
        <v>1</v>
      </c>
      <c r="AL26" s="165">
        <v>2</v>
      </c>
      <c r="AM26" s="162">
        <v>0</v>
      </c>
      <c r="AN26" s="160">
        <v>3</v>
      </c>
      <c r="AO26" s="160">
        <v>5</v>
      </c>
      <c r="AP26" s="160">
        <v>3</v>
      </c>
      <c r="AQ26" s="160">
        <v>5</v>
      </c>
      <c r="AR26" s="160">
        <v>4</v>
      </c>
      <c r="AS26" s="165">
        <v>20</v>
      </c>
      <c r="AT26" s="164">
        <v>22</v>
      </c>
      <c r="AU26" s="159">
        <v>23</v>
      </c>
      <c r="AV26" s="160">
        <v>21</v>
      </c>
      <c r="AW26" s="165">
        <v>44</v>
      </c>
      <c r="AX26" s="162">
        <v>0</v>
      </c>
      <c r="AY26" s="160">
        <v>88</v>
      </c>
      <c r="AZ26" s="160">
        <v>93</v>
      </c>
      <c r="BA26" s="160">
        <v>89</v>
      </c>
      <c r="BB26" s="160">
        <v>96</v>
      </c>
      <c r="BC26" s="160">
        <v>63</v>
      </c>
      <c r="BD26" s="163">
        <v>429</v>
      </c>
      <c r="BE26" s="164">
        <v>473</v>
      </c>
      <c r="BF26" s="159">
        <v>0</v>
      </c>
      <c r="BG26" s="160">
        <v>0</v>
      </c>
      <c r="BH26" s="165">
        <v>0</v>
      </c>
      <c r="BI26" s="162">
        <v>0</v>
      </c>
      <c r="BJ26" s="160">
        <v>126</v>
      </c>
      <c r="BK26" s="160">
        <v>92</v>
      </c>
      <c r="BL26" s="160">
        <v>33</v>
      </c>
      <c r="BM26" s="160">
        <v>28</v>
      </c>
      <c r="BN26" s="160">
        <v>8</v>
      </c>
      <c r="BO26" s="165">
        <v>287</v>
      </c>
      <c r="BP26" s="164">
        <v>287</v>
      </c>
      <c r="BQ26" s="159">
        <v>11</v>
      </c>
      <c r="BR26" s="160">
        <v>15</v>
      </c>
      <c r="BS26" s="165">
        <v>26</v>
      </c>
      <c r="BT26" s="162">
        <v>0</v>
      </c>
      <c r="BU26" s="160">
        <v>49</v>
      </c>
      <c r="BV26" s="160">
        <v>33</v>
      </c>
      <c r="BW26" s="160">
        <v>23</v>
      </c>
      <c r="BX26" s="160">
        <v>16</v>
      </c>
      <c r="BY26" s="160">
        <v>7</v>
      </c>
      <c r="BZ26" s="165">
        <v>128</v>
      </c>
      <c r="CA26" s="164">
        <v>154</v>
      </c>
      <c r="CB26" s="159">
        <v>1</v>
      </c>
      <c r="CC26" s="160">
        <v>2</v>
      </c>
      <c r="CD26" s="165">
        <v>3</v>
      </c>
      <c r="CE26" s="162">
        <v>0</v>
      </c>
      <c r="CF26" s="160">
        <v>16</v>
      </c>
      <c r="CG26" s="160">
        <v>27</v>
      </c>
      <c r="CH26" s="160">
        <v>23</v>
      </c>
      <c r="CI26" s="160">
        <v>18</v>
      </c>
      <c r="CJ26" s="160">
        <v>11</v>
      </c>
      <c r="CK26" s="165">
        <v>95</v>
      </c>
      <c r="CL26" s="164">
        <v>98</v>
      </c>
      <c r="CM26" s="159">
        <v>0</v>
      </c>
      <c r="CN26" s="160">
        <v>0</v>
      </c>
      <c r="CO26" s="165">
        <v>0</v>
      </c>
      <c r="CP26" s="162">
        <v>0</v>
      </c>
      <c r="CQ26" s="160">
        <v>2</v>
      </c>
      <c r="CR26" s="160">
        <v>0</v>
      </c>
      <c r="CS26" s="160">
        <v>2</v>
      </c>
      <c r="CT26" s="160">
        <v>0</v>
      </c>
      <c r="CU26" s="160">
        <v>2</v>
      </c>
      <c r="CV26" s="165">
        <v>6</v>
      </c>
      <c r="CW26" s="164">
        <v>6</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0</v>
      </c>
      <c r="DU26" s="160">
        <v>102</v>
      </c>
      <c r="DV26" s="165">
        <v>182</v>
      </c>
      <c r="DW26" s="162">
        <v>0</v>
      </c>
      <c r="DX26" s="160">
        <v>147</v>
      </c>
      <c r="DY26" s="160">
        <v>175</v>
      </c>
      <c r="DZ26" s="160">
        <v>107</v>
      </c>
      <c r="EA26" s="160">
        <v>85</v>
      </c>
      <c r="EB26" s="160">
        <v>47</v>
      </c>
      <c r="EC26" s="165">
        <v>561</v>
      </c>
      <c r="ED26" s="164">
        <v>743</v>
      </c>
      <c r="EE26" s="159">
        <v>13</v>
      </c>
      <c r="EF26" s="160">
        <v>9</v>
      </c>
      <c r="EG26" s="165">
        <v>22</v>
      </c>
      <c r="EH26" s="162">
        <v>0</v>
      </c>
      <c r="EI26" s="160">
        <v>41</v>
      </c>
      <c r="EJ26" s="160">
        <v>31</v>
      </c>
      <c r="EK26" s="160">
        <v>27</v>
      </c>
      <c r="EL26" s="160">
        <v>38</v>
      </c>
      <c r="EM26" s="160">
        <v>23</v>
      </c>
      <c r="EN26" s="165">
        <v>160</v>
      </c>
      <c r="EO26" s="164">
        <v>182</v>
      </c>
      <c r="EP26" s="159">
        <v>99</v>
      </c>
      <c r="EQ26" s="160">
        <v>123</v>
      </c>
      <c r="ER26" s="165">
        <v>222</v>
      </c>
      <c r="ES26" s="162">
        <v>0</v>
      </c>
      <c r="ET26" s="160">
        <v>285</v>
      </c>
      <c r="EU26" s="160">
        <v>233</v>
      </c>
      <c r="EV26" s="160">
        <v>131</v>
      </c>
      <c r="EW26" s="160">
        <v>97</v>
      </c>
      <c r="EX26" s="160">
        <v>50</v>
      </c>
      <c r="EY26" s="165">
        <v>796</v>
      </c>
      <c r="EZ26" s="164">
        <v>1018</v>
      </c>
    </row>
    <row r="27" spans="2:156" ht="21" customHeight="1" x14ac:dyDescent="0.2">
      <c r="B27" s="166" t="s">
        <v>25</v>
      </c>
      <c r="C27" s="159">
        <v>0</v>
      </c>
      <c r="D27" s="160">
        <v>0</v>
      </c>
      <c r="E27" s="161">
        <v>0</v>
      </c>
      <c r="F27" s="162">
        <v>0</v>
      </c>
      <c r="G27" s="160">
        <v>101</v>
      </c>
      <c r="H27" s="160">
        <v>102</v>
      </c>
      <c r="I27" s="160">
        <v>57</v>
      </c>
      <c r="J27" s="160">
        <v>46</v>
      </c>
      <c r="K27" s="160">
        <v>26</v>
      </c>
      <c r="L27" s="163">
        <v>332</v>
      </c>
      <c r="M27" s="164">
        <v>332</v>
      </c>
      <c r="N27" s="159">
        <v>0</v>
      </c>
      <c r="O27" s="160">
        <v>0</v>
      </c>
      <c r="P27" s="165">
        <v>0</v>
      </c>
      <c r="Q27" s="162">
        <v>0</v>
      </c>
      <c r="R27" s="160">
        <v>2</v>
      </c>
      <c r="S27" s="160">
        <v>7</v>
      </c>
      <c r="T27" s="160">
        <v>10</v>
      </c>
      <c r="U27" s="160">
        <v>15</v>
      </c>
      <c r="V27" s="160">
        <v>13</v>
      </c>
      <c r="W27" s="165">
        <v>47</v>
      </c>
      <c r="X27" s="164">
        <v>47</v>
      </c>
      <c r="Y27" s="159">
        <v>25</v>
      </c>
      <c r="Z27" s="160">
        <v>49</v>
      </c>
      <c r="AA27" s="165">
        <v>74</v>
      </c>
      <c r="AB27" s="162">
        <v>0</v>
      </c>
      <c r="AC27" s="160">
        <v>86</v>
      </c>
      <c r="AD27" s="160">
        <v>104</v>
      </c>
      <c r="AE27" s="160">
        <v>43</v>
      </c>
      <c r="AF27" s="160">
        <v>46</v>
      </c>
      <c r="AG27" s="160">
        <v>23</v>
      </c>
      <c r="AH27" s="165">
        <v>302</v>
      </c>
      <c r="AI27" s="164">
        <v>376</v>
      </c>
      <c r="AJ27" s="159">
        <v>2</v>
      </c>
      <c r="AK27" s="160">
        <v>5</v>
      </c>
      <c r="AL27" s="165">
        <v>7</v>
      </c>
      <c r="AM27" s="162">
        <v>0</v>
      </c>
      <c r="AN27" s="160">
        <v>2</v>
      </c>
      <c r="AO27" s="160">
        <v>12</v>
      </c>
      <c r="AP27" s="160">
        <v>3</v>
      </c>
      <c r="AQ27" s="160">
        <v>5</v>
      </c>
      <c r="AR27" s="160">
        <v>2</v>
      </c>
      <c r="AS27" s="165">
        <v>24</v>
      </c>
      <c r="AT27" s="164">
        <v>31</v>
      </c>
      <c r="AU27" s="159">
        <v>10</v>
      </c>
      <c r="AV27" s="160">
        <v>12</v>
      </c>
      <c r="AW27" s="165">
        <v>22</v>
      </c>
      <c r="AX27" s="162">
        <v>0</v>
      </c>
      <c r="AY27" s="160">
        <v>77</v>
      </c>
      <c r="AZ27" s="160">
        <v>81</v>
      </c>
      <c r="BA27" s="160">
        <v>65</v>
      </c>
      <c r="BB27" s="160">
        <v>76</v>
      </c>
      <c r="BC27" s="160">
        <v>47</v>
      </c>
      <c r="BD27" s="163">
        <v>346</v>
      </c>
      <c r="BE27" s="164">
        <v>368</v>
      </c>
      <c r="BF27" s="159">
        <v>0</v>
      </c>
      <c r="BG27" s="160">
        <v>0</v>
      </c>
      <c r="BH27" s="165">
        <v>0</v>
      </c>
      <c r="BI27" s="162">
        <v>0</v>
      </c>
      <c r="BJ27" s="160">
        <v>159</v>
      </c>
      <c r="BK27" s="160">
        <v>106</v>
      </c>
      <c r="BL27" s="160">
        <v>53</v>
      </c>
      <c r="BM27" s="160">
        <v>38</v>
      </c>
      <c r="BN27" s="160">
        <v>9</v>
      </c>
      <c r="BO27" s="165">
        <v>365</v>
      </c>
      <c r="BP27" s="164">
        <v>365</v>
      </c>
      <c r="BQ27" s="159">
        <v>1</v>
      </c>
      <c r="BR27" s="160">
        <v>7</v>
      </c>
      <c r="BS27" s="165">
        <v>8</v>
      </c>
      <c r="BT27" s="162">
        <v>0</v>
      </c>
      <c r="BU27" s="160">
        <v>27</v>
      </c>
      <c r="BV27" s="160">
        <v>60</v>
      </c>
      <c r="BW27" s="160">
        <v>26</v>
      </c>
      <c r="BX27" s="160">
        <v>13</v>
      </c>
      <c r="BY27" s="160">
        <v>2</v>
      </c>
      <c r="BZ27" s="165">
        <v>128</v>
      </c>
      <c r="CA27" s="164">
        <v>136</v>
      </c>
      <c r="CB27" s="159">
        <v>0</v>
      </c>
      <c r="CC27" s="160">
        <v>1</v>
      </c>
      <c r="CD27" s="165">
        <v>1</v>
      </c>
      <c r="CE27" s="162">
        <v>0</v>
      </c>
      <c r="CF27" s="160">
        <v>20</v>
      </c>
      <c r="CG27" s="160">
        <v>30</v>
      </c>
      <c r="CH27" s="160">
        <v>23</v>
      </c>
      <c r="CI27" s="160">
        <v>15</v>
      </c>
      <c r="CJ27" s="160">
        <v>4</v>
      </c>
      <c r="CK27" s="165">
        <v>92</v>
      </c>
      <c r="CL27" s="164">
        <v>93</v>
      </c>
      <c r="CM27" s="159">
        <v>0</v>
      </c>
      <c r="CN27" s="160">
        <v>0</v>
      </c>
      <c r="CO27" s="165">
        <v>0</v>
      </c>
      <c r="CP27" s="162">
        <v>0</v>
      </c>
      <c r="CQ27" s="160">
        <v>1</v>
      </c>
      <c r="CR27" s="160">
        <v>9</v>
      </c>
      <c r="CS27" s="160">
        <v>4</v>
      </c>
      <c r="CT27" s="160">
        <v>4</v>
      </c>
      <c r="CU27" s="160">
        <v>0</v>
      </c>
      <c r="CV27" s="165">
        <v>18</v>
      </c>
      <c r="CW27" s="164">
        <v>18</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93</v>
      </c>
      <c r="DU27" s="160">
        <v>168</v>
      </c>
      <c r="DV27" s="165">
        <v>261</v>
      </c>
      <c r="DW27" s="162">
        <v>0</v>
      </c>
      <c r="DX27" s="160">
        <v>134</v>
      </c>
      <c r="DY27" s="160">
        <v>267</v>
      </c>
      <c r="DZ27" s="160">
        <v>117</v>
      </c>
      <c r="EA27" s="160">
        <v>107</v>
      </c>
      <c r="EB27" s="160">
        <v>46</v>
      </c>
      <c r="EC27" s="165">
        <v>671</v>
      </c>
      <c r="ED27" s="164">
        <v>932</v>
      </c>
      <c r="EE27" s="159">
        <v>5</v>
      </c>
      <c r="EF27" s="160">
        <v>5</v>
      </c>
      <c r="EG27" s="165">
        <v>10</v>
      </c>
      <c r="EH27" s="162">
        <v>0</v>
      </c>
      <c r="EI27" s="160">
        <v>22</v>
      </c>
      <c r="EJ27" s="160">
        <v>9</v>
      </c>
      <c r="EK27" s="160">
        <v>12</v>
      </c>
      <c r="EL27" s="160">
        <v>21</v>
      </c>
      <c r="EM27" s="160">
        <v>13</v>
      </c>
      <c r="EN27" s="165">
        <v>77</v>
      </c>
      <c r="EO27" s="164">
        <v>87</v>
      </c>
      <c r="EP27" s="159">
        <v>110</v>
      </c>
      <c r="EQ27" s="160">
        <v>190</v>
      </c>
      <c r="ER27" s="165">
        <v>300</v>
      </c>
      <c r="ES27" s="162">
        <v>0</v>
      </c>
      <c r="ET27" s="160">
        <v>350</v>
      </c>
      <c r="EU27" s="160">
        <v>333</v>
      </c>
      <c r="EV27" s="160">
        <v>150</v>
      </c>
      <c r="EW27" s="160">
        <v>114</v>
      </c>
      <c r="EX27" s="160">
        <v>50</v>
      </c>
      <c r="EY27" s="165">
        <v>997</v>
      </c>
      <c r="EZ27" s="164">
        <v>1297</v>
      </c>
    </row>
    <row r="28" spans="2:156" ht="21" customHeight="1" x14ac:dyDescent="0.2">
      <c r="B28" s="166" t="s">
        <v>26</v>
      </c>
      <c r="C28" s="159">
        <v>0</v>
      </c>
      <c r="D28" s="160">
        <v>0</v>
      </c>
      <c r="E28" s="161">
        <v>0</v>
      </c>
      <c r="F28" s="162">
        <v>0</v>
      </c>
      <c r="G28" s="160">
        <v>65</v>
      </c>
      <c r="H28" s="160">
        <v>88</v>
      </c>
      <c r="I28" s="160">
        <v>55</v>
      </c>
      <c r="J28" s="160">
        <v>30</v>
      </c>
      <c r="K28" s="160">
        <v>43</v>
      </c>
      <c r="L28" s="163">
        <v>281</v>
      </c>
      <c r="M28" s="164">
        <v>281</v>
      </c>
      <c r="N28" s="159">
        <v>0</v>
      </c>
      <c r="O28" s="160">
        <v>0</v>
      </c>
      <c r="P28" s="165">
        <v>0</v>
      </c>
      <c r="Q28" s="162">
        <v>0</v>
      </c>
      <c r="R28" s="160">
        <v>0</v>
      </c>
      <c r="S28" s="160">
        <v>1</v>
      </c>
      <c r="T28" s="160">
        <v>5</v>
      </c>
      <c r="U28" s="160">
        <v>8</v>
      </c>
      <c r="V28" s="160">
        <v>14</v>
      </c>
      <c r="W28" s="165">
        <v>28</v>
      </c>
      <c r="X28" s="164">
        <v>28</v>
      </c>
      <c r="Y28" s="159">
        <v>13</v>
      </c>
      <c r="Z28" s="160">
        <v>16</v>
      </c>
      <c r="AA28" s="165">
        <v>29</v>
      </c>
      <c r="AB28" s="162">
        <v>0</v>
      </c>
      <c r="AC28" s="160">
        <v>71</v>
      </c>
      <c r="AD28" s="160">
        <v>81</v>
      </c>
      <c r="AE28" s="160">
        <v>39</v>
      </c>
      <c r="AF28" s="160">
        <v>32</v>
      </c>
      <c r="AG28" s="160">
        <v>43</v>
      </c>
      <c r="AH28" s="165">
        <v>266</v>
      </c>
      <c r="AI28" s="164">
        <v>295</v>
      </c>
      <c r="AJ28" s="159">
        <v>1</v>
      </c>
      <c r="AK28" s="160">
        <v>1</v>
      </c>
      <c r="AL28" s="165">
        <v>2</v>
      </c>
      <c r="AM28" s="162">
        <v>0</v>
      </c>
      <c r="AN28" s="160">
        <v>2</v>
      </c>
      <c r="AO28" s="160">
        <v>3</v>
      </c>
      <c r="AP28" s="160">
        <v>6</v>
      </c>
      <c r="AQ28" s="160">
        <v>2</v>
      </c>
      <c r="AR28" s="160">
        <v>3</v>
      </c>
      <c r="AS28" s="165">
        <v>16</v>
      </c>
      <c r="AT28" s="164">
        <v>18</v>
      </c>
      <c r="AU28" s="159">
        <v>10</v>
      </c>
      <c r="AV28" s="160">
        <v>3</v>
      </c>
      <c r="AW28" s="165">
        <v>13</v>
      </c>
      <c r="AX28" s="162">
        <v>0</v>
      </c>
      <c r="AY28" s="160">
        <v>63</v>
      </c>
      <c r="AZ28" s="160">
        <v>63</v>
      </c>
      <c r="BA28" s="160">
        <v>92</v>
      </c>
      <c r="BB28" s="160">
        <v>56</v>
      </c>
      <c r="BC28" s="160">
        <v>61</v>
      </c>
      <c r="BD28" s="163">
        <v>335</v>
      </c>
      <c r="BE28" s="164">
        <v>348</v>
      </c>
      <c r="BF28" s="159">
        <v>0</v>
      </c>
      <c r="BG28" s="160">
        <v>0</v>
      </c>
      <c r="BH28" s="165">
        <v>0</v>
      </c>
      <c r="BI28" s="162">
        <v>0</v>
      </c>
      <c r="BJ28" s="160">
        <v>115</v>
      </c>
      <c r="BK28" s="160">
        <v>89</v>
      </c>
      <c r="BL28" s="160">
        <v>38</v>
      </c>
      <c r="BM28" s="160">
        <v>19</v>
      </c>
      <c r="BN28" s="160">
        <v>14</v>
      </c>
      <c r="BO28" s="165">
        <v>275</v>
      </c>
      <c r="BP28" s="164">
        <v>275</v>
      </c>
      <c r="BQ28" s="159">
        <v>8</v>
      </c>
      <c r="BR28" s="160">
        <v>5</v>
      </c>
      <c r="BS28" s="165">
        <v>13</v>
      </c>
      <c r="BT28" s="162">
        <v>0</v>
      </c>
      <c r="BU28" s="160">
        <v>17</v>
      </c>
      <c r="BV28" s="160">
        <v>26</v>
      </c>
      <c r="BW28" s="160">
        <v>12</v>
      </c>
      <c r="BX28" s="160">
        <v>11</v>
      </c>
      <c r="BY28" s="160">
        <v>5</v>
      </c>
      <c r="BZ28" s="165">
        <v>71</v>
      </c>
      <c r="CA28" s="164">
        <v>84</v>
      </c>
      <c r="CB28" s="159">
        <v>0</v>
      </c>
      <c r="CC28" s="160">
        <v>0</v>
      </c>
      <c r="CD28" s="165">
        <v>0</v>
      </c>
      <c r="CE28" s="162">
        <v>0</v>
      </c>
      <c r="CF28" s="160">
        <v>16</v>
      </c>
      <c r="CG28" s="160">
        <v>22</v>
      </c>
      <c r="CH28" s="160">
        <v>18</v>
      </c>
      <c r="CI28" s="160">
        <v>16</v>
      </c>
      <c r="CJ28" s="160">
        <v>10</v>
      </c>
      <c r="CK28" s="165">
        <v>82</v>
      </c>
      <c r="CL28" s="164">
        <v>82</v>
      </c>
      <c r="CM28" s="159">
        <v>0</v>
      </c>
      <c r="CN28" s="160">
        <v>0</v>
      </c>
      <c r="CO28" s="165">
        <v>0</v>
      </c>
      <c r="CP28" s="162">
        <v>0</v>
      </c>
      <c r="CQ28" s="160">
        <v>1</v>
      </c>
      <c r="CR28" s="160">
        <v>3</v>
      </c>
      <c r="CS28" s="160">
        <v>1</v>
      </c>
      <c r="CT28" s="160">
        <v>3</v>
      </c>
      <c r="CU28" s="160">
        <v>2</v>
      </c>
      <c r="CV28" s="165">
        <v>10</v>
      </c>
      <c r="CW28" s="164">
        <v>10</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5</v>
      </c>
      <c r="DU28" s="160">
        <v>114</v>
      </c>
      <c r="DV28" s="165">
        <v>179</v>
      </c>
      <c r="DW28" s="162">
        <v>0</v>
      </c>
      <c r="DX28" s="160">
        <v>130</v>
      </c>
      <c r="DY28" s="160">
        <v>188</v>
      </c>
      <c r="DZ28" s="160">
        <v>94</v>
      </c>
      <c r="EA28" s="160">
        <v>67</v>
      </c>
      <c r="EB28" s="160">
        <v>63</v>
      </c>
      <c r="EC28" s="165">
        <v>542</v>
      </c>
      <c r="ED28" s="164">
        <v>721</v>
      </c>
      <c r="EE28" s="159">
        <v>7</v>
      </c>
      <c r="EF28" s="160">
        <v>3</v>
      </c>
      <c r="EG28" s="165">
        <v>10</v>
      </c>
      <c r="EH28" s="162">
        <v>0</v>
      </c>
      <c r="EI28" s="160">
        <v>31</v>
      </c>
      <c r="EJ28" s="160">
        <v>18</v>
      </c>
      <c r="EK28" s="160">
        <v>26</v>
      </c>
      <c r="EL28" s="160">
        <v>22</v>
      </c>
      <c r="EM28" s="160">
        <v>13</v>
      </c>
      <c r="EN28" s="165">
        <v>110</v>
      </c>
      <c r="EO28" s="164">
        <v>120</v>
      </c>
      <c r="EP28" s="159">
        <v>78</v>
      </c>
      <c r="EQ28" s="160">
        <v>125</v>
      </c>
      <c r="ER28" s="165">
        <v>203</v>
      </c>
      <c r="ES28" s="162">
        <v>0</v>
      </c>
      <c r="ET28" s="160">
        <v>254</v>
      </c>
      <c r="EU28" s="160">
        <v>243</v>
      </c>
      <c r="EV28" s="160">
        <v>120</v>
      </c>
      <c r="EW28" s="160">
        <v>72</v>
      </c>
      <c r="EX28" s="160">
        <v>64</v>
      </c>
      <c r="EY28" s="165">
        <v>753</v>
      </c>
      <c r="EZ28" s="164">
        <v>956</v>
      </c>
    </row>
    <row r="29" spans="2:156" ht="21" customHeight="1" x14ac:dyDescent="0.2">
      <c r="B29" s="166" t="s">
        <v>27</v>
      </c>
      <c r="C29" s="159">
        <v>0</v>
      </c>
      <c r="D29" s="160">
        <v>0</v>
      </c>
      <c r="E29" s="161">
        <v>0</v>
      </c>
      <c r="F29" s="162">
        <v>0</v>
      </c>
      <c r="G29" s="160">
        <v>57</v>
      </c>
      <c r="H29" s="160">
        <v>60</v>
      </c>
      <c r="I29" s="160">
        <v>41</v>
      </c>
      <c r="J29" s="160">
        <v>29</v>
      </c>
      <c r="K29" s="160">
        <v>29</v>
      </c>
      <c r="L29" s="163">
        <v>216</v>
      </c>
      <c r="M29" s="164">
        <v>216</v>
      </c>
      <c r="N29" s="159">
        <v>0</v>
      </c>
      <c r="O29" s="160">
        <v>0</v>
      </c>
      <c r="P29" s="165">
        <v>0</v>
      </c>
      <c r="Q29" s="162">
        <v>0</v>
      </c>
      <c r="R29" s="160">
        <v>1</v>
      </c>
      <c r="S29" s="160">
        <v>4</v>
      </c>
      <c r="T29" s="160">
        <v>4</v>
      </c>
      <c r="U29" s="160">
        <v>8</v>
      </c>
      <c r="V29" s="160">
        <v>18</v>
      </c>
      <c r="W29" s="165">
        <v>35</v>
      </c>
      <c r="X29" s="164">
        <v>35</v>
      </c>
      <c r="Y29" s="159">
        <v>23</v>
      </c>
      <c r="Z29" s="160">
        <v>49</v>
      </c>
      <c r="AA29" s="165">
        <v>72</v>
      </c>
      <c r="AB29" s="162">
        <v>0</v>
      </c>
      <c r="AC29" s="160">
        <v>34</v>
      </c>
      <c r="AD29" s="160">
        <v>50</v>
      </c>
      <c r="AE29" s="160">
        <v>42</v>
      </c>
      <c r="AF29" s="160">
        <v>28</v>
      </c>
      <c r="AG29" s="160">
        <v>24</v>
      </c>
      <c r="AH29" s="165">
        <v>178</v>
      </c>
      <c r="AI29" s="164">
        <v>250</v>
      </c>
      <c r="AJ29" s="159">
        <v>0</v>
      </c>
      <c r="AK29" s="160">
        <v>2</v>
      </c>
      <c r="AL29" s="165">
        <v>2</v>
      </c>
      <c r="AM29" s="162">
        <v>0</v>
      </c>
      <c r="AN29" s="160">
        <v>2</v>
      </c>
      <c r="AO29" s="160">
        <v>1</v>
      </c>
      <c r="AP29" s="160">
        <v>1</v>
      </c>
      <c r="AQ29" s="160">
        <v>0</v>
      </c>
      <c r="AR29" s="160">
        <v>2</v>
      </c>
      <c r="AS29" s="165">
        <v>6</v>
      </c>
      <c r="AT29" s="164">
        <v>8</v>
      </c>
      <c r="AU29" s="159">
        <v>13</v>
      </c>
      <c r="AV29" s="160">
        <v>17</v>
      </c>
      <c r="AW29" s="165">
        <v>30</v>
      </c>
      <c r="AX29" s="162">
        <v>0</v>
      </c>
      <c r="AY29" s="160">
        <v>72</v>
      </c>
      <c r="AZ29" s="160">
        <v>61</v>
      </c>
      <c r="BA29" s="160">
        <v>71</v>
      </c>
      <c r="BB29" s="160">
        <v>61</v>
      </c>
      <c r="BC29" s="160">
        <v>48</v>
      </c>
      <c r="BD29" s="163">
        <v>313</v>
      </c>
      <c r="BE29" s="164">
        <v>343</v>
      </c>
      <c r="BF29" s="159">
        <v>0</v>
      </c>
      <c r="BG29" s="160">
        <v>0</v>
      </c>
      <c r="BH29" s="165">
        <v>0</v>
      </c>
      <c r="BI29" s="162">
        <v>0</v>
      </c>
      <c r="BJ29" s="160">
        <v>110</v>
      </c>
      <c r="BK29" s="160">
        <v>56</v>
      </c>
      <c r="BL29" s="160">
        <v>37</v>
      </c>
      <c r="BM29" s="160">
        <v>33</v>
      </c>
      <c r="BN29" s="160">
        <v>8</v>
      </c>
      <c r="BO29" s="165">
        <v>244</v>
      </c>
      <c r="BP29" s="164">
        <v>244</v>
      </c>
      <c r="BQ29" s="159">
        <v>17</v>
      </c>
      <c r="BR29" s="160">
        <v>30</v>
      </c>
      <c r="BS29" s="165">
        <v>47</v>
      </c>
      <c r="BT29" s="162">
        <v>0</v>
      </c>
      <c r="BU29" s="160">
        <v>26</v>
      </c>
      <c r="BV29" s="160">
        <v>30</v>
      </c>
      <c r="BW29" s="160">
        <v>18</v>
      </c>
      <c r="BX29" s="160">
        <v>5</v>
      </c>
      <c r="BY29" s="160">
        <v>4</v>
      </c>
      <c r="BZ29" s="165">
        <v>83</v>
      </c>
      <c r="CA29" s="164">
        <v>130</v>
      </c>
      <c r="CB29" s="159">
        <v>1</v>
      </c>
      <c r="CC29" s="160">
        <v>0</v>
      </c>
      <c r="CD29" s="165">
        <v>1</v>
      </c>
      <c r="CE29" s="162">
        <v>0</v>
      </c>
      <c r="CF29" s="160">
        <v>12</v>
      </c>
      <c r="CG29" s="160">
        <v>10</v>
      </c>
      <c r="CH29" s="160">
        <v>13</v>
      </c>
      <c r="CI29" s="160">
        <v>11</v>
      </c>
      <c r="CJ29" s="160">
        <v>3</v>
      </c>
      <c r="CK29" s="165">
        <v>49</v>
      </c>
      <c r="CL29" s="164">
        <v>50</v>
      </c>
      <c r="CM29" s="159">
        <v>1</v>
      </c>
      <c r="CN29" s="160">
        <v>0</v>
      </c>
      <c r="CO29" s="165">
        <v>1</v>
      </c>
      <c r="CP29" s="162">
        <v>0</v>
      </c>
      <c r="CQ29" s="160">
        <v>0</v>
      </c>
      <c r="CR29" s="160">
        <v>0</v>
      </c>
      <c r="CS29" s="160">
        <v>2</v>
      </c>
      <c r="CT29" s="160">
        <v>0</v>
      </c>
      <c r="CU29" s="160">
        <v>0</v>
      </c>
      <c r="CV29" s="165">
        <v>2</v>
      </c>
      <c r="CW29" s="164">
        <v>3</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97</v>
      </c>
      <c r="DU29" s="160">
        <v>163</v>
      </c>
      <c r="DV29" s="165">
        <v>260</v>
      </c>
      <c r="DW29" s="162">
        <v>0</v>
      </c>
      <c r="DX29" s="160">
        <v>92</v>
      </c>
      <c r="DY29" s="160">
        <v>123</v>
      </c>
      <c r="DZ29" s="160">
        <v>91</v>
      </c>
      <c r="EA29" s="160">
        <v>60</v>
      </c>
      <c r="EB29" s="160">
        <v>40</v>
      </c>
      <c r="EC29" s="165">
        <v>406</v>
      </c>
      <c r="ED29" s="164">
        <v>666</v>
      </c>
      <c r="EE29" s="159">
        <v>11</v>
      </c>
      <c r="EF29" s="160">
        <v>15</v>
      </c>
      <c r="EG29" s="165">
        <v>26</v>
      </c>
      <c r="EH29" s="162">
        <v>0</v>
      </c>
      <c r="EI29" s="160">
        <v>45</v>
      </c>
      <c r="EJ29" s="160">
        <v>32</v>
      </c>
      <c r="EK29" s="160">
        <v>31</v>
      </c>
      <c r="EL29" s="160">
        <v>30</v>
      </c>
      <c r="EM29" s="160">
        <v>16</v>
      </c>
      <c r="EN29" s="165">
        <v>154</v>
      </c>
      <c r="EO29" s="164">
        <v>180</v>
      </c>
      <c r="EP29" s="159">
        <v>128</v>
      </c>
      <c r="EQ29" s="160">
        <v>189</v>
      </c>
      <c r="ER29" s="165">
        <v>317</v>
      </c>
      <c r="ES29" s="162">
        <v>0</v>
      </c>
      <c r="ET29" s="160">
        <v>221</v>
      </c>
      <c r="EU29" s="160">
        <v>156</v>
      </c>
      <c r="EV29" s="160">
        <v>98</v>
      </c>
      <c r="EW29" s="160">
        <v>62</v>
      </c>
      <c r="EX29" s="160">
        <v>40</v>
      </c>
      <c r="EY29" s="165">
        <v>577</v>
      </c>
      <c r="EZ29" s="164">
        <v>894</v>
      </c>
    </row>
    <row r="30" spans="2:156" ht="21" customHeight="1" x14ac:dyDescent="0.2">
      <c r="B30" s="166" t="s">
        <v>28</v>
      </c>
      <c r="C30" s="159">
        <v>0</v>
      </c>
      <c r="D30" s="160">
        <v>0</v>
      </c>
      <c r="E30" s="161">
        <v>0</v>
      </c>
      <c r="F30" s="162">
        <v>0</v>
      </c>
      <c r="G30" s="160">
        <v>14</v>
      </c>
      <c r="H30" s="160">
        <v>14</v>
      </c>
      <c r="I30" s="160">
        <v>7</v>
      </c>
      <c r="J30" s="160">
        <v>9</v>
      </c>
      <c r="K30" s="160">
        <v>10</v>
      </c>
      <c r="L30" s="163">
        <v>54</v>
      </c>
      <c r="M30" s="164">
        <v>54</v>
      </c>
      <c r="N30" s="159">
        <v>0</v>
      </c>
      <c r="O30" s="160">
        <v>0</v>
      </c>
      <c r="P30" s="165">
        <v>0</v>
      </c>
      <c r="Q30" s="162">
        <v>0</v>
      </c>
      <c r="R30" s="160">
        <v>0</v>
      </c>
      <c r="S30" s="160">
        <v>3</v>
      </c>
      <c r="T30" s="160">
        <v>2</v>
      </c>
      <c r="U30" s="160">
        <v>2</v>
      </c>
      <c r="V30" s="160">
        <v>5</v>
      </c>
      <c r="W30" s="165">
        <v>12</v>
      </c>
      <c r="X30" s="164">
        <v>12</v>
      </c>
      <c r="Y30" s="159">
        <v>1</v>
      </c>
      <c r="Z30" s="160">
        <v>4</v>
      </c>
      <c r="AA30" s="165">
        <v>5</v>
      </c>
      <c r="AB30" s="162">
        <v>0</v>
      </c>
      <c r="AC30" s="160">
        <v>9</v>
      </c>
      <c r="AD30" s="160">
        <v>15</v>
      </c>
      <c r="AE30" s="160">
        <v>8</v>
      </c>
      <c r="AF30" s="160">
        <v>14</v>
      </c>
      <c r="AG30" s="160">
        <v>11</v>
      </c>
      <c r="AH30" s="165">
        <v>57</v>
      </c>
      <c r="AI30" s="164">
        <v>62</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3</v>
      </c>
      <c r="AZ30" s="160">
        <v>21</v>
      </c>
      <c r="BA30" s="160">
        <v>15</v>
      </c>
      <c r="BB30" s="160">
        <v>19</v>
      </c>
      <c r="BC30" s="160">
        <v>18</v>
      </c>
      <c r="BD30" s="163">
        <v>86</v>
      </c>
      <c r="BE30" s="164">
        <v>88</v>
      </c>
      <c r="BF30" s="159">
        <v>0</v>
      </c>
      <c r="BG30" s="160">
        <v>0</v>
      </c>
      <c r="BH30" s="165">
        <v>0</v>
      </c>
      <c r="BI30" s="162">
        <v>0</v>
      </c>
      <c r="BJ30" s="160">
        <v>29</v>
      </c>
      <c r="BK30" s="160">
        <v>35</v>
      </c>
      <c r="BL30" s="160">
        <v>23</v>
      </c>
      <c r="BM30" s="160">
        <v>11</v>
      </c>
      <c r="BN30" s="160">
        <v>6</v>
      </c>
      <c r="BO30" s="165">
        <v>104</v>
      </c>
      <c r="BP30" s="164">
        <v>104</v>
      </c>
      <c r="BQ30" s="159">
        <v>1</v>
      </c>
      <c r="BR30" s="160">
        <v>4</v>
      </c>
      <c r="BS30" s="165">
        <v>5</v>
      </c>
      <c r="BT30" s="162">
        <v>0</v>
      </c>
      <c r="BU30" s="160">
        <v>10</v>
      </c>
      <c r="BV30" s="160">
        <v>15</v>
      </c>
      <c r="BW30" s="160">
        <v>4</v>
      </c>
      <c r="BX30" s="160">
        <v>9</v>
      </c>
      <c r="BY30" s="160">
        <v>5</v>
      </c>
      <c r="BZ30" s="165">
        <v>43</v>
      </c>
      <c r="CA30" s="164">
        <v>48</v>
      </c>
      <c r="CB30" s="159">
        <v>0</v>
      </c>
      <c r="CC30" s="160">
        <v>1</v>
      </c>
      <c r="CD30" s="165">
        <v>1</v>
      </c>
      <c r="CE30" s="162">
        <v>0</v>
      </c>
      <c r="CF30" s="160">
        <v>2</v>
      </c>
      <c r="CG30" s="160">
        <v>7</v>
      </c>
      <c r="CH30" s="160">
        <v>4</v>
      </c>
      <c r="CI30" s="160">
        <v>7</v>
      </c>
      <c r="CJ30" s="160">
        <v>4</v>
      </c>
      <c r="CK30" s="165">
        <v>24</v>
      </c>
      <c r="CL30" s="164">
        <v>25</v>
      </c>
      <c r="CM30" s="159">
        <v>0</v>
      </c>
      <c r="CN30" s="160">
        <v>0</v>
      </c>
      <c r="CO30" s="165">
        <v>0</v>
      </c>
      <c r="CP30" s="162">
        <v>0</v>
      </c>
      <c r="CQ30" s="160">
        <v>0</v>
      </c>
      <c r="CR30" s="160">
        <v>1</v>
      </c>
      <c r="CS30" s="160">
        <v>3</v>
      </c>
      <c r="CT30" s="160">
        <v>1</v>
      </c>
      <c r="CU30" s="160">
        <v>1</v>
      </c>
      <c r="CV30" s="165">
        <v>6</v>
      </c>
      <c r="CW30" s="164">
        <v>6</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8</v>
      </c>
      <c r="DU30" s="160">
        <v>21</v>
      </c>
      <c r="DV30" s="165">
        <v>29</v>
      </c>
      <c r="DW30" s="162">
        <v>0</v>
      </c>
      <c r="DX30" s="160">
        <v>43</v>
      </c>
      <c r="DY30" s="160">
        <v>69</v>
      </c>
      <c r="DZ30" s="160">
        <v>34</v>
      </c>
      <c r="EA30" s="160">
        <v>27</v>
      </c>
      <c r="EB30" s="160">
        <v>18</v>
      </c>
      <c r="EC30" s="165">
        <v>191</v>
      </c>
      <c r="ED30" s="164">
        <v>220</v>
      </c>
      <c r="EE30" s="159">
        <v>0</v>
      </c>
      <c r="EF30" s="160">
        <v>0</v>
      </c>
      <c r="EG30" s="165">
        <v>0</v>
      </c>
      <c r="EH30" s="162">
        <v>0</v>
      </c>
      <c r="EI30" s="160">
        <v>6</v>
      </c>
      <c r="EJ30" s="160">
        <v>6</v>
      </c>
      <c r="EK30" s="160">
        <v>4</v>
      </c>
      <c r="EL30" s="160">
        <v>3</v>
      </c>
      <c r="EM30" s="160">
        <v>3</v>
      </c>
      <c r="EN30" s="165">
        <v>22</v>
      </c>
      <c r="EO30" s="164">
        <v>22</v>
      </c>
      <c r="EP30" s="159">
        <v>9</v>
      </c>
      <c r="EQ30" s="160">
        <v>22</v>
      </c>
      <c r="ER30" s="165">
        <v>31</v>
      </c>
      <c r="ES30" s="162">
        <v>0</v>
      </c>
      <c r="ET30" s="160">
        <v>83</v>
      </c>
      <c r="EU30" s="160">
        <v>93</v>
      </c>
      <c r="EV30" s="160">
        <v>45</v>
      </c>
      <c r="EW30" s="160">
        <v>31</v>
      </c>
      <c r="EX30" s="160">
        <v>18</v>
      </c>
      <c r="EY30" s="165">
        <v>270</v>
      </c>
      <c r="EZ30" s="164">
        <v>301</v>
      </c>
    </row>
    <row r="31" spans="2:156" ht="21" customHeight="1" x14ac:dyDescent="0.2">
      <c r="B31" s="166" t="s">
        <v>29</v>
      </c>
      <c r="C31" s="159">
        <v>0</v>
      </c>
      <c r="D31" s="160">
        <v>0</v>
      </c>
      <c r="E31" s="161">
        <v>0</v>
      </c>
      <c r="F31" s="162">
        <v>0</v>
      </c>
      <c r="G31" s="160">
        <v>27</v>
      </c>
      <c r="H31" s="160">
        <v>27</v>
      </c>
      <c r="I31" s="160">
        <v>17</v>
      </c>
      <c r="J31" s="160">
        <v>13</v>
      </c>
      <c r="K31" s="160">
        <v>14</v>
      </c>
      <c r="L31" s="163">
        <v>98</v>
      </c>
      <c r="M31" s="164">
        <v>98</v>
      </c>
      <c r="N31" s="159">
        <v>0</v>
      </c>
      <c r="O31" s="160">
        <v>0</v>
      </c>
      <c r="P31" s="165">
        <v>0</v>
      </c>
      <c r="Q31" s="162">
        <v>0</v>
      </c>
      <c r="R31" s="160">
        <v>0</v>
      </c>
      <c r="S31" s="160">
        <v>2</v>
      </c>
      <c r="T31" s="160">
        <v>0</v>
      </c>
      <c r="U31" s="160">
        <v>2</v>
      </c>
      <c r="V31" s="160">
        <v>9</v>
      </c>
      <c r="W31" s="165">
        <v>13</v>
      </c>
      <c r="X31" s="164">
        <v>13</v>
      </c>
      <c r="Y31" s="159">
        <v>3</v>
      </c>
      <c r="Z31" s="160">
        <v>4</v>
      </c>
      <c r="AA31" s="165">
        <v>7</v>
      </c>
      <c r="AB31" s="162">
        <v>0</v>
      </c>
      <c r="AC31" s="160">
        <v>24</v>
      </c>
      <c r="AD31" s="160">
        <v>23</v>
      </c>
      <c r="AE31" s="160">
        <v>17</v>
      </c>
      <c r="AF31" s="160">
        <v>11</v>
      </c>
      <c r="AG31" s="160">
        <v>13</v>
      </c>
      <c r="AH31" s="165">
        <v>88</v>
      </c>
      <c r="AI31" s="164">
        <v>95</v>
      </c>
      <c r="AJ31" s="159">
        <v>0</v>
      </c>
      <c r="AK31" s="160">
        <v>2</v>
      </c>
      <c r="AL31" s="165">
        <v>2</v>
      </c>
      <c r="AM31" s="162">
        <v>0</v>
      </c>
      <c r="AN31" s="160">
        <v>2</v>
      </c>
      <c r="AO31" s="160">
        <v>2</v>
      </c>
      <c r="AP31" s="160">
        <v>2</v>
      </c>
      <c r="AQ31" s="160">
        <v>2</v>
      </c>
      <c r="AR31" s="160">
        <v>0</v>
      </c>
      <c r="AS31" s="165">
        <v>8</v>
      </c>
      <c r="AT31" s="164">
        <v>10</v>
      </c>
      <c r="AU31" s="159">
        <v>4</v>
      </c>
      <c r="AV31" s="160">
        <v>3</v>
      </c>
      <c r="AW31" s="165">
        <v>7</v>
      </c>
      <c r="AX31" s="162">
        <v>0</v>
      </c>
      <c r="AY31" s="160">
        <v>28</v>
      </c>
      <c r="AZ31" s="160">
        <v>31</v>
      </c>
      <c r="BA31" s="160">
        <v>25</v>
      </c>
      <c r="BB31" s="160">
        <v>22</v>
      </c>
      <c r="BC31" s="160">
        <v>16</v>
      </c>
      <c r="BD31" s="163">
        <v>122</v>
      </c>
      <c r="BE31" s="164">
        <v>129</v>
      </c>
      <c r="BF31" s="159">
        <v>0</v>
      </c>
      <c r="BG31" s="160">
        <v>0</v>
      </c>
      <c r="BH31" s="165">
        <v>0</v>
      </c>
      <c r="BI31" s="162">
        <v>0</v>
      </c>
      <c r="BJ31" s="160">
        <v>33</v>
      </c>
      <c r="BK31" s="160">
        <v>37</v>
      </c>
      <c r="BL31" s="160">
        <v>27</v>
      </c>
      <c r="BM31" s="160">
        <v>11</v>
      </c>
      <c r="BN31" s="160">
        <v>10</v>
      </c>
      <c r="BO31" s="165">
        <v>118</v>
      </c>
      <c r="BP31" s="164">
        <v>118</v>
      </c>
      <c r="BQ31" s="159">
        <v>2</v>
      </c>
      <c r="BR31" s="160">
        <v>5</v>
      </c>
      <c r="BS31" s="165">
        <v>7</v>
      </c>
      <c r="BT31" s="162">
        <v>0</v>
      </c>
      <c r="BU31" s="160">
        <v>9</v>
      </c>
      <c r="BV31" s="160">
        <v>14</v>
      </c>
      <c r="BW31" s="160">
        <v>16</v>
      </c>
      <c r="BX31" s="160">
        <v>3</v>
      </c>
      <c r="BY31" s="160">
        <v>1</v>
      </c>
      <c r="BZ31" s="165">
        <v>43</v>
      </c>
      <c r="CA31" s="164">
        <v>50</v>
      </c>
      <c r="CB31" s="159">
        <v>0</v>
      </c>
      <c r="CC31" s="160">
        <v>0</v>
      </c>
      <c r="CD31" s="165">
        <v>0</v>
      </c>
      <c r="CE31" s="162">
        <v>0</v>
      </c>
      <c r="CF31" s="160">
        <v>2</v>
      </c>
      <c r="CG31" s="160">
        <v>11</v>
      </c>
      <c r="CH31" s="160">
        <v>16</v>
      </c>
      <c r="CI31" s="160">
        <v>7</v>
      </c>
      <c r="CJ31" s="160">
        <v>6</v>
      </c>
      <c r="CK31" s="165">
        <v>42</v>
      </c>
      <c r="CL31" s="164">
        <v>42</v>
      </c>
      <c r="CM31" s="159">
        <v>0</v>
      </c>
      <c r="CN31" s="160">
        <v>0</v>
      </c>
      <c r="CO31" s="165">
        <v>0</v>
      </c>
      <c r="CP31" s="162">
        <v>0</v>
      </c>
      <c r="CQ31" s="160">
        <v>0</v>
      </c>
      <c r="CR31" s="160">
        <v>1</v>
      </c>
      <c r="CS31" s="160">
        <v>1</v>
      </c>
      <c r="CT31" s="160">
        <v>1</v>
      </c>
      <c r="CU31" s="160">
        <v>0</v>
      </c>
      <c r="CV31" s="165">
        <v>3</v>
      </c>
      <c r="CW31" s="164">
        <v>3</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8</v>
      </c>
      <c r="DU31" s="160">
        <v>34</v>
      </c>
      <c r="DV31" s="165">
        <v>62</v>
      </c>
      <c r="DW31" s="162">
        <v>0</v>
      </c>
      <c r="DX31" s="160">
        <v>45</v>
      </c>
      <c r="DY31" s="160">
        <v>82</v>
      </c>
      <c r="DZ31" s="160">
        <v>45</v>
      </c>
      <c r="EA31" s="160">
        <v>31</v>
      </c>
      <c r="EB31" s="160">
        <v>23</v>
      </c>
      <c r="EC31" s="165">
        <v>226</v>
      </c>
      <c r="ED31" s="164">
        <v>288</v>
      </c>
      <c r="EE31" s="159">
        <v>2</v>
      </c>
      <c r="EF31" s="160">
        <v>0</v>
      </c>
      <c r="EG31" s="165">
        <v>2</v>
      </c>
      <c r="EH31" s="162">
        <v>0</v>
      </c>
      <c r="EI31" s="160">
        <v>8</v>
      </c>
      <c r="EJ31" s="160">
        <v>6</v>
      </c>
      <c r="EK31" s="160">
        <v>4</v>
      </c>
      <c r="EL31" s="160">
        <v>9</v>
      </c>
      <c r="EM31" s="160">
        <v>5</v>
      </c>
      <c r="EN31" s="165">
        <v>32</v>
      </c>
      <c r="EO31" s="164">
        <v>34</v>
      </c>
      <c r="EP31" s="159">
        <v>33</v>
      </c>
      <c r="EQ31" s="160">
        <v>38</v>
      </c>
      <c r="ER31" s="165">
        <v>71</v>
      </c>
      <c r="ES31" s="162">
        <v>0</v>
      </c>
      <c r="ET31" s="160">
        <v>82</v>
      </c>
      <c r="EU31" s="160">
        <v>105</v>
      </c>
      <c r="EV31" s="160">
        <v>60</v>
      </c>
      <c r="EW31" s="160">
        <v>31</v>
      </c>
      <c r="EX31" s="160">
        <v>24</v>
      </c>
      <c r="EY31" s="165">
        <v>302</v>
      </c>
      <c r="EZ31" s="164">
        <v>373</v>
      </c>
    </row>
    <row r="32" spans="2:156" ht="21" customHeight="1" x14ac:dyDescent="0.2">
      <c r="B32" s="166" t="s">
        <v>30</v>
      </c>
      <c r="C32" s="159">
        <v>0</v>
      </c>
      <c r="D32" s="160">
        <v>0</v>
      </c>
      <c r="E32" s="161">
        <v>0</v>
      </c>
      <c r="F32" s="162">
        <v>0</v>
      </c>
      <c r="G32" s="160">
        <v>20</v>
      </c>
      <c r="H32" s="160">
        <v>17</v>
      </c>
      <c r="I32" s="160">
        <v>15</v>
      </c>
      <c r="J32" s="160">
        <v>14</v>
      </c>
      <c r="K32" s="160">
        <v>10</v>
      </c>
      <c r="L32" s="163">
        <v>76</v>
      </c>
      <c r="M32" s="164">
        <v>76</v>
      </c>
      <c r="N32" s="159">
        <v>0</v>
      </c>
      <c r="O32" s="160">
        <v>0</v>
      </c>
      <c r="P32" s="165">
        <v>0</v>
      </c>
      <c r="Q32" s="162">
        <v>0</v>
      </c>
      <c r="R32" s="160">
        <v>1</v>
      </c>
      <c r="S32" s="160">
        <v>1</v>
      </c>
      <c r="T32" s="160">
        <v>3</v>
      </c>
      <c r="U32" s="160">
        <v>5</v>
      </c>
      <c r="V32" s="160">
        <v>3</v>
      </c>
      <c r="W32" s="165">
        <v>13</v>
      </c>
      <c r="X32" s="164">
        <v>13</v>
      </c>
      <c r="Y32" s="159">
        <v>4</v>
      </c>
      <c r="Z32" s="160">
        <v>10</v>
      </c>
      <c r="AA32" s="165">
        <v>14</v>
      </c>
      <c r="AB32" s="162">
        <v>0</v>
      </c>
      <c r="AC32" s="160">
        <v>23</v>
      </c>
      <c r="AD32" s="160">
        <v>21</v>
      </c>
      <c r="AE32" s="160">
        <v>15</v>
      </c>
      <c r="AF32" s="160">
        <v>10</v>
      </c>
      <c r="AG32" s="160">
        <v>6</v>
      </c>
      <c r="AH32" s="165">
        <v>75</v>
      </c>
      <c r="AI32" s="164">
        <v>89</v>
      </c>
      <c r="AJ32" s="159">
        <v>1</v>
      </c>
      <c r="AK32" s="160">
        <v>0</v>
      </c>
      <c r="AL32" s="165">
        <v>1</v>
      </c>
      <c r="AM32" s="162">
        <v>0</v>
      </c>
      <c r="AN32" s="160">
        <v>3</v>
      </c>
      <c r="AO32" s="160">
        <v>3</v>
      </c>
      <c r="AP32" s="160">
        <v>4</v>
      </c>
      <c r="AQ32" s="160">
        <v>0</v>
      </c>
      <c r="AR32" s="160">
        <v>0</v>
      </c>
      <c r="AS32" s="165">
        <v>10</v>
      </c>
      <c r="AT32" s="164">
        <v>11</v>
      </c>
      <c r="AU32" s="159">
        <v>1</v>
      </c>
      <c r="AV32" s="160">
        <v>3</v>
      </c>
      <c r="AW32" s="165">
        <v>4</v>
      </c>
      <c r="AX32" s="162">
        <v>0</v>
      </c>
      <c r="AY32" s="160">
        <v>28</v>
      </c>
      <c r="AZ32" s="160">
        <v>20</v>
      </c>
      <c r="BA32" s="160">
        <v>21</v>
      </c>
      <c r="BB32" s="160">
        <v>26</v>
      </c>
      <c r="BC32" s="160">
        <v>9</v>
      </c>
      <c r="BD32" s="163">
        <v>104</v>
      </c>
      <c r="BE32" s="164">
        <v>108</v>
      </c>
      <c r="BF32" s="159">
        <v>0</v>
      </c>
      <c r="BG32" s="160">
        <v>0</v>
      </c>
      <c r="BH32" s="165">
        <v>0</v>
      </c>
      <c r="BI32" s="162">
        <v>0</v>
      </c>
      <c r="BJ32" s="160">
        <v>29</v>
      </c>
      <c r="BK32" s="160">
        <v>22</v>
      </c>
      <c r="BL32" s="160">
        <v>15</v>
      </c>
      <c r="BM32" s="160">
        <v>10</v>
      </c>
      <c r="BN32" s="160">
        <v>5</v>
      </c>
      <c r="BO32" s="165">
        <v>81</v>
      </c>
      <c r="BP32" s="164">
        <v>81</v>
      </c>
      <c r="BQ32" s="159">
        <v>6</v>
      </c>
      <c r="BR32" s="160">
        <v>7</v>
      </c>
      <c r="BS32" s="165">
        <v>13</v>
      </c>
      <c r="BT32" s="162">
        <v>0</v>
      </c>
      <c r="BU32" s="160">
        <v>10</v>
      </c>
      <c r="BV32" s="160">
        <v>8</v>
      </c>
      <c r="BW32" s="160">
        <v>4</v>
      </c>
      <c r="BX32" s="160">
        <v>6</v>
      </c>
      <c r="BY32" s="160">
        <v>1</v>
      </c>
      <c r="BZ32" s="165">
        <v>29</v>
      </c>
      <c r="CA32" s="164">
        <v>42</v>
      </c>
      <c r="CB32" s="159">
        <v>1</v>
      </c>
      <c r="CC32" s="160">
        <v>0</v>
      </c>
      <c r="CD32" s="165">
        <v>1</v>
      </c>
      <c r="CE32" s="162">
        <v>0</v>
      </c>
      <c r="CF32" s="160">
        <v>7</v>
      </c>
      <c r="CG32" s="160">
        <v>9</v>
      </c>
      <c r="CH32" s="160">
        <v>8</v>
      </c>
      <c r="CI32" s="160">
        <v>4</v>
      </c>
      <c r="CJ32" s="160">
        <v>1</v>
      </c>
      <c r="CK32" s="165">
        <v>29</v>
      </c>
      <c r="CL32" s="164">
        <v>30</v>
      </c>
      <c r="CM32" s="159">
        <v>0</v>
      </c>
      <c r="CN32" s="160">
        <v>0</v>
      </c>
      <c r="CO32" s="165">
        <v>0</v>
      </c>
      <c r="CP32" s="162">
        <v>0</v>
      </c>
      <c r="CQ32" s="160">
        <v>0</v>
      </c>
      <c r="CR32" s="160">
        <v>2</v>
      </c>
      <c r="CS32" s="160">
        <v>1</v>
      </c>
      <c r="CT32" s="160">
        <v>1</v>
      </c>
      <c r="CU32" s="160">
        <v>1</v>
      </c>
      <c r="CV32" s="165">
        <v>5</v>
      </c>
      <c r="CW32" s="164">
        <v>5</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4</v>
      </c>
      <c r="DU32" s="160">
        <v>27</v>
      </c>
      <c r="DV32" s="165">
        <v>61</v>
      </c>
      <c r="DW32" s="162">
        <v>0</v>
      </c>
      <c r="DX32" s="160">
        <v>56</v>
      </c>
      <c r="DY32" s="160">
        <v>45</v>
      </c>
      <c r="DZ32" s="160">
        <v>41</v>
      </c>
      <c r="EA32" s="160">
        <v>27</v>
      </c>
      <c r="EB32" s="160">
        <v>15</v>
      </c>
      <c r="EC32" s="165">
        <v>184</v>
      </c>
      <c r="ED32" s="164">
        <v>245</v>
      </c>
      <c r="EE32" s="159">
        <v>0</v>
      </c>
      <c r="EF32" s="160">
        <v>0</v>
      </c>
      <c r="EG32" s="165">
        <v>0</v>
      </c>
      <c r="EH32" s="162">
        <v>0</v>
      </c>
      <c r="EI32" s="160">
        <v>9</v>
      </c>
      <c r="EJ32" s="160">
        <v>9</v>
      </c>
      <c r="EK32" s="160">
        <v>8</v>
      </c>
      <c r="EL32" s="160">
        <v>5</v>
      </c>
      <c r="EM32" s="160">
        <v>2</v>
      </c>
      <c r="EN32" s="165">
        <v>33</v>
      </c>
      <c r="EO32" s="164">
        <v>33</v>
      </c>
      <c r="EP32" s="159">
        <v>38</v>
      </c>
      <c r="EQ32" s="160">
        <v>33</v>
      </c>
      <c r="ER32" s="165">
        <v>71</v>
      </c>
      <c r="ES32" s="162">
        <v>0</v>
      </c>
      <c r="ET32" s="160">
        <v>92</v>
      </c>
      <c r="EU32" s="160">
        <v>60</v>
      </c>
      <c r="EV32" s="160">
        <v>48</v>
      </c>
      <c r="EW32" s="160">
        <v>31</v>
      </c>
      <c r="EX32" s="160">
        <v>14</v>
      </c>
      <c r="EY32" s="165">
        <v>245</v>
      </c>
      <c r="EZ32" s="164">
        <v>316</v>
      </c>
    </row>
    <row r="33" spans="2:156" ht="21" customHeight="1" x14ac:dyDescent="0.2">
      <c r="B33" s="166" t="s">
        <v>31</v>
      </c>
      <c r="C33" s="159">
        <v>0</v>
      </c>
      <c r="D33" s="160">
        <v>0</v>
      </c>
      <c r="E33" s="161">
        <v>0</v>
      </c>
      <c r="F33" s="162">
        <v>0</v>
      </c>
      <c r="G33" s="160">
        <v>12</v>
      </c>
      <c r="H33" s="160">
        <v>14</v>
      </c>
      <c r="I33" s="160">
        <v>9</v>
      </c>
      <c r="J33" s="160">
        <v>6</v>
      </c>
      <c r="K33" s="160">
        <v>5</v>
      </c>
      <c r="L33" s="163">
        <v>46</v>
      </c>
      <c r="M33" s="164">
        <v>46</v>
      </c>
      <c r="N33" s="159">
        <v>0</v>
      </c>
      <c r="O33" s="160">
        <v>0</v>
      </c>
      <c r="P33" s="165">
        <v>0</v>
      </c>
      <c r="Q33" s="162">
        <v>0</v>
      </c>
      <c r="R33" s="160">
        <v>3</v>
      </c>
      <c r="S33" s="160">
        <v>1</v>
      </c>
      <c r="T33" s="160">
        <v>3</v>
      </c>
      <c r="U33" s="160">
        <v>4</v>
      </c>
      <c r="V33" s="160">
        <v>4</v>
      </c>
      <c r="W33" s="165">
        <v>15</v>
      </c>
      <c r="X33" s="164">
        <v>15</v>
      </c>
      <c r="Y33" s="159">
        <v>1</v>
      </c>
      <c r="Z33" s="160">
        <v>5</v>
      </c>
      <c r="AA33" s="165">
        <v>6</v>
      </c>
      <c r="AB33" s="162">
        <v>0</v>
      </c>
      <c r="AC33" s="160">
        <v>16</v>
      </c>
      <c r="AD33" s="160">
        <v>17</v>
      </c>
      <c r="AE33" s="160">
        <v>17</v>
      </c>
      <c r="AF33" s="160">
        <v>14</v>
      </c>
      <c r="AG33" s="160">
        <v>5</v>
      </c>
      <c r="AH33" s="165">
        <v>69</v>
      </c>
      <c r="AI33" s="164">
        <v>75</v>
      </c>
      <c r="AJ33" s="159">
        <v>1</v>
      </c>
      <c r="AK33" s="160">
        <v>2</v>
      </c>
      <c r="AL33" s="165">
        <v>3</v>
      </c>
      <c r="AM33" s="162">
        <v>0</v>
      </c>
      <c r="AN33" s="160">
        <v>4</v>
      </c>
      <c r="AO33" s="160">
        <v>1</v>
      </c>
      <c r="AP33" s="160">
        <v>3</v>
      </c>
      <c r="AQ33" s="160">
        <v>3</v>
      </c>
      <c r="AR33" s="160">
        <v>0</v>
      </c>
      <c r="AS33" s="165">
        <v>11</v>
      </c>
      <c r="AT33" s="164">
        <v>14</v>
      </c>
      <c r="AU33" s="159">
        <v>3</v>
      </c>
      <c r="AV33" s="160">
        <v>0</v>
      </c>
      <c r="AW33" s="165">
        <v>3</v>
      </c>
      <c r="AX33" s="162">
        <v>0</v>
      </c>
      <c r="AY33" s="160">
        <v>8</v>
      </c>
      <c r="AZ33" s="160">
        <v>20</v>
      </c>
      <c r="BA33" s="160">
        <v>11</v>
      </c>
      <c r="BB33" s="160">
        <v>17</v>
      </c>
      <c r="BC33" s="160">
        <v>11</v>
      </c>
      <c r="BD33" s="163">
        <v>67</v>
      </c>
      <c r="BE33" s="164">
        <v>70</v>
      </c>
      <c r="BF33" s="159">
        <v>0</v>
      </c>
      <c r="BG33" s="160">
        <v>0</v>
      </c>
      <c r="BH33" s="165">
        <v>0</v>
      </c>
      <c r="BI33" s="162">
        <v>0</v>
      </c>
      <c r="BJ33" s="160">
        <v>49</v>
      </c>
      <c r="BK33" s="160">
        <v>38</v>
      </c>
      <c r="BL33" s="160">
        <v>16</v>
      </c>
      <c r="BM33" s="160">
        <v>7</v>
      </c>
      <c r="BN33" s="160">
        <v>4</v>
      </c>
      <c r="BO33" s="165">
        <v>114</v>
      </c>
      <c r="BP33" s="164">
        <v>114</v>
      </c>
      <c r="BQ33" s="159">
        <v>1</v>
      </c>
      <c r="BR33" s="160">
        <v>1</v>
      </c>
      <c r="BS33" s="165">
        <v>2</v>
      </c>
      <c r="BT33" s="162">
        <v>0</v>
      </c>
      <c r="BU33" s="160">
        <v>8</v>
      </c>
      <c r="BV33" s="160">
        <v>6</v>
      </c>
      <c r="BW33" s="160">
        <v>8</v>
      </c>
      <c r="BX33" s="160">
        <v>3</v>
      </c>
      <c r="BY33" s="160">
        <v>2</v>
      </c>
      <c r="BZ33" s="165">
        <v>27</v>
      </c>
      <c r="CA33" s="164">
        <v>29</v>
      </c>
      <c r="CB33" s="159">
        <v>0</v>
      </c>
      <c r="CC33" s="160">
        <v>1</v>
      </c>
      <c r="CD33" s="165">
        <v>1</v>
      </c>
      <c r="CE33" s="162">
        <v>0</v>
      </c>
      <c r="CF33" s="160">
        <v>6</v>
      </c>
      <c r="CG33" s="160">
        <v>3</v>
      </c>
      <c r="CH33" s="160">
        <v>12</v>
      </c>
      <c r="CI33" s="160">
        <v>8</v>
      </c>
      <c r="CJ33" s="160">
        <v>1</v>
      </c>
      <c r="CK33" s="165">
        <v>30</v>
      </c>
      <c r="CL33" s="164">
        <v>31</v>
      </c>
      <c r="CM33" s="159">
        <v>0</v>
      </c>
      <c r="CN33" s="160">
        <v>0</v>
      </c>
      <c r="CO33" s="165">
        <v>0</v>
      </c>
      <c r="CP33" s="162">
        <v>0</v>
      </c>
      <c r="CQ33" s="160">
        <v>1</v>
      </c>
      <c r="CR33" s="160">
        <v>1</v>
      </c>
      <c r="CS33" s="160">
        <v>2</v>
      </c>
      <c r="CT33" s="160">
        <v>0</v>
      </c>
      <c r="CU33" s="160">
        <v>2</v>
      </c>
      <c r="CV33" s="165">
        <v>6</v>
      </c>
      <c r="CW33" s="164">
        <v>6</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1</v>
      </c>
      <c r="DU33" s="160">
        <v>60</v>
      </c>
      <c r="DV33" s="165">
        <v>81</v>
      </c>
      <c r="DW33" s="162">
        <v>0</v>
      </c>
      <c r="DX33" s="160">
        <v>52</v>
      </c>
      <c r="DY33" s="160">
        <v>60</v>
      </c>
      <c r="DZ33" s="160">
        <v>39</v>
      </c>
      <c r="EA33" s="160">
        <v>26</v>
      </c>
      <c r="EB33" s="160">
        <v>13</v>
      </c>
      <c r="EC33" s="165">
        <v>190</v>
      </c>
      <c r="ED33" s="164">
        <v>271</v>
      </c>
      <c r="EE33" s="159">
        <v>3</v>
      </c>
      <c r="EF33" s="160">
        <v>0</v>
      </c>
      <c r="EG33" s="165">
        <v>3</v>
      </c>
      <c r="EH33" s="162">
        <v>0</v>
      </c>
      <c r="EI33" s="160">
        <v>5</v>
      </c>
      <c r="EJ33" s="160">
        <v>9</v>
      </c>
      <c r="EK33" s="160">
        <v>3</v>
      </c>
      <c r="EL33" s="160">
        <v>4</v>
      </c>
      <c r="EM33" s="160">
        <v>2</v>
      </c>
      <c r="EN33" s="165">
        <v>23</v>
      </c>
      <c r="EO33" s="164">
        <v>26</v>
      </c>
      <c r="EP33" s="159">
        <v>23</v>
      </c>
      <c r="EQ33" s="160">
        <v>62</v>
      </c>
      <c r="ER33" s="165">
        <v>85</v>
      </c>
      <c r="ES33" s="162">
        <v>0</v>
      </c>
      <c r="ET33" s="160">
        <v>100</v>
      </c>
      <c r="EU33" s="160">
        <v>84</v>
      </c>
      <c r="EV33" s="160">
        <v>50</v>
      </c>
      <c r="EW33" s="160">
        <v>26</v>
      </c>
      <c r="EX33" s="160">
        <v>12</v>
      </c>
      <c r="EY33" s="165">
        <v>272</v>
      </c>
      <c r="EZ33" s="164">
        <v>357</v>
      </c>
    </row>
    <row r="34" spans="2:156" ht="21" customHeight="1" x14ac:dyDescent="0.2">
      <c r="B34" s="166" t="s">
        <v>32</v>
      </c>
      <c r="C34" s="159">
        <v>0</v>
      </c>
      <c r="D34" s="160">
        <v>0</v>
      </c>
      <c r="E34" s="161">
        <v>0</v>
      </c>
      <c r="F34" s="162">
        <v>0</v>
      </c>
      <c r="G34" s="160">
        <v>29</v>
      </c>
      <c r="H34" s="160">
        <v>23</v>
      </c>
      <c r="I34" s="160">
        <v>12</v>
      </c>
      <c r="J34" s="160">
        <v>8</v>
      </c>
      <c r="K34" s="160">
        <v>10</v>
      </c>
      <c r="L34" s="163">
        <v>82</v>
      </c>
      <c r="M34" s="164">
        <v>82</v>
      </c>
      <c r="N34" s="159">
        <v>0</v>
      </c>
      <c r="O34" s="160">
        <v>0</v>
      </c>
      <c r="P34" s="165">
        <v>0</v>
      </c>
      <c r="Q34" s="162">
        <v>0</v>
      </c>
      <c r="R34" s="160">
        <v>0</v>
      </c>
      <c r="S34" s="160">
        <v>0</v>
      </c>
      <c r="T34" s="160">
        <v>2</v>
      </c>
      <c r="U34" s="160">
        <v>7</v>
      </c>
      <c r="V34" s="160">
        <v>5</v>
      </c>
      <c r="W34" s="165">
        <v>14</v>
      </c>
      <c r="X34" s="164">
        <v>14</v>
      </c>
      <c r="Y34" s="159">
        <v>6</v>
      </c>
      <c r="Z34" s="160">
        <v>9</v>
      </c>
      <c r="AA34" s="165">
        <v>15</v>
      </c>
      <c r="AB34" s="162">
        <v>0</v>
      </c>
      <c r="AC34" s="160">
        <v>33</v>
      </c>
      <c r="AD34" s="160">
        <v>30</v>
      </c>
      <c r="AE34" s="160">
        <v>12</v>
      </c>
      <c r="AF34" s="160">
        <v>8</v>
      </c>
      <c r="AG34" s="160">
        <v>9</v>
      </c>
      <c r="AH34" s="165">
        <v>92</v>
      </c>
      <c r="AI34" s="164">
        <v>107</v>
      </c>
      <c r="AJ34" s="159">
        <v>0</v>
      </c>
      <c r="AK34" s="160">
        <v>0</v>
      </c>
      <c r="AL34" s="165">
        <v>0</v>
      </c>
      <c r="AM34" s="162">
        <v>0</v>
      </c>
      <c r="AN34" s="160">
        <v>3</v>
      </c>
      <c r="AO34" s="160">
        <v>2</v>
      </c>
      <c r="AP34" s="160">
        <v>0</v>
      </c>
      <c r="AQ34" s="160">
        <v>3</v>
      </c>
      <c r="AR34" s="160">
        <v>2</v>
      </c>
      <c r="AS34" s="165">
        <v>10</v>
      </c>
      <c r="AT34" s="164">
        <v>10</v>
      </c>
      <c r="AU34" s="159">
        <v>4</v>
      </c>
      <c r="AV34" s="160">
        <v>6</v>
      </c>
      <c r="AW34" s="165">
        <v>10</v>
      </c>
      <c r="AX34" s="162">
        <v>0</v>
      </c>
      <c r="AY34" s="160">
        <v>21</v>
      </c>
      <c r="AZ34" s="160">
        <v>22</v>
      </c>
      <c r="BA34" s="160">
        <v>27</v>
      </c>
      <c r="BB34" s="160">
        <v>27</v>
      </c>
      <c r="BC34" s="160">
        <v>21</v>
      </c>
      <c r="BD34" s="163">
        <v>118</v>
      </c>
      <c r="BE34" s="164">
        <v>128</v>
      </c>
      <c r="BF34" s="159">
        <v>0</v>
      </c>
      <c r="BG34" s="160">
        <v>0</v>
      </c>
      <c r="BH34" s="165">
        <v>0</v>
      </c>
      <c r="BI34" s="162">
        <v>0</v>
      </c>
      <c r="BJ34" s="160">
        <v>46</v>
      </c>
      <c r="BK34" s="160">
        <v>50</v>
      </c>
      <c r="BL34" s="160">
        <v>17</v>
      </c>
      <c r="BM34" s="160">
        <v>16</v>
      </c>
      <c r="BN34" s="160">
        <v>8</v>
      </c>
      <c r="BO34" s="165">
        <v>137</v>
      </c>
      <c r="BP34" s="164">
        <v>137</v>
      </c>
      <c r="BQ34" s="159">
        <v>2</v>
      </c>
      <c r="BR34" s="160">
        <v>5</v>
      </c>
      <c r="BS34" s="165">
        <v>7</v>
      </c>
      <c r="BT34" s="162">
        <v>0</v>
      </c>
      <c r="BU34" s="160">
        <v>8</v>
      </c>
      <c r="BV34" s="160">
        <v>13</v>
      </c>
      <c r="BW34" s="160">
        <v>4</v>
      </c>
      <c r="BX34" s="160">
        <v>5</v>
      </c>
      <c r="BY34" s="160">
        <v>3</v>
      </c>
      <c r="BZ34" s="165">
        <v>33</v>
      </c>
      <c r="CA34" s="164">
        <v>40</v>
      </c>
      <c r="CB34" s="159">
        <v>0</v>
      </c>
      <c r="CC34" s="160">
        <v>1</v>
      </c>
      <c r="CD34" s="165">
        <v>1</v>
      </c>
      <c r="CE34" s="162">
        <v>0</v>
      </c>
      <c r="CF34" s="160">
        <v>1</v>
      </c>
      <c r="CG34" s="160">
        <v>12</v>
      </c>
      <c r="CH34" s="160">
        <v>9</v>
      </c>
      <c r="CI34" s="160">
        <v>3</v>
      </c>
      <c r="CJ34" s="160">
        <v>5</v>
      </c>
      <c r="CK34" s="165">
        <v>30</v>
      </c>
      <c r="CL34" s="164">
        <v>31</v>
      </c>
      <c r="CM34" s="159">
        <v>0</v>
      </c>
      <c r="CN34" s="160">
        <v>0</v>
      </c>
      <c r="CO34" s="165">
        <v>0</v>
      </c>
      <c r="CP34" s="162">
        <v>0</v>
      </c>
      <c r="CQ34" s="160">
        <v>0</v>
      </c>
      <c r="CR34" s="160">
        <v>4</v>
      </c>
      <c r="CS34" s="160">
        <v>0</v>
      </c>
      <c r="CT34" s="160">
        <v>0</v>
      </c>
      <c r="CU34" s="160">
        <v>2</v>
      </c>
      <c r="CV34" s="165">
        <v>6</v>
      </c>
      <c r="CW34" s="164">
        <v>6</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6</v>
      </c>
      <c r="DU34" s="160">
        <v>59</v>
      </c>
      <c r="DV34" s="165">
        <v>85</v>
      </c>
      <c r="DW34" s="162">
        <v>0</v>
      </c>
      <c r="DX34" s="160">
        <v>79</v>
      </c>
      <c r="DY34" s="160">
        <v>80</v>
      </c>
      <c r="DZ34" s="160">
        <v>32</v>
      </c>
      <c r="EA34" s="160">
        <v>32</v>
      </c>
      <c r="EB34" s="160">
        <v>22</v>
      </c>
      <c r="EC34" s="165">
        <v>245</v>
      </c>
      <c r="ED34" s="164">
        <v>330</v>
      </c>
      <c r="EE34" s="159">
        <v>3</v>
      </c>
      <c r="EF34" s="160">
        <v>4</v>
      </c>
      <c r="EG34" s="165">
        <v>7</v>
      </c>
      <c r="EH34" s="162">
        <v>0</v>
      </c>
      <c r="EI34" s="160">
        <v>7</v>
      </c>
      <c r="EJ34" s="160">
        <v>6</v>
      </c>
      <c r="EK34" s="160">
        <v>5</v>
      </c>
      <c r="EL34" s="160">
        <v>13</v>
      </c>
      <c r="EM34" s="160">
        <v>8</v>
      </c>
      <c r="EN34" s="165">
        <v>39</v>
      </c>
      <c r="EO34" s="164">
        <v>46</v>
      </c>
      <c r="EP34" s="159">
        <v>30</v>
      </c>
      <c r="EQ34" s="160">
        <v>63</v>
      </c>
      <c r="ER34" s="165">
        <v>93</v>
      </c>
      <c r="ES34" s="162">
        <v>0</v>
      </c>
      <c r="ET34" s="160">
        <v>144</v>
      </c>
      <c r="EU34" s="160">
        <v>113</v>
      </c>
      <c r="EV34" s="160">
        <v>40</v>
      </c>
      <c r="EW34" s="160">
        <v>31</v>
      </c>
      <c r="EX34" s="160">
        <v>23</v>
      </c>
      <c r="EY34" s="165">
        <v>351</v>
      </c>
      <c r="EZ34" s="164">
        <v>444</v>
      </c>
    </row>
    <row r="35" spans="2:156" ht="21" customHeight="1" x14ac:dyDescent="0.2">
      <c r="B35" s="166" t="s">
        <v>33</v>
      </c>
      <c r="C35" s="159">
        <v>0</v>
      </c>
      <c r="D35" s="160">
        <v>0</v>
      </c>
      <c r="E35" s="161">
        <v>0</v>
      </c>
      <c r="F35" s="162">
        <v>0</v>
      </c>
      <c r="G35" s="160">
        <v>33</v>
      </c>
      <c r="H35" s="160">
        <v>11</v>
      </c>
      <c r="I35" s="160">
        <v>10</v>
      </c>
      <c r="J35" s="160">
        <v>3</v>
      </c>
      <c r="K35" s="160">
        <v>8</v>
      </c>
      <c r="L35" s="163">
        <v>65</v>
      </c>
      <c r="M35" s="164">
        <v>65</v>
      </c>
      <c r="N35" s="159">
        <v>0</v>
      </c>
      <c r="O35" s="160">
        <v>0</v>
      </c>
      <c r="P35" s="165">
        <v>0</v>
      </c>
      <c r="Q35" s="162">
        <v>0</v>
      </c>
      <c r="R35" s="160">
        <v>1</v>
      </c>
      <c r="S35" s="160">
        <v>1</v>
      </c>
      <c r="T35" s="160">
        <v>1</v>
      </c>
      <c r="U35" s="160">
        <v>2</v>
      </c>
      <c r="V35" s="160">
        <v>4</v>
      </c>
      <c r="W35" s="165">
        <v>9</v>
      </c>
      <c r="X35" s="164">
        <v>9</v>
      </c>
      <c r="Y35" s="159">
        <v>0</v>
      </c>
      <c r="Z35" s="160">
        <v>4</v>
      </c>
      <c r="AA35" s="165">
        <v>4</v>
      </c>
      <c r="AB35" s="162">
        <v>0</v>
      </c>
      <c r="AC35" s="160">
        <v>26</v>
      </c>
      <c r="AD35" s="160">
        <v>11</v>
      </c>
      <c r="AE35" s="160">
        <v>9</v>
      </c>
      <c r="AF35" s="160">
        <v>6</v>
      </c>
      <c r="AG35" s="160">
        <v>6</v>
      </c>
      <c r="AH35" s="165">
        <v>58</v>
      </c>
      <c r="AI35" s="164">
        <v>62</v>
      </c>
      <c r="AJ35" s="159">
        <v>10</v>
      </c>
      <c r="AK35" s="160">
        <v>19</v>
      </c>
      <c r="AL35" s="165">
        <v>29</v>
      </c>
      <c r="AM35" s="162">
        <v>0</v>
      </c>
      <c r="AN35" s="160">
        <v>38</v>
      </c>
      <c r="AO35" s="160">
        <v>18</v>
      </c>
      <c r="AP35" s="160">
        <v>11</v>
      </c>
      <c r="AQ35" s="160">
        <v>4</v>
      </c>
      <c r="AR35" s="160">
        <v>3</v>
      </c>
      <c r="AS35" s="165">
        <v>74</v>
      </c>
      <c r="AT35" s="164">
        <v>103</v>
      </c>
      <c r="AU35" s="159">
        <v>4</v>
      </c>
      <c r="AV35" s="160">
        <v>5</v>
      </c>
      <c r="AW35" s="165">
        <v>9</v>
      </c>
      <c r="AX35" s="162">
        <v>0</v>
      </c>
      <c r="AY35" s="160">
        <v>27</v>
      </c>
      <c r="AZ35" s="160">
        <v>35</v>
      </c>
      <c r="BA35" s="160">
        <v>36</v>
      </c>
      <c r="BB35" s="160">
        <v>13</v>
      </c>
      <c r="BC35" s="160">
        <v>19</v>
      </c>
      <c r="BD35" s="163">
        <v>130</v>
      </c>
      <c r="BE35" s="164">
        <v>139</v>
      </c>
      <c r="BF35" s="159">
        <v>0</v>
      </c>
      <c r="BG35" s="160">
        <v>0</v>
      </c>
      <c r="BH35" s="165">
        <v>0</v>
      </c>
      <c r="BI35" s="162">
        <v>0</v>
      </c>
      <c r="BJ35" s="160">
        <v>9</v>
      </c>
      <c r="BK35" s="160">
        <v>8</v>
      </c>
      <c r="BL35" s="160">
        <v>6</v>
      </c>
      <c r="BM35" s="160">
        <v>2</v>
      </c>
      <c r="BN35" s="160">
        <v>4</v>
      </c>
      <c r="BO35" s="165">
        <v>29</v>
      </c>
      <c r="BP35" s="164">
        <v>29</v>
      </c>
      <c r="BQ35" s="159">
        <v>7</v>
      </c>
      <c r="BR35" s="160">
        <v>10</v>
      </c>
      <c r="BS35" s="165">
        <v>17</v>
      </c>
      <c r="BT35" s="162">
        <v>0</v>
      </c>
      <c r="BU35" s="160">
        <v>40</v>
      </c>
      <c r="BV35" s="160">
        <v>14</v>
      </c>
      <c r="BW35" s="160">
        <v>7</v>
      </c>
      <c r="BX35" s="160">
        <v>2</v>
      </c>
      <c r="BY35" s="160">
        <v>3</v>
      </c>
      <c r="BZ35" s="165">
        <v>66</v>
      </c>
      <c r="CA35" s="164">
        <v>83</v>
      </c>
      <c r="CB35" s="159">
        <v>0</v>
      </c>
      <c r="CC35" s="160">
        <v>0</v>
      </c>
      <c r="CD35" s="165">
        <v>0</v>
      </c>
      <c r="CE35" s="162">
        <v>0</v>
      </c>
      <c r="CF35" s="160">
        <v>2</v>
      </c>
      <c r="CG35" s="160">
        <v>6</v>
      </c>
      <c r="CH35" s="160">
        <v>5</v>
      </c>
      <c r="CI35" s="160">
        <v>5</v>
      </c>
      <c r="CJ35" s="160">
        <v>2</v>
      </c>
      <c r="CK35" s="165">
        <v>20</v>
      </c>
      <c r="CL35" s="164">
        <v>20</v>
      </c>
      <c r="CM35" s="159">
        <v>0</v>
      </c>
      <c r="CN35" s="160">
        <v>0</v>
      </c>
      <c r="CO35" s="165">
        <v>0</v>
      </c>
      <c r="CP35" s="162">
        <v>0</v>
      </c>
      <c r="CQ35" s="160">
        <v>3</v>
      </c>
      <c r="CR35" s="160">
        <v>3</v>
      </c>
      <c r="CS35" s="160">
        <v>0</v>
      </c>
      <c r="CT35" s="160">
        <v>1</v>
      </c>
      <c r="CU35" s="160">
        <v>0</v>
      </c>
      <c r="CV35" s="165">
        <v>7</v>
      </c>
      <c r="CW35" s="164">
        <v>7</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6</v>
      </c>
      <c r="DU35" s="160">
        <v>31</v>
      </c>
      <c r="DV35" s="165">
        <v>47</v>
      </c>
      <c r="DW35" s="162">
        <v>0</v>
      </c>
      <c r="DX35" s="160">
        <v>70</v>
      </c>
      <c r="DY35" s="160">
        <v>44</v>
      </c>
      <c r="DZ35" s="160">
        <v>28</v>
      </c>
      <c r="EA35" s="160">
        <v>16</v>
      </c>
      <c r="EB35" s="160">
        <v>16</v>
      </c>
      <c r="EC35" s="165">
        <v>174</v>
      </c>
      <c r="ED35" s="164">
        <v>221</v>
      </c>
      <c r="EE35" s="159">
        <v>2</v>
      </c>
      <c r="EF35" s="160">
        <v>3</v>
      </c>
      <c r="EG35" s="165">
        <v>5</v>
      </c>
      <c r="EH35" s="162">
        <v>0</v>
      </c>
      <c r="EI35" s="160">
        <v>18</v>
      </c>
      <c r="EJ35" s="160">
        <v>18</v>
      </c>
      <c r="EK35" s="160">
        <v>19</v>
      </c>
      <c r="EL35" s="160">
        <v>9</v>
      </c>
      <c r="EM35" s="160">
        <v>9</v>
      </c>
      <c r="EN35" s="165">
        <v>73</v>
      </c>
      <c r="EO35" s="164">
        <v>78</v>
      </c>
      <c r="EP35" s="159">
        <v>27</v>
      </c>
      <c r="EQ35" s="160">
        <v>50</v>
      </c>
      <c r="ER35" s="165">
        <v>77</v>
      </c>
      <c r="ES35" s="162">
        <v>0</v>
      </c>
      <c r="ET35" s="160">
        <v>127</v>
      </c>
      <c r="EU35" s="160">
        <v>59</v>
      </c>
      <c r="EV35" s="160">
        <v>40</v>
      </c>
      <c r="EW35" s="160">
        <v>18</v>
      </c>
      <c r="EX35" s="160">
        <v>19</v>
      </c>
      <c r="EY35" s="165">
        <v>263</v>
      </c>
      <c r="EZ35" s="164">
        <v>340</v>
      </c>
    </row>
    <row r="36" spans="2:156" ht="21" customHeight="1" x14ac:dyDescent="0.2">
      <c r="B36" s="166" t="s">
        <v>34</v>
      </c>
      <c r="C36" s="159">
        <v>0</v>
      </c>
      <c r="D36" s="160">
        <v>0</v>
      </c>
      <c r="E36" s="161">
        <v>0</v>
      </c>
      <c r="F36" s="162">
        <v>0</v>
      </c>
      <c r="G36" s="160">
        <v>18</v>
      </c>
      <c r="H36" s="160">
        <v>6</v>
      </c>
      <c r="I36" s="160">
        <v>5</v>
      </c>
      <c r="J36" s="160">
        <v>6</v>
      </c>
      <c r="K36" s="160">
        <v>3</v>
      </c>
      <c r="L36" s="163">
        <v>38</v>
      </c>
      <c r="M36" s="164">
        <v>38</v>
      </c>
      <c r="N36" s="159">
        <v>0</v>
      </c>
      <c r="O36" s="160">
        <v>0</v>
      </c>
      <c r="P36" s="165">
        <v>0</v>
      </c>
      <c r="Q36" s="162">
        <v>0</v>
      </c>
      <c r="R36" s="160">
        <v>0</v>
      </c>
      <c r="S36" s="160">
        <v>1</v>
      </c>
      <c r="T36" s="160">
        <v>0</v>
      </c>
      <c r="U36" s="160">
        <v>1</v>
      </c>
      <c r="V36" s="160">
        <v>7</v>
      </c>
      <c r="W36" s="165">
        <v>9</v>
      </c>
      <c r="X36" s="164">
        <v>9</v>
      </c>
      <c r="Y36" s="159">
        <v>2</v>
      </c>
      <c r="Z36" s="160">
        <v>6</v>
      </c>
      <c r="AA36" s="165">
        <v>8</v>
      </c>
      <c r="AB36" s="162">
        <v>0</v>
      </c>
      <c r="AC36" s="160">
        <v>20</v>
      </c>
      <c r="AD36" s="160">
        <v>11</v>
      </c>
      <c r="AE36" s="160">
        <v>6</v>
      </c>
      <c r="AF36" s="160">
        <v>9</v>
      </c>
      <c r="AG36" s="160">
        <v>7</v>
      </c>
      <c r="AH36" s="165">
        <v>53</v>
      </c>
      <c r="AI36" s="164">
        <v>61</v>
      </c>
      <c r="AJ36" s="159">
        <v>1</v>
      </c>
      <c r="AK36" s="160">
        <v>0</v>
      </c>
      <c r="AL36" s="165">
        <v>1</v>
      </c>
      <c r="AM36" s="162">
        <v>0</v>
      </c>
      <c r="AN36" s="160">
        <v>7</v>
      </c>
      <c r="AO36" s="160">
        <v>2</v>
      </c>
      <c r="AP36" s="160">
        <v>3</v>
      </c>
      <c r="AQ36" s="160">
        <v>1</v>
      </c>
      <c r="AR36" s="160">
        <v>2</v>
      </c>
      <c r="AS36" s="165">
        <v>15</v>
      </c>
      <c r="AT36" s="164">
        <v>16</v>
      </c>
      <c r="AU36" s="159">
        <v>5</v>
      </c>
      <c r="AV36" s="160">
        <v>5</v>
      </c>
      <c r="AW36" s="165">
        <v>10</v>
      </c>
      <c r="AX36" s="162">
        <v>0</v>
      </c>
      <c r="AY36" s="160">
        <v>37</v>
      </c>
      <c r="AZ36" s="160">
        <v>26</v>
      </c>
      <c r="BA36" s="160">
        <v>12</v>
      </c>
      <c r="BB36" s="160">
        <v>18</v>
      </c>
      <c r="BC36" s="160">
        <v>16</v>
      </c>
      <c r="BD36" s="163">
        <v>109</v>
      </c>
      <c r="BE36" s="164">
        <v>119</v>
      </c>
      <c r="BF36" s="159">
        <v>0</v>
      </c>
      <c r="BG36" s="160">
        <v>0</v>
      </c>
      <c r="BH36" s="165">
        <v>0</v>
      </c>
      <c r="BI36" s="162">
        <v>0</v>
      </c>
      <c r="BJ36" s="160">
        <v>33</v>
      </c>
      <c r="BK36" s="160">
        <v>16</v>
      </c>
      <c r="BL36" s="160">
        <v>13</v>
      </c>
      <c r="BM36" s="160">
        <v>7</v>
      </c>
      <c r="BN36" s="160">
        <v>1</v>
      </c>
      <c r="BO36" s="165">
        <v>70</v>
      </c>
      <c r="BP36" s="164">
        <v>70</v>
      </c>
      <c r="BQ36" s="159">
        <v>0</v>
      </c>
      <c r="BR36" s="160">
        <v>3</v>
      </c>
      <c r="BS36" s="165">
        <v>3</v>
      </c>
      <c r="BT36" s="162">
        <v>0</v>
      </c>
      <c r="BU36" s="160">
        <v>9</v>
      </c>
      <c r="BV36" s="160">
        <v>3</v>
      </c>
      <c r="BW36" s="160">
        <v>4</v>
      </c>
      <c r="BX36" s="160">
        <v>1</v>
      </c>
      <c r="BY36" s="160">
        <v>0</v>
      </c>
      <c r="BZ36" s="165">
        <v>17</v>
      </c>
      <c r="CA36" s="164">
        <v>20</v>
      </c>
      <c r="CB36" s="159">
        <v>0</v>
      </c>
      <c r="CC36" s="160">
        <v>0</v>
      </c>
      <c r="CD36" s="165">
        <v>0</v>
      </c>
      <c r="CE36" s="162">
        <v>0</v>
      </c>
      <c r="CF36" s="160">
        <v>4</v>
      </c>
      <c r="CG36" s="160">
        <v>2</v>
      </c>
      <c r="CH36" s="160">
        <v>5</v>
      </c>
      <c r="CI36" s="160">
        <v>4</v>
      </c>
      <c r="CJ36" s="160">
        <v>1</v>
      </c>
      <c r="CK36" s="165">
        <v>16</v>
      </c>
      <c r="CL36" s="164">
        <v>16</v>
      </c>
      <c r="CM36" s="159">
        <v>0</v>
      </c>
      <c r="CN36" s="160">
        <v>0</v>
      </c>
      <c r="CO36" s="165">
        <v>0</v>
      </c>
      <c r="CP36" s="162">
        <v>0</v>
      </c>
      <c r="CQ36" s="160">
        <v>1</v>
      </c>
      <c r="CR36" s="160">
        <v>1</v>
      </c>
      <c r="CS36" s="160">
        <v>0</v>
      </c>
      <c r="CT36" s="160">
        <v>0</v>
      </c>
      <c r="CU36" s="160">
        <v>0</v>
      </c>
      <c r="CV36" s="165">
        <v>2</v>
      </c>
      <c r="CW36" s="164">
        <v>2</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2</v>
      </c>
      <c r="DU36" s="160">
        <v>25</v>
      </c>
      <c r="DV36" s="165">
        <v>37</v>
      </c>
      <c r="DW36" s="162">
        <v>0</v>
      </c>
      <c r="DX36" s="160">
        <v>55</v>
      </c>
      <c r="DY36" s="160">
        <v>47</v>
      </c>
      <c r="DZ36" s="160">
        <v>28</v>
      </c>
      <c r="EA36" s="160">
        <v>18</v>
      </c>
      <c r="EB36" s="160">
        <v>11</v>
      </c>
      <c r="EC36" s="165">
        <v>159</v>
      </c>
      <c r="ED36" s="164">
        <v>196</v>
      </c>
      <c r="EE36" s="159">
        <v>4</v>
      </c>
      <c r="EF36" s="160">
        <v>3</v>
      </c>
      <c r="EG36" s="165">
        <v>7</v>
      </c>
      <c r="EH36" s="162">
        <v>0</v>
      </c>
      <c r="EI36" s="160">
        <v>13</v>
      </c>
      <c r="EJ36" s="160">
        <v>7</v>
      </c>
      <c r="EK36" s="160">
        <v>2</v>
      </c>
      <c r="EL36" s="160">
        <v>5</v>
      </c>
      <c r="EM36" s="160">
        <v>6</v>
      </c>
      <c r="EN36" s="165">
        <v>33</v>
      </c>
      <c r="EO36" s="164">
        <v>40</v>
      </c>
      <c r="EP36" s="159">
        <v>16</v>
      </c>
      <c r="EQ36" s="160">
        <v>27</v>
      </c>
      <c r="ER36" s="165">
        <v>43</v>
      </c>
      <c r="ES36" s="162">
        <v>0</v>
      </c>
      <c r="ET36" s="160">
        <v>87</v>
      </c>
      <c r="EU36" s="160">
        <v>44</v>
      </c>
      <c r="EV36" s="160">
        <v>26</v>
      </c>
      <c r="EW36" s="160">
        <v>18</v>
      </c>
      <c r="EX36" s="160">
        <v>10</v>
      </c>
      <c r="EY36" s="165">
        <v>185</v>
      </c>
      <c r="EZ36" s="164">
        <v>228</v>
      </c>
    </row>
    <row r="37" spans="2:156" ht="21" customHeight="1" x14ac:dyDescent="0.2">
      <c r="B37" s="166" t="s">
        <v>35</v>
      </c>
      <c r="C37" s="159">
        <v>0</v>
      </c>
      <c r="D37" s="160">
        <v>0</v>
      </c>
      <c r="E37" s="161">
        <v>0</v>
      </c>
      <c r="F37" s="162">
        <v>0</v>
      </c>
      <c r="G37" s="160">
        <v>118</v>
      </c>
      <c r="H37" s="160">
        <v>49</v>
      </c>
      <c r="I37" s="160">
        <v>38</v>
      </c>
      <c r="J37" s="160">
        <v>31</v>
      </c>
      <c r="K37" s="160">
        <v>21</v>
      </c>
      <c r="L37" s="163">
        <v>257</v>
      </c>
      <c r="M37" s="164">
        <v>257</v>
      </c>
      <c r="N37" s="159">
        <v>0</v>
      </c>
      <c r="O37" s="160">
        <v>0</v>
      </c>
      <c r="P37" s="165">
        <v>0</v>
      </c>
      <c r="Q37" s="162">
        <v>0</v>
      </c>
      <c r="R37" s="160">
        <v>1</v>
      </c>
      <c r="S37" s="160">
        <v>4</v>
      </c>
      <c r="T37" s="160">
        <v>3</v>
      </c>
      <c r="U37" s="160">
        <v>9</v>
      </c>
      <c r="V37" s="160">
        <v>11</v>
      </c>
      <c r="W37" s="165">
        <v>28</v>
      </c>
      <c r="X37" s="164">
        <v>28</v>
      </c>
      <c r="Y37" s="159">
        <v>7</v>
      </c>
      <c r="Z37" s="160">
        <v>16</v>
      </c>
      <c r="AA37" s="165">
        <v>23</v>
      </c>
      <c r="AB37" s="162">
        <v>0</v>
      </c>
      <c r="AC37" s="160">
        <v>63</v>
      </c>
      <c r="AD37" s="160">
        <v>40</v>
      </c>
      <c r="AE37" s="160">
        <v>30</v>
      </c>
      <c r="AF37" s="160">
        <v>23</v>
      </c>
      <c r="AG37" s="160">
        <v>23</v>
      </c>
      <c r="AH37" s="165">
        <v>179</v>
      </c>
      <c r="AI37" s="164">
        <v>202</v>
      </c>
      <c r="AJ37" s="159">
        <v>8</v>
      </c>
      <c r="AK37" s="160">
        <v>18</v>
      </c>
      <c r="AL37" s="165">
        <v>26</v>
      </c>
      <c r="AM37" s="162">
        <v>0</v>
      </c>
      <c r="AN37" s="160">
        <v>23</v>
      </c>
      <c r="AO37" s="160">
        <v>12</v>
      </c>
      <c r="AP37" s="160">
        <v>5</v>
      </c>
      <c r="AQ37" s="160">
        <v>8</v>
      </c>
      <c r="AR37" s="160">
        <v>7</v>
      </c>
      <c r="AS37" s="165">
        <v>55</v>
      </c>
      <c r="AT37" s="164">
        <v>81</v>
      </c>
      <c r="AU37" s="159">
        <v>13</v>
      </c>
      <c r="AV37" s="160">
        <v>16</v>
      </c>
      <c r="AW37" s="165">
        <v>29</v>
      </c>
      <c r="AX37" s="162">
        <v>0</v>
      </c>
      <c r="AY37" s="160">
        <v>95</v>
      </c>
      <c r="AZ37" s="160">
        <v>66</v>
      </c>
      <c r="BA37" s="160">
        <v>76</v>
      </c>
      <c r="BB37" s="160">
        <v>76</v>
      </c>
      <c r="BC37" s="160">
        <v>53</v>
      </c>
      <c r="BD37" s="163">
        <v>366</v>
      </c>
      <c r="BE37" s="164">
        <v>395</v>
      </c>
      <c r="BF37" s="159">
        <v>0</v>
      </c>
      <c r="BG37" s="160">
        <v>0</v>
      </c>
      <c r="BH37" s="165">
        <v>0</v>
      </c>
      <c r="BI37" s="162">
        <v>0</v>
      </c>
      <c r="BJ37" s="160">
        <v>136</v>
      </c>
      <c r="BK37" s="160">
        <v>76</v>
      </c>
      <c r="BL37" s="160">
        <v>57</v>
      </c>
      <c r="BM37" s="160">
        <v>36</v>
      </c>
      <c r="BN37" s="160">
        <v>21</v>
      </c>
      <c r="BO37" s="165">
        <v>326</v>
      </c>
      <c r="BP37" s="164">
        <v>326</v>
      </c>
      <c r="BQ37" s="159">
        <v>7</v>
      </c>
      <c r="BR37" s="160">
        <v>15</v>
      </c>
      <c r="BS37" s="165">
        <v>22</v>
      </c>
      <c r="BT37" s="162">
        <v>0</v>
      </c>
      <c r="BU37" s="160">
        <v>62</v>
      </c>
      <c r="BV37" s="160">
        <v>30</v>
      </c>
      <c r="BW37" s="160">
        <v>15</v>
      </c>
      <c r="BX37" s="160">
        <v>7</v>
      </c>
      <c r="BY37" s="160">
        <v>1</v>
      </c>
      <c r="BZ37" s="165">
        <v>115</v>
      </c>
      <c r="CA37" s="164">
        <v>137</v>
      </c>
      <c r="CB37" s="159">
        <v>1</v>
      </c>
      <c r="CC37" s="160">
        <v>0</v>
      </c>
      <c r="CD37" s="165">
        <v>1</v>
      </c>
      <c r="CE37" s="162">
        <v>0</v>
      </c>
      <c r="CF37" s="160">
        <v>12</v>
      </c>
      <c r="CG37" s="160">
        <v>7</v>
      </c>
      <c r="CH37" s="160">
        <v>14</v>
      </c>
      <c r="CI37" s="160">
        <v>16</v>
      </c>
      <c r="CJ37" s="160">
        <v>4</v>
      </c>
      <c r="CK37" s="165">
        <v>53</v>
      </c>
      <c r="CL37" s="164">
        <v>54</v>
      </c>
      <c r="CM37" s="159">
        <v>0</v>
      </c>
      <c r="CN37" s="160">
        <v>0</v>
      </c>
      <c r="CO37" s="165">
        <v>0</v>
      </c>
      <c r="CP37" s="162">
        <v>0</v>
      </c>
      <c r="CQ37" s="160">
        <v>5</v>
      </c>
      <c r="CR37" s="160">
        <v>4</v>
      </c>
      <c r="CS37" s="160">
        <v>3</v>
      </c>
      <c r="CT37" s="160">
        <v>2</v>
      </c>
      <c r="CU37" s="160">
        <v>1</v>
      </c>
      <c r="CV37" s="165">
        <v>15</v>
      </c>
      <c r="CW37" s="164">
        <v>15</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59</v>
      </c>
      <c r="DU37" s="160">
        <v>94</v>
      </c>
      <c r="DV37" s="165">
        <v>153</v>
      </c>
      <c r="DW37" s="162">
        <v>0</v>
      </c>
      <c r="DX37" s="160">
        <v>189</v>
      </c>
      <c r="DY37" s="160">
        <v>138</v>
      </c>
      <c r="DZ37" s="160">
        <v>90</v>
      </c>
      <c r="EA37" s="160">
        <v>66</v>
      </c>
      <c r="EB37" s="160">
        <v>43</v>
      </c>
      <c r="EC37" s="165">
        <v>526</v>
      </c>
      <c r="ED37" s="164">
        <v>679</v>
      </c>
      <c r="EE37" s="159">
        <v>15</v>
      </c>
      <c r="EF37" s="160">
        <v>11</v>
      </c>
      <c r="EG37" s="165">
        <v>26</v>
      </c>
      <c r="EH37" s="162">
        <v>0</v>
      </c>
      <c r="EI37" s="160">
        <v>40</v>
      </c>
      <c r="EJ37" s="160">
        <v>15</v>
      </c>
      <c r="EK37" s="160">
        <v>21</v>
      </c>
      <c r="EL37" s="160">
        <v>32</v>
      </c>
      <c r="EM37" s="160">
        <v>14</v>
      </c>
      <c r="EN37" s="165">
        <v>122</v>
      </c>
      <c r="EO37" s="164">
        <v>148</v>
      </c>
      <c r="EP37" s="159">
        <v>77</v>
      </c>
      <c r="EQ37" s="160">
        <v>124</v>
      </c>
      <c r="ER37" s="165">
        <v>201</v>
      </c>
      <c r="ES37" s="162">
        <v>0</v>
      </c>
      <c r="ET37" s="160">
        <v>319</v>
      </c>
      <c r="EU37" s="160">
        <v>168</v>
      </c>
      <c r="EV37" s="160">
        <v>106</v>
      </c>
      <c r="EW37" s="160">
        <v>70</v>
      </c>
      <c r="EX37" s="160">
        <v>45</v>
      </c>
      <c r="EY37" s="165">
        <v>708</v>
      </c>
      <c r="EZ37" s="164">
        <v>909</v>
      </c>
    </row>
    <row r="38" spans="2:156" ht="21" customHeight="1" x14ac:dyDescent="0.2">
      <c r="B38" s="166" t="s">
        <v>36</v>
      </c>
      <c r="C38" s="159">
        <v>0</v>
      </c>
      <c r="D38" s="160">
        <v>0</v>
      </c>
      <c r="E38" s="161">
        <v>0</v>
      </c>
      <c r="F38" s="162">
        <v>0</v>
      </c>
      <c r="G38" s="160">
        <v>53</v>
      </c>
      <c r="H38" s="160">
        <v>76</v>
      </c>
      <c r="I38" s="160">
        <v>49</v>
      </c>
      <c r="J38" s="160">
        <v>26</v>
      </c>
      <c r="K38" s="160">
        <v>41</v>
      </c>
      <c r="L38" s="163">
        <v>245</v>
      </c>
      <c r="M38" s="164">
        <v>245</v>
      </c>
      <c r="N38" s="159">
        <v>0</v>
      </c>
      <c r="O38" s="160">
        <v>1</v>
      </c>
      <c r="P38" s="165">
        <v>1</v>
      </c>
      <c r="Q38" s="162">
        <v>0</v>
      </c>
      <c r="R38" s="160">
        <v>1</v>
      </c>
      <c r="S38" s="160">
        <v>3</v>
      </c>
      <c r="T38" s="160">
        <v>9</v>
      </c>
      <c r="U38" s="160">
        <v>9</v>
      </c>
      <c r="V38" s="160">
        <v>11</v>
      </c>
      <c r="W38" s="165">
        <v>33</v>
      </c>
      <c r="X38" s="164">
        <v>34</v>
      </c>
      <c r="Y38" s="159">
        <v>6</v>
      </c>
      <c r="Z38" s="160">
        <v>20</v>
      </c>
      <c r="AA38" s="165">
        <v>26</v>
      </c>
      <c r="AB38" s="162">
        <v>0</v>
      </c>
      <c r="AC38" s="160">
        <v>50</v>
      </c>
      <c r="AD38" s="160">
        <v>59</v>
      </c>
      <c r="AE38" s="160">
        <v>46</v>
      </c>
      <c r="AF38" s="160">
        <v>28</v>
      </c>
      <c r="AG38" s="160">
        <v>31</v>
      </c>
      <c r="AH38" s="165">
        <v>214</v>
      </c>
      <c r="AI38" s="164">
        <v>240</v>
      </c>
      <c r="AJ38" s="159">
        <v>1</v>
      </c>
      <c r="AK38" s="160">
        <v>14</v>
      </c>
      <c r="AL38" s="165">
        <v>15</v>
      </c>
      <c r="AM38" s="162">
        <v>0</v>
      </c>
      <c r="AN38" s="160">
        <v>19</v>
      </c>
      <c r="AO38" s="160">
        <v>21</v>
      </c>
      <c r="AP38" s="160">
        <v>10</v>
      </c>
      <c r="AQ38" s="160">
        <v>7</v>
      </c>
      <c r="AR38" s="160">
        <v>8</v>
      </c>
      <c r="AS38" s="165">
        <v>65</v>
      </c>
      <c r="AT38" s="164">
        <v>80</v>
      </c>
      <c r="AU38" s="159">
        <v>6</v>
      </c>
      <c r="AV38" s="160">
        <v>6</v>
      </c>
      <c r="AW38" s="165">
        <v>12</v>
      </c>
      <c r="AX38" s="162">
        <v>0</v>
      </c>
      <c r="AY38" s="160">
        <v>49</v>
      </c>
      <c r="AZ38" s="160">
        <v>95</v>
      </c>
      <c r="BA38" s="160">
        <v>79</v>
      </c>
      <c r="BB38" s="160">
        <v>49</v>
      </c>
      <c r="BC38" s="160">
        <v>56</v>
      </c>
      <c r="BD38" s="163">
        <v>328</v>
      </c>
      <c r="BE38" s="164">
        <v>340</v>
      </c>
      <c r="BF38" s="159">
        <v>0</v>
      </c>
      <c r="BG38" s="160">
        <v>0</v>
      </c>
      <c r="BH38" s="165">
        <v>0</v>
      </c>
      <c r="BI38" s="162">
        <v>0</v>
      </c>
      <c r="BJ38" s="160">
        <v>78</v>
      </c>
      <c r="BK38" s="160">
        <v>90</v>
      </c>
      <c r="BL38" s="160">
        <v>48</v>
      </c>
      <c r="BM38" s="160">
        <v>29</v>
      </c>
      <c r="BN38" s="160">
        <v>18</v>
      </c>
      <c r="BO38" s="165">
        <v>263</v>
      </c>
      <c r="BP38" s="164">
        <v>263</v>
      </c>
      <c r="BQ38" s="159">
        <v>8</v>
      </c>
      <c r="BR38" s="160">
        <v>5</v>
      </c>
      <c r="BS38" s="165">
        <v>13</v>
      </c>
      <c r="BT38" s="162">
        <v>0</v>
      </c>
      <c r="BU38" s="160">
        <v>27</v>
      </c>
      <c r="BV38" s="160">
        <v>36</v>
      </c>
      <c r="BW38" s="160">
        <v>21</v>
      </c>
      <c r="BX38" s="160">
        <v>11</v>
      </c>
      <c r="BY38" s="160">
        <v>3</v>
      </c>
      <c r="BZ38" s="165">
        <v>98</v>
      </c>
      <c r="CA38" s="164">
        <v>111</v>
      </c>
      <c r="CB38" s="159">
        <v>0</v>
      </c>
      <c r="CC38" s="160">
        <v>1</v>
      </c>
      <c r="CD38" s="165">
        <v>1</v>
      </c>
      <c r="CE38" s="162">
        <v>0</v>
      </c>
      <c r="CF38" s="160">
        <v>9</v>
      </c>
      <c r="CG38" s="160">
        <v>22</v>
      </c>
      <c r="CH38" s="160">
        <v>21</v>
      </c>
      <c r="CI38" s="160">
        <v>16</v>
      </c>
      <c r="CJ38" s="160">
        <v>18</v>
      </c>
      <c r="CK38" s="165">
        <v>86</v>
      </c>
      <c r="CL38" s="164">
        <v>87</v>
      </c>
      <c r="CM38" s="159">
        <v>0</v>
      </c>
      <c r="CN38" s="160">
        <v>0</v>
      </c>
      <c r="CO38" s="165">
        <v>0</v>
      </c>
      <c r="CP38" s="162">
        <v>0</v>
      </c>
      <c r="CQ38" s="160">
        <v>2</v>
      </c>
      <c r="CR38" s="160">
        <v>2</v>
      </c>
      <c r="CS38" s="160">
        <v>1</v>
      </c>
      <c r="CT38" s="160">
        <v>1</v>
      </c>
      <c r="CU38" s="160">
        <v>0</v>
      </c>
      <c r="CV38" s="165">
        <v>6</v>
      </c>
      <c r="CW38" s="164">
        <v>6</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4</v>
      </c>
      <c r="DU38" s="160">
        <v>116</v>
      </c>
      <c r="DV38" s="165">
        <v>150</v>
      </c>
      <c r="DW38" s="162">
        <v>0</v>
      </c>
      <c r="DX38" s="160">
        <v>151</v>
      </c>
      <c r="DY38" s="160">
        <v>214</v>
      </c>
      <c r="DZ38" s="160">
        <v>123</v>
      </c>
      <c r="EA38" s="160">
        <v>69</v>
      </c>
      <c r="EB38" s="160">
        <v>57</v>
      </c>
      <c r="EC38" s="165">
        <v>614</v>
      </c>
      <c r="ED38" s="164">
        <v>764</v>
      </c>
      <c r="EE38" s="159">
        <v>3</v>
      </c>
      <c r="EF38" s="160">
        <v>1</v>
      </c>
      <c r="EG38" s="165">
        <v>4</v>
      </c>
      <c r="EH38" s="162">
        <v>0</v>
      </c>
      <c r="EI38" s="160">
        <v>19</v>
      </c>
      <c r="EJ38" s="160">
        <v>13</v>
      </c>
      <c r="EK38" s="160">
        <v>15</v>
      </c>
      <c r="EL38" s="160">
        <v>6</v>
      </c>
      <c r="EM38" s="160">
        <v>2</v>
      </c>
      <c r="EN38" s="165">
        <v>55</v>
      </c>
      <c r="EO38" s="164">
        <v>59</v>
      </c>
      <c r="EP38" s="159">
        <v>45</v>
      </c>
      <c r="EQ38" s="160">
        <v>133</v>
      </c>
      <c r="ER38" s="165">
        <v>178</v>
      </c>
      <c r="ES38" s="162">
        <v>0</v>
      </c>
      <c r="ET38" s="160">
        <v>264</v>
      </c>
      <c r="EU38" s="160">
        <v>267</v>
      </c>
      <c r="EV38" s="160">
        <v>152</v>
      </c>
      <c r="EW38" s="160">
        <v>82</v>
      </c>
      <c r="EX38" s="160">
        <v>74</v>
      </c>
      <c r="EY38" s="165">
        <v>839</v>
      </c>
      <c r="EZ38" s="164">
        <v>1017</v>
      </c>
    </row>
    <row r="39" spans="2:156" ht="21" customHeight="1" thickBot="1" x14ac:dyDescent="0.25">
      <c r="B39" s="167" t="s">
        <v>37</v>
      </c>
      <c r="C39" s="168">
        <v>0</v>
      </c>
      <c r="D39" s="169">
        <v>0</v>
      </c>
      <c r="E39" s="170">
        <v>0</v>
      </c>
      <c r="F39" s="171">
        <v>0</v>
      </c>
      <c r="G39" s="169">
        <v>6</v>
      </c>
      <c r="H39" s="169">
        <v>5</v>
      </c>
      <c r="I39" s="169">
        <v>5</v>
      </c>
      <c r="J39" s="169">
        <v>3</v>
      </c>
      <c r="K39" s="169">
        <v>4</v>
      </c>
      <c r="L39" s="172">
        <v>23</v>
      </c>
      <c r="M39" s="173">
        <v>23</v>
      </c>
      <c r="N39" s="168">
        <v>0</v>
      </c>
      <c r="O39" s="169">
        <v>0</v>
      </c>
      <c r="P39" s="174">
        <v>0</v>
      </c>
      <c r="Q39" s="171">
        <v>0</v>
      </c>
      <c r="R39" s="169">
        <v>0</v>
      </c>
      <c r="S39" s="169">
        <v>0</v>
      </c>
      <c r="T39" s="169">
        <v>0</v>
      </c>
      <c r="U39" s="169">
        <v>0</v>
      </c>
      <c r="V39" s="169">
        <v>0</v>
      </c>
      <c r="W39" s="174">
        <v>0</v>
      </c>
      <c r="X39" s="173">
        <v>0</v>
      </c>
      <c r="Y39" s="168">
        <v>3</v>
      </c>
      <c r="Z39" s="169">
        <v>1</v>
      </c>
      <c r="AA39" s="174">
        <v>4</v>
      </c>
      <c r="AB39" s="171">
        <v>0</v>
      </c>
      <c r="AC39" s="169">
        <v>5</v>
      </c>
      <c r="AD39" s="169">
        <v>5</v>
      </c>
      <c r="AE39" s="169">
        <v>5</v>
      </c>
      <c r="AF39" s="169">
        <v>6</v>
      </c>
      <c r="AG39" s="169">
        <v>3</v>
      </c>
      <c r="AH39" s="174">
        <v>24</v>
      </c>
      <c r="AI39" s="173">
        <v>28</v>
      </c>
      <c r="AJ39" s="168">
        <v>0</v>
      </c>
      <c r="AK39" s="169">
        <v>0</v>
      </c>
      <c r="AL39" s="174">
        <v>0</v>
      </c>
      <c r="AM39" s="171">
        <v>0</v>
      </c>
      <c r="AN39" s="169">
        <v>1</v>
      </c>
      <c r="AO39" s="169">
        <v>1</v>
      </c>
      <c r="AP39" s="169">
        <v>0</v>
      </c>
      <c r="AQ39" s="169">
        <v>1</v>
      </c>
      <c r="AR39" s="169">
        <v>1</v>
      </c>
      <c r="AS39" s="174">
        <v>4</v>
      </c>
      <c r="AT39" s="173">
        <v>4</v>
      </c>
      <c r="AU39" s="168">
        <v>3</v>
      </c>
      <c r="AV39" s="169">
        <v>0</v>
      </c>
      <c r="AW39" s="174">
        <v>3</v>
      </c>
      <c r="AX39" s="171">
        <v>0</v>
      </c>
      <c r="AY39" s="169">
        <v>4</v>
      </c>
      <c r="AZ39" s="169">
        <v>1</v>
      </c>
      <c r="BA39" s="169">
        <v>6</v>
      </c>
      <c r="BB39" s="169">
        <v>11</v>
      </c>
      <c r="BC39" s="169">
        <v>6</v>
      </c>
      <c r="BD39" s="172">
        <v>28</v>
      </c>
      <c r="BE39" s="173">
        <v>31</v>
      </c>
      <c r="BF39" s="168">
        <v>0</v>
      </c>
      <c r="BG39" s="169">
        <v>0</v>
      </c>
      <c r="BH39" s="174">
        <v>0</v>
      </c>
      <c r="BI39" s="171">
        <v>0</v>
      </c>
      <c r="BJ39" s="169">
        <v>5</v>
      </c>
      <c r="BK39" s="169">
        <v>4</v>
      </c>
      <c r="BL39" s="169">
        <v>4</v>
      </c>
      <c r="BM39" s="169">
        <v>4</v>
      </c>
      <c r="BN39" s="169">
        <v>1</v>
      </c>
      <c r="BO39" s="174">
        <v>18</v>
      </c>
      <c r="BP39" s="173">
        <v>18</v>
      </c>
      <c r="BQ39" s="168">
        <v>1</v>
      </c>
      <c r="BR39" s="169">
        <v>0</v>
      </c>
      <c r="BS39" s="174">
        <v>1</v>
      </c>
      <c r="BT39" s="171">
        <v>0</v>
      </c>
      <c r="BU39" s="169">
        <v>7</v>
      </c>
      <c r="BV39" s="169">
        <v>7</v>
      </c>
      <c r="BW39" s="169">
        <v>2</v>
      </c>
      <c r="BX39" s="169">
        <v>2</v>
      </c>
      <c r="BY39" s="169">
        <v>1</v>
      </c>
      <c r="BZ39" s="174">
        <v>19</v>
      </c>
      <c r="CA39" s="173">
        <v>20</v>
      </c>
      <c r="CB39" s="168">
        <v>0</v>
      </c>
      <c r="CC39" s="169">
        <v>0</v>
      </c>
      <c r="CD39" s="174">
        <v>0</v>
      </c>
      <c r="CE39" s="171">
        <v>0</v>
      </c>
      <c r="CF39" s="169">
        <v>0</v>
      </c>
      <c r="CG39" s="169">
        <v>2</v>
      </c>
      <c r="CH39" s="169">
        <v>4</v>
      </c>
      <c r="CI39" s="169">
        <v>1</v>
      </c>
      <c r="CJ39" s="169">
        <v>0</v>
      </c>
      <c r="CK39" s="174">
        <v>7</v>
      </c>
      <c r="CL39" s="173">
        <v>7</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14</v>
      </c>
      <c r="DU39" s="169">
        <v>1</v>
      </c>
      <c r="DV39" s="174">
        <v>15</v>
      </c>
      <c r="DW39" s="171">
        <v>0</v>
      </c>
      <c r="DX39" s="169">
        <v>18</v>
      </c>
      <c r="DY39" s="169">
        <v>21</v>
      </c>
      <c r="DZ39" s="169">
        <v>14</v>
      </c>
      <c r="EA39" s="169">
        <v>10</v>
      </c>
      <c r="EB39" s="169">
        <v>4</v>
      </c>
      <c r="EC39" s="174">
        <v>67</v>
      </c>
      <c r="ED39" s="173">
        <v>82</v>
      </c>
      <c r="EE39" s="168">
        <v>0</v>
      </c>
      <c r="EF39" s="169">
        <v>0</v>
      </c>
      <c r="EG39" s="174">
        <v>0</v>
      </c>
      <c r="EH39" s="171">
        <v>0</v>
      </c>
      <c r="EI39" s="169">
        <v>0</v>
      </c>
      <c r="EJ39" s="169">
        <v>0</v>
      </c>
      <c r="EK39" s="169">
        <v>0</v>
      </c>
      <c r="EL39" s="169">
        <v>0</v>
      </c>
      <c r="EM39" s="169">
        <v>0</v>
      </c>
      <c r="EN39" s="174">
        <v>0</v>
      </c>
      <c r="EO39" s="173">
        <v>0</v>
      </c>
      <c r="EP39" s="168">
        <v>18</v>
      </c>
      <c r="EQ39" s="169">
        <v>2</v>
      </c>
      <c r="ER39" s="174">
        <v>20</v>
      </c>
      <c r="ES39" s="171">
        <v>0</v>
      </c>
      <c r="ET39" s="169">
        <v>26</v>
      </c>
      <c r="EU39" s="169">
        <v>23</v>
      </c>
      <c r="EV39" s="169">
        <v>17</v>
      </c>
      <c r="EW39" s="169">
        <v>10</v>
      </c>
      <c r="EX39" s="169">
        <v>4</v>
      </c>
      <c r="EY39" s="174">
        <v>80</v>
      </c>
      <c r="EZ39" s="173">
        <v>100</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7</v>
      </c>
      <c r="L1" s="458">
        <f>IF(K1&lt;3,K1+12-2,K1-2)</f>
        <v>5</v>
      </c>
      <c r="M1" s="458"/>
    </row>
    <row r="2" spans="2:156" ht="24" customHeight="1" thickBot="1" x14ac:dyDescent="0.25">
      <c r="B2" s="142" t="s">
        <v>128</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204</v>
      </c>
      <c r="H6" s="152">
        <v>1309</v>
      </c>
      <c r="I6" s="152">
        <v>707</v>
      </c>
      <c r="J6" s="152">
        <v>561</v>
      </c>
      <c r="K6" s="152">
        <v>411</v>
      </c>
      <c r="L6" s="155">
        <v>4192</v>
      </c>
      <c r="M6" s="156">
        <v>4192</v>
      </c>
      <c r="N6" s="151">
        <v>0</v>
      </c>
      <c r="O6" s="152">
        <v>1</v>
      </c>
      <c r="P6" s="157">
        <v>1</v>
      </c>
      <c r="Q6" s="154">
        <v>0</v>
      </c>
      <c r="R6" s="152">
        <v>9</v>
      </c>
      <c r="S6" s="152">
        <v>28</v>
      </c>
      <c r="T6" s="152">
        <v>53</v>
      </c>
      <c r="U6" s="152">
        <v>99</v>
      </c>
      <c r="V6" s="152">
        <v>190</v>
      </c>
      <c r="W6" s="157">
        <v>379</v>
      </c>
      <c r="X6" s="156">
        <v>380</v>
      </c>
      <c r="Y6" s="151">
        <v>200</v>
      </c>
      <c r="Z6" s="152">
        <v>433</v>
      </c>
      <c r="AA6" s="157">
        <v>633</v>
      </c>
      <c r="AB6" s="154">
        <v>0</v>
      </c>
      <c r="AC6" s="152">
        <v>936</v>
      </c>
      <c r="AD6" s="152">
        <v>1346</v>
      </c>
      <c r="AE6" s="152">
        <v>814</v>
      </c>
      <c r="AF6" s="152">
        <v>577</v>
      </c>
      <c r="AG6" s="152">
        <v>359</v>
      </c>
      <c r="AH6" s="157">
        <v>4032</v>
      </c>
      <c r="AI6" s="156">
        <v>4665</v>
      </c>
      <c r="AJ6" s="151">
        <v>28</v>
      </c>
      <c r="AK6" s="152">
        <v>54</v>
      </c>
      <c r="AL6" s="157">
        <v>82</v>
      </c>
      <c r="AM6" s="154">
        <v>0</v>
      </c>
      <c r="AN6" s="152">
        <v>94</v>
      </c>
      <c r="AO6" s="152">
        <v>109</v>
      </c>
      <c r="AP6" s="152">
        <v>78</v>
      </c>
      <c r="AQ6" s="152">
        <v>62</v>
      </c>
      <c r="AR6" s="152">
        <v>42</v>
      </c>
      <c r="AS6" s="157">
        <v>385</v>
      </c>
      <c r="AT6" s="156">
        <v>467</v>
      </c>
      <c r="AU6" s="151">
        <v>286</v>
      </c>
      <c r="AV6" s="152">
        <v>364</v>
      </c>
      <c r="AW6" s="157">
        <v>650</v>
      </c>
      <c r="AX6" s="154">
        <v>0</v>
      </c>
      <c r="AY6" s="152">
        <v>1395</v>
      </c>
      <c r="AZ6" s="152">
        <v>1728</v>
      </c>
      <c r="BA6" s="152">
        <v>1493</v>
      </c>
      <c r="BB6" s="152">
        <v>1305</v>
      </c>
      <c r="BC6" s="152">
        <v>814</v>
      </c>
      <c r="BD6" s="155">
        <v>6735</v>
      </c>
      <c r="BE6" s="156">
        <v>7385</v>
      </c>
      <c r="BF6" s="151">
        <v>0</v>
      </c>
      <c r="BG6" s="152">
        <v>0</v>
      </c>
      <c r="BH6" s="157">
        <v>0</v>
      </c>
      <c r="BI6" s="154">
        <v>0</v>
      </c>
      <c r="BJ6" s="152">
        <v>1671</v>
      </c>
      <c r="BK6" s="152">
        <v>1450</v>
      </c>
      <c r="BL6" s="152">
        <v>746</v>
      </c>
      <c r="BM6" s="152">
        <v>343</v>
      </c>
      <c r="BN6" s="152">
        <v>137</v>
      </c>
      <c r="BO6" s="157">
        <v>4347</v>
      </c>
      <c r="BP6" s="156">
        <v>4347</v>
      </c>
      <c r="BQ6" s="151">
        <v>141</v>
      </c>
      <c r="BR6" s="152">
        <v>187</v>
      </c>
      <c r="BS6" s="157">
        <v>328</v>
      </c>
      <c r="BT6" s="154">
        <v>0</v>
      </c>
      <c r="BU6" s="152">
        <v>397</v>
      </c>
      <c r="BV6" s="152">
        <v>508</v>
      </c>
      <c r="BW6" s="152">
        <v>297</v>
      </c>
      <c r="BX6" s="152">
        <v>173</v>
      </c>
      <c r="BY6" s="152">
        <v>42</v>
      </c>
      <c r="BZ6" s="157">
        <v>1417</v>
      </c>
      <c r="CA6" s="156">
        <v>1745</v>
      </c>
      <c r="CB6" s="151">
        <v>6</v>
      </c>
      <c r="CC6" s="152">
        <v>18</v>
      </c>
      <c r="CD6" s="157">
        <v>24</v>
      </c>
      <c r="CE6" s="154">
        <v>0</v>
      </c>
      <c r="CF6" s="152">
        <v>186</v>
      </c>
      <c r="CG6" s="152">
        <v>265</v>
      </c>
      <c r="CH6" s="152">
        <v>271</v>
      </c>
      <c r="CI6" s="152">
        <v>204</v>
      </c>
      <c r="CJ6" s="152">
        <v>83</v>
      </c>
      <c r="CK6" s="157">
        <v>1009</v>
      </c>
      <c r="CL6" s="156">
        <v>1033</v>
      </c>
      <c r="CM6" s="151">
        <v>0</v>
      </c>
      <c r="CN6" s="152">
        <v>0</v>
      </c>
      <c r="CO6" s="157">
        <v>0</v>
      </c>
      <c r="CP6" s="154">
        <v>0</v>
      </c>
      <c r="CQ6" s="152">
        <v>20</v>
      </c>
      <c r="CR6" s="152">
        <v>41</v>
      </c>
      <c r="CS6" s="152">
        <v>60</v>
      </c>
      <c r="CT6" s="152">
        <v>42</v>
      </c>
      <c r="CU6" s="152">
        <v>17</v>
      </c>
      <c r="CV6" s="157">
        <v>180</v>
      </c>
      <c r="CW6" s="156">
        <v>180</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61</v>
      </c>
      <c r="DU6" s="152">
        <v>1383</v>
      </c>
      <c r="DV6" s="157">
        <v>2044</v>
      </c>
      <c r="DW6" s="154">
        <v>0</v>
      </c>
      <c r="DX6" s="152">
        <v>1813</v>
      </c>
      <c r="DY6" s="152">
        <v>3159</v>
      </c>
      <c r="DZ6" s="152">
        <v>1786</v>
      </c>
      <c r="EA6" s="152">
        <v>1237</v>
      </c>
      <c r="EB6" s="152">
        <v>719</v>
      </c>
      <c r="EC6" s="157">
        <v>8714</v>
      </c>
      <c r="ED6" s="156">
        <v>10758</v>
      </c>
      <c r="EE6" s="151">
        <v>176</v>
      </c>
      <c r="EF6" s="152">
        <v>137</v>
      </c>
      <c r="EG6" s="157">
        <v>313</v>
      </c>
      <c r="EH6" s="154">
        <v>0</v>
      </c>
      <c r="EI6" s="152">
        <v>557</v>
      </c>
      <c r="EJ6" s="152">
        <v>553</v>
      </c>
      <c r="EK6" s="152">
        <v>448</v>
      </c>
      <c r="EL6" s="152">
        <v>483</v>
      </c>
      <c r="EM6" s="152">
        <v>235</v>
      </c>
      <c r="EN6" s="157">
        <v>2276</v>
      </c>
      <c r="EO6" s="156">
        <v>2589</v>
      </c>
      <c r="EP6" s="151">
        <v>948</v>
      </c>
      <c r="EQ6" s="152">
        <v>1754</v>
      </c>
      <c r="ER6" s="157">
        <v>2702</v>
      </c>
      <c r="ES6" s="154">
        <v>0</v>
      </c>
      <c r="ET6" s="152">
        <v>4240</v>
      </c>
      <c r="EU6" s="152">
        <v>4338</v>
      </c>
      <c r="EV6" s="152">
        <v>2167</v>
      </c>
      <c r="EW6" s="152">
        <v>1340</v>
      </c>
      <c r="EX6" s="152">
        <v>731</v>
      </c>
      <c r="EY6" s="157">
        <v>12816</v>
      </c>
      <c r="EZ6" s="156">
        <v>15518</v>
      </c>
    </row>
    <row r="7" spans="2:156" ht="21" customHeight="1" x14ac:dyDescent="0.2">
      <c r="B7" s="158" t="s">
        <v>5</v>
      </c>
      <c r="C7" s="159">
        <v>0</v>
      </c>
      <c r="D7" s="160">
        <v>0</v>
      </c>
      <c r="E7" s="161">
        <v>0</v>
      </c>
      <c r="F7" s="162">
        <v>0</v>
      </c>
      <c r="G7" s="160">
        <v>483</v>
      </c>
      <c r="H7" s="160">
        <v>664</v>
      </c>
      <c r="I7" s="160">
        <v>344</v>
      </c>
      <c r="J7" s="160">
        <v>244</v>
      </c>
      <c r="K7" s="160">
        <v>178</v>
      </c>
      <c r="L7" s="163">
        <v>1913</v>
      </c>
      <c r="M7" s="164">
        <v>1913</v>
      </c>
      <c r="N7" s="159">
        <v>0</v>
      </c>
      <c r="O7" s="160">
        <v>1</v>
      </c>
      <c r="P7" s="165">
        <v>1</v>
      </c>
      <c r="Q7" s="162">
        <v>0</v>
      </c>
      <c r="R7" s="160">
        <v>5</v>
      </c>
      <c r="S7" s="160">
        <v>11</v>
      </c>
      <c r="T7" s="160">
        <v>22</v>
      </c>
      <c r="U7" s="160">
        <v>44</v>
      </c>
      <c r="V7" s="160">
        <v>89</v>
      </c>
      <c r="W7" s="165">
        <v>171</v>
      </c>
      <c r="X7" s="164">
        <v>172</v>
      </c>
      <c r="Y7" s="159">
        <v>90</v>
      </c>
      <c r="Z7" s="160">
        <v>249</v>
      </c>
      <c r="AA7" s="165">
        <v>339</v>
      </c>
      <c r="AB7" s="162">
        <v>0</v>
      </c>
      <c r="AC7" s="160">
        <v>373</v>
      </c>
      <c r="AD7" s="160">
        <v>706</v>
      </c>
      <c r="AE7" s="160">
        <v>421</v>
      </c>
      <c r="AF7" s="160">
        <v>271</v>
      </c>
      <c r="AG7" s="160">
        <v>153</v>
      </c>
      <c r="AH7" s="165">
        <v>1924</v>
      </c>
      <c r="AI7" s="164">
        <v>2263</v>
      </c>
      <c r="AJ7" s="159">
        <v>9</v>
      </c>
      <c r="AK7" s="160">
        <v>28</v>
      </c>
      <c r="AL7" s="165">
        <v>37</v>
      </c>
      <c r="AM7" s="162">
        <v>0</v>
      </c>
      <c r="AN7" s="160">
        <v>28</v>
      </c>
      <c r="AO7" s="160">
        <v>38</v>
      </c>
      <c r="AP7" s="160">
        <v>33</v>
      </c>
      <c r="AQ7" s="160">
        <v>22</v>
      </c>
      <c r="AR7" s="160">
        <v>16</v>
      </c>
      <c r="AS7" s="165">
        <v>137</v>
      </c>
      <c r="AT7" s="164">
        <v>174</v>
      </c>
      <c r="AU7" s="159">
        <v>124</v>
      </c>
      <c r="AV7" s="160">
        <v>208</v>
      </c>
      <c r="AW7" s="165">
        <v>332</v>
      </c>
      <c r="AX7" s="162">
        <v>0</v>
      </c>
      <c r="AY7" s="160">
        <v>501</v>
      </c>
      <c r="AZ7" s="160">
        <v>807</v>
      </c>
      <c r="BA7" s="160">
        <v>662</v>
      </c>
      <c r="BB7" s="160">
        <v>562</v>
      </c>
      <c r="BC7" s="160">
        <v>348</v>
      </c>
      <c r="BD7" s="163">
        <v>2880</v>
      </c>
      <c r="BE7" s="164">
        <v>3212</v>
      </c>
      <c r="BF7" s="159">
        <v>0</v>
      </c>
      <c r="BG7" s="160">
        <v>0</v>
      </c>
      <c r="BH7" s="165">
        <v>0</v>
      </c>
      <c r="BI7" s="162">
        <v>0</v>
      </c>
      <c r="BJ7" s="160">
        <v>588</v>
      </c>
      <c r="BK7" s="160">
        <v>609</v>
      </c>
      <c r="BL7" s="160">
        <v>311</v>
      </c>
      <c r="BM7" s="160">
        <v>131</v>
      </c>
      <c r="BN7" s="160">
        <v>65</v>
      </c>
      <c r="BO7" s="165">
        <v>1704</v>
      </c>
      <c r="BP7" s="164">
        <v>1704</v>
      </c>
      <c r="BQ7" s="159">
        <v>69</v>
      </c>
      <c r="BR7" s="160">
        <v>97</v>
      </c>
      <c r="BS7" s="165">
        <v>166</v>
      </c>
      <c r="BT7" s="162">
        <v>0</v>
      </c>
      <c r="BU7" s="160">
        <v>133</v>
      </c>
      <c r="BV7" s="160">
        <v>243</v>
      </c>
      <c r="BW7" s="160">
        <v>145</v>
      </c>
      <c r="BX7" s="160">
        <v>85</v>
      </c>
      <c r="BY7" s="160">
        <v>18</v>
      </c>
      <c r="BZ7" s="165">
        <v>624</v>
      </c>
      <c r="CA7" s="164">
        <v>790</v>
      </c>
      <c r="CB7" s="159">
        <v>1</v>
      </c>
      <c r="CC7" s="160">
        <v>7</v>
      </c>
      <c r="CD7" s="165">
        <v>8</v>
      </c>
      <c r="CE7" s="162">
        <v>0</v>
      </c>
      <c r="CF7" s="160">
        <v>81</v>
      </c>
      <c r="CG7" s="160">
        <v>106</v>
      </c>
      <c r="CH7" s="160">
        <v>107</v>
      </c>
      <c r="CI7" s="160">
        <v>78</v>
      </c>
      <c r="CJ7" s="160">
        <v>34</v>
      </c>
      <c r="CK7" s="165">
        <v>406</v>
      </c>
      <c r="CL7" s="164">
        <v>414</v>
      </c>
      <c r="CM7" s="159">
        <v>0</v>
      </c>
      <c r="CN7" s="160">
        <v>0</v>
      </c>
      <c r="CO7" s="165">
        <v>0</v>
      </c>
      <c r="CP7" s="162">
        <v>0</v>
      </c>
      <c r="CQ7" s="160">
        <v>9</v>
      </c>
      <c r="CR7" s="160">
        <v>22</v>
      </c>
      <c r="CS7" s="160">
        <v>32</v>
      </c>
      <c r="CT7" s="160">
        <v>27</v>
      </c>
      <c r="CU7" s="160">
        <v>13</v>
      </c>
      <c r="CV7" s="165">
        <v>103</v>
      </c>
      <c r="CW7" s="164">
        <v>103</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40</v>
      </c>
      <c r="DU7" s="160">
        <v>667</v>
      </c>
      <c r="DV7" s="165">
        <v>907</v>
      </c>
      <c r="DW7" s="162">
        <v>0</v>
      </c>
      <c r="DX7" s="160">
        <v>577</v>
      </c>
      <c r="DY7" s="160">
        <v>1473</v>
      </c>
      <c r="DZ7" s="160">
        <v>825</v>
      </c>
      <c r="EA7" s="160">
        <v>546</v>
      </c>
      <c r="EB7" s="160">
        <v>314</v>
      </c>
      <c r="EC7" s="165">
        <v>3735</v>
      </c>
      <c r="ED7" s="164">
        <v>4642</v>
      </c>
      <c r="EE7" s="159">
        <v>68</v>
      </c>
      <c r="EF7" s="160">
        <v>74</v>
      </c>
      <c r="EG7" s="165">
        <v>142</v>
      </c>
      <c r="EH7" s="162">
        <v>0</v>
      </c>
      <c r="EI7" s="160">
        <v>194</v>
      </c>
      <c r="EJ7" s="160">
        <v>267</v>
      </c>
      <c r="EK7" s="160">
        <v>190</v>
      </c>
      <c r="EL7" s="160">
        <v>224</v>
      </c>
      <c r="EM7" s="160">
        <v>107</v>
      </c>
      <c r="EN7" s="165">
        <v>982</v>
      </c>
      <c r="EO7" s="164">
        <v>1124</v>
      </c>
      <c r="EP7" s="159">
        <v>371</v>
      </c>
      <c r="EQ7" s="160">
        <v>867</v>
      </c>
      <c r="ER7" s="165">
        <v>1238</v>
      </c>
      <c r="ES7" s="162">
        <v>0</v>
      </c>
      <c r="ET7" s="160">
        <v>1540</v>
      </c>
      <c r="EU7" s="160">
        <v>2040</v>
      </c>
      <c r="EV7" s="160">
        <v>1003</v>
      </c>
      <c r="EW7" s="160">
        <v>602</v>
      </c>
      <c r="EX7" s="160">
        <v>319</v>
      </c>
      <c r="EY7" s="165">
        <v>5504</v>
      </c>
      <c r="EZ7" s="164">
        <v>6742</v>
      </c>
    </row>
    <row r="8" spans="2:156" ht="21" customHeight="1" x14ac:dyDescent="0.2">
      <c r="B8" s="166" t="s">
        <v>6</v>
      </c>
      <c r="C8" s="159">
        <v>0</v>
      </c>
      <c r="D8" s="160">
        <v>0</v>
      </c>
      <c r="E8" s="161">
        <v>0</v>
      </c>
      <c r="F8" s="162">
        <v>0</v>
      </c>
      <c r="G8" s="160">
        <v>181</v>
      </c>
      <c r="H8" s="160">
        <v>160</v>
      </c>
      <c r="I8" s="160">
        <v>73</v>
      </c>
      <c r="J8" s="160">
        <v>63</v>
      </c>
      <c r="K8" s="160">
        <v>51</v>
      </c>
      <c r="L8" s="163">
        <v>528</v>
      </c>
      <c r="M8" s="164">
        <v>528</v>
      </c>
      <c r="N8" s="159">
        <v>0</v>
      </c>
      <c r="O8" s="160">
        <v>0</v>
      </c>
      <c r="P8" s="165">
        <v>0</v>
      </c>
      <c r="Q8" s="162">
        <v>0</v>
      </c>
      <c r="R8" s="160">
        <v>2</v>
      </c>
      <c r="S8" s="160">
        <v>3</v>
      </c>
      <c r="T8" s="160">
        <v>2</v>
      </c>
      <c r="U8" s="160">
        <v>10</v>
      </c>
      <c r="V8" s="160">
        <v>22</v>
      </c>
      <c r="W8" s="165">
        <v>39</v>
      </c>
      <c r="X8" s="164">
        <v>39</v>
      </c>
      <c r="Y8" s="159">
        <v>20</v>
      </c>
      <c r="Z8" s="160">
        <v>48</v>
      </c>
      <c r="AA8" s="165">
        <v>68</v>
      </c>
      <c r="AB8" s="162">
        <v>0</v>
      </c>
      <c r="AC8" s="160">
        <v>144</v>
      </c>
      <c r="AD8" s="160">
        <v>167</v>
      </c>
      <c r="AE8" s="160">
        <v>70</v>
      </c>
      <c r="AF8" s="160">
        <v>68</v>
      </c>
      <c r="AG8" s="160">
        <v>51</v>
      </c>
      <c r="AH8" s="165">
        <v>500</v>
      </c>
      <c r="AI8" s="164">
        <v>568</v>
      </c>
      <c r="AJ8" s="159">
        <v>3</v>
      </c>
      <c r="AK8" s="160">
        <v>3</v>
      </c>
      <c r="AL8" s="165">
        <v>6</v>
      </c>
      <c r="AM8" s="162">
        <v>0</v>
      </c>
      <c r="AN8" s="160">
        <v>18</v>
      </c>
      <c r="AO8" s="160">
        <v>19</v>
      </c>
      <c r="AP8" s="160">
        <v>5</v>
      </c>
      <c r="AQ8" s="160">
        <v>7</v>
      </c>
      <c r="AR8" s="160">
        <v>7</v>
      </c>
      <c r="AS8" s="165">
        <v>56</v>
      </c>
      <c r="AT8" s="164">
        <v>62</v>
      </c>
      <c r="AU8" s="159">
        <v>49</v>
      </c>
      <c r="AV8" s="160">
        <v>47</v>
      </c>
      <c r="AW8" s="165">
        <v>96</v>
      </c>
      <c r="AX8" s="162">
        <v>0</v>
      </c>
      <c r="AY8" s="160">
        <v>240</v>
      </c>
      <c r="AZ8" s="160">
        <v>232</v>
      </c>
      <c r="BA8" s="160">
        <v>169</v>
      </c>
      <c r="BB8" s="160">
        <v>176</v>
      </c>
      <c r="BC8" s="160">
        <v>106</v>
      </c>
      <c r="BD8" s="163">
        <v>923</v>
      </c>
      <c r="BE8" s="164">
        <v>1019</v>
      </c>
      <c r="BF8" s="159">
        <v>0</v>
      </c>
      <c r="BG8" s="160">
        <v>0</v>
      </c>
      <c r="BH8" s="165">
        <v>0</v>
      </c>
      <c r="BI8" s="162">
        <v>0</v>
      </c>
      <c r="BJ8" s="160">
        <v>245</v>
      </c>
      <c r="BK8" s="160">
        <v>212</v>
      </c>
      <c r="BL8" s="160">
        <v>85</v>
      </c>
      <c r="BM8" s="160">
        <v>42</v>
      </c>
      <c r="BN8" s="160">
        <v>18</v>
      </c>
      <c r="BO8" s="165">
        <v>602</v>
      </c>
      <c r="BP8" s="164">
        <v>602</v>
      </c>
      <c r="BQ8" s="159">
        <v>9</v>
      </c>
      <c r="BR8" s="160">
        <v>11</v>
      </c>
      <c r="BS8" s="165">
        <v>20</v>
      </c>
      <c r="BT8" s="162">
        <v>0</v>
      </c>
      <c r="BU8" s="160">
        <v>52</v>
      </c>
      <c r="BV8" s="160">
        <v>57</v>
      </c>
      <c r="BW8" s="160">
        <v>29</v>
      </c>
      <c r="BX8" s="160">
        <v>20</v>
      </c>
      <c r="BY8" s="160">
        <v>6</v>
      </c>
      <c r="BZ8" s="165">
        <v>164</v>
      </c>
      <c r="CA8" s="164">
        <v>184</v>
      </c>
      <c r="CB8" s="159">
        <v>1</v>
      </c>
      <c r="CC8" s="160">
        <v>1</v>
      </c>
      <c r="CD8" s="165">
        <v>2</v>
      </c>
      <c r="CE8" s="162">
        <v>0</v>
      </c>
      <c r="CF8" s="160">
        <v>14</v>
      </c>
      <c r="CG8" s="160">
        <v>29</v>
      </c>
      <c r="CH8" s="160">
        <v>28</v>
      </c>
      <c r="CI8" s="160">
        <v>18</v>
      </c>
      <c r="CJ8" s="160">
        <v>12</v>
      </c>
      <c r="CK8" s="165">
        <v>101</v>
      </c>
      <c r="CL8" s="164">
        <v>103</v>
      </c>
      <c r="CM8" s="159">
        <v>0</v>
      </c>
      <c r="CN8" s="160">
        <v>0</v>
      </c>
      <c r="CO8" s="165">
        <v>0</v>
      </c>
      <c r="CP8" s="162">
        <v>0</v>
      </c>
      <c r="CQ8" s="160">
        <v>3</v>
      </c>
      <c r="CR8" s="160">
        <v>5</v>
      </c>
      <c r="CS8" s="160">
        <v>7</v>
      </c>
      <c r="CT8" s="160">
        <v>3</v>
      </c>
      <c r="CU8" s="160">
        <v>2</v>
      </c>
      <c r="CV8" s="165">
        <v>20</v>
      </c>
      <c r="CW8" s="164">
        <v>20</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6</v>
      </c>
      <c r="DU8" s="160">
        <v>128</v>
      </c>
      <c r="DV8" s="165">
        <v>204</v>
      </c>
      <c r="DW8" s="162">
        <v>0</v>
      </c>
      <c r="DX8" s="160">
        <v>274</v>
      </c>
      <c r="DY8" s="160">
        <v>391</v>
      </c>
      <c r="DZ8" s="160">
        <v>189</v>
      </c>
      <c r="EA8" s="160">
        <v>155</v>
      </c>
      <c r="EB8" s="160">
        <v>95</v>
      </c>
      <c r="EC8" s="165">
        <v>1104</v>
      </c>
      <c r="ED8" s="164">
        <v>1308</v>
      </c>
      <c r="EE8" s="159">
        <v>27</v>
      </c>
      <c r="EF8" s="160">
        <v>15</v>
      </c>
      <c r="EG8" s="165">
        <v>42</v>
      </c>
      <c r="EH8" s="162">
        <v>0</v>
      </c>
      <c r="EI8" s="160">
        <v>96</v>
      </c>
      <c r="EJ8" s="160">
        <v>64</v>
      </c>
      <c r="EK8" s="160">
        <v>58</v>
      </c>
      <c r="EL8" s="160">
        <v>64</v>
      </c>
      <c r="EM8" s="160">
        <v>30</v>
      </c>
      <c r="EN8" s="165">
        <v>312</v>
      </c>
      <c r="EO8" s="164">
        <v>354</v>
      </c>
      <c r="EP8" s="159">
        <v>97</v>
      </c>
      <c r="EQ8" s="160">
        <v>168</v>
      </c>
      <c r="ER8" s="165">
        <v>265</v>
      </c>
      <c r="ES8" s="162">
        <v>0</v>
      </c>
      <c r="ET8" s="160">
        <v>590</v>
      </c>
      <c r="EU8" s="160">
        <v>535</v>
      </c>
      <c r="EV8" s="160">
        <v>225</v>
      </c>
      <c r="EW8" s="160">
        <v>149</v>
      </c>
      <c r="EX8" s="160">
        <v>98</v>
      </c>
      <c r="EY8" s="165">
        <v>1597</v>
      </c>
      <c r="EZ8" s="164">
        <v>1862</v>
      </c>
    </row>
    <row r="9" spans="2:156" ht="21" customHeight="1" x14ac:dyDescent="0.2">
      <c r="B9" s="166" t="s">
        <v>14</v>
      </c>
      <c r="C9" s="159">
        <v>0</v>
      </c>
      <c r="D9" s="160">
        <v>0</v>
      </c>
      <c r="E9" s="161">
        <v>0</v>
      </c>
      <c r="F9" s="162">
        <v>0</v>
      </c>
      <c r="G9" s="160">
        <v>54</v>
      </c>
      <c r="H9" s="160">
        <v>103</v>
      </c>
      <c r="I9" s="160">
        <v>53</v>
      </c>
      <c r="J9" s="160">
        <v>34</v>
      </c>
      <c r="K9" s="160">
        <v>30</v>
      </c>
      <c r="L9" s="163">
        <v>274</v>
      </c>
      <c r="M9" s="164">
        <v>274</v>
      </c>
      <c r="N9" s="159">
        <v>0</v>
      </c>
      <c r="O9" s="160">
        <v>0</v>
      </c>
      <c r="P9" s="165">
        <v>0</v>
      </c>
      <c r="Q9" s="162">
        <v>0</v>
      </c>
      <c r="R9" s="160">
        <v>0</v>
      </c>
      <c r="S9" s="160">
        <v>3</v>
      </c>
      <c r="T9" s="160">
        <v>3</v>
      </c>
      <c r="U9" s="160">
        <v>6</v>
      </c>
      <c r="V9" s="160">
        <v>6</v>
      </c>
      <c r="W9" s="165">
        <v>18</v>
      </c>
      <c r="X9" s="164">
        <v>18</v>
      </c>
      <c r="Y9" s="159">
        <v>13</v>
      </c>
      <c r="Z9" s="160">
        <v>29</v>
      </c>
      <c r="AA9" s="165">
        <v>42</v>
      </c>
      <c r="AB9" s="162">
        <v>0</v>
      </c>
      <c r="AC9" s="160">
        <v>48</v>
      </c>
      <c r="AD9" s="160">
        <v>93</v>
      </c>
      <c r="AE9" s="160">
        <v>64</v>
      </c>
      <c r="AF9" s="160">
        <v>43</v>
      </c>
      <c r="AG9" s="160">
        <v>30</v>
      </c>
      <c r="AH9" s="165">
        <v>278</v>
      </c>
      <c r="AI9" s="164">
        <v>320</v>
      </c>
      <c r="AJ9" s="159">
        <v>1</v>
      </c>
      <c r="AK9" s="160">
        <v>2</v>
      </c>
      <c r="AL9" s="165">
        <v>3</v>
      </c>
      <c r="AM9" s="162">
        <v>0</v>
      </c>
      <c r="AN9" s="160">
        <v>0</v>
      </c>
      <c r="AO9" s="160">
        <v>3</v>
      </c>
      <c r="AP9" s="160">
        <v>2</v>
      </c>
      <c r="AQ9" s="160">
        <v>4</v>
      </c>
      <c r="AR9" s="160">
        <v>1</v>
      </c>
      <c r="AS9" s="165">
        <v>10</v>
      </c>
      <c r="AT9" s="164">
        <v>13</v>
      </c>
      <c r="AU9" s="159">
        <v>25</v>
      </c>
      <c r="AV9" s="160">
        <v>21</v>
      </c>
      <c r="AW9" s="165">
        <v>46</v>
      </c>
      <c r="AX9" s="162">
        <v>0</v>
      </c>
      <c r="AY9" s="160">
        <v>88</v>
      </c>
      <c r="AZ9" s="160">
        <v>125</v>
      </c>
      <c r="BA9" s="160">
        <v>121</v>
      </c>
      <c r="BB9" s="160">
        <v>102</v>
      </c>
      <c r="BC9" s="160">
        <v>61</v>
      </c>
      <c r="BD9" s="163">
        <v>497</v>
      </c>
      <c r="BE9" s="164">
        <v>543</v>
      </c>
      <c r="BF9" s="159">
        <v>0</v>
      </c>
      <c r="BG9" s="160">
        <v>0</v>
      </c>
      <c r="BH9" s="165">
        <v>0</v>
      </c>
      <c r="BI9" s="162">
        <v>0</v>
      </c>
      <c r="BJ9" s="160">
        <v>107</v>
      </c>
      <c r="BK9" s="160">
        <v>132</v>
      </c>
      <c r="BL9" s="160">
        <v>85</v>
      </c>
      <c r="BM9" s="160">
        <v>39</v>
      </c>
      <c r="BN9" s="160">
        <v>14</v>
      </c>
      <c r="BO9" s="165">
        <v>377</v>
      </c>
      <c r="BP9" s="164">
        <v>377</v>
      </c>
      <c r="BQ9" s="159">
        <v>5</v>
      </c>
      <c r="BR9" s="160">
        <v>12</v>
      </c>
      <c r="BS9" s="165">
        <v>17</v>
      </c>
      <c r="BT9" s="162">
        <v>0</v>
      </c>
      <c r="BU9" s="160">
        <v>10</v>
      </c>
      <c r="BV9" s="160">
        <v>27</v>
      </c>
      <c r="BW9" s="160">
        <v>16</v>
      </c>
      <c r="BX9" s="160">
        <v>9</v>
      </c>
      <c r="BY9" s="160">
        <v>0</v>
      </c>
      <c r="BZ9" s="165">
        <v>62</v>
      </c>
      <c r="CA9" s="164">
        <v>79</v>
      </c>
      <c r="CB9" s="159">
        <v>2</v>
      </c>
      <c r="CC9" s="160">
        <v>0</v>
      </c>
      <c r="CD9" s="165">
        <v>2</v>
      </c>
      <c r="CE9" s="162">
        <v>0</v>
      </c>
      <c r="CF9" s="160">
        <v>3</v>
      </c>
      <c r="CG9" s="160">
        <v>22</v>
      </c>
      <c r="CH9" s="160">
        <v>22</v>
      </c>
      <c r="CI9" s="160">
        <v>18</v>
      </c>
      <c r="CJ9" s="160">
        <v>8</v>
      </c>
      <c r="CK9" s="165">
        <v>73</v>
      </c>
      <c r="CL9" s="164">
        <v>75</v>
      </c>
      <c r="CM9" s="159">
        <v>0</v>
      </c>
      <c r="CN9" s="160">
        <v>0</v>
      </c>
      <c r="CO9" s="165">
        <v>0</v>
      </c>
      <c r="CP9" s="162">
        <v>0</v>
      </c>
      <c r="CQ9" s="160">
        <v>0</v>
      </c>
      <c r="CR9" s="160">
        <v>2</v>
      </c>
      <c r="CS9" s="160">
        <v>2</v>
      </c>
      <c r="CT9" s="160">
        <v>2</v>
      </c>
      <c r="CU9" s="160">
        <v>1</v>
      </c>
      <c r="CV9" s="165">
        <v>7</v>
      </c>
      <c r="CW9" s="164">
        <v>7</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4</v>
      </c>
      <c r="DU9" s="160">
        <v>114</v>
      </c>
      <c r="DV9" s="165">
        <v>148</v>
      </c>
      <c r="DW9" s="162">
        <v>0</v>
      </c>
      <c r="DX9" s="160">
        <v>115</v>
      </c>
      <c r="DY9" s="160">
        <v>251</v>
      </c>
      <c r="DZ9" s="160">
        <v>157</v>
      </c>
      <c r="EA9" s="160">
        <v>101</v>
      </c>
      <c r="EB9" s="160">
        <v>53</v>
      </c>
      <c r="EC9" s="165">
        <v>677</v>
      </c>
      <c r="ED9" s="164">
        <v>825</v>
      </c>
      <c r="EE9" s="159">
        <v>14</v>
      </c>
      <c r="EF9" s="160">
        <v>8</v>
      </c>
      <c r="EG9" s="165">
        <v>22</v>
      </c>
      <c r="EH9" s="162">
        <v>0</v>
      </c>
      <c r="EI9" s="160">
        <v>33</v>
      </c>
      <c r="EJ9" s="160">
        <v>29</v>
      </c>
      <c r="EK9" s="160">
        <v>29</v>
      </c>
      <c r="EL9" s="160">
        <v>20</v>
      </c>
      <c r="EM9" s="160">
        <v>13</v>
      </c>
      <c r="EN9" s="165">
        <v>124</v>
      </c>
      <c r="EO9" s="164">
        <v>146</v>
      </c>
      <c r="EP9" s="159">
        <v>51</v>
      </c>
      <c r="EQ9" s="160">
        <v>142</v>
      </c>
      <c r="ER9" s="165">
        <v>193</v>
      </c>
      <c r="ES9" s="162">
        <v>0</v>
      </c>
      <c r="ET9" s="160">
        <v>259</v>
      </c>
      <c r="EU9" s="160">
        <v>347</v>
      </c>
      <c r="EV9" s="160">
        <v>196</v>
      </c>
      <c r="EW9" s="160">
        <v>115</v>
      </c>
      <c r="EX9" s="160">
        <v>50</v>
      </c>
      <c r="EY9" s="165">
        <v>967</v>
      </c>
      <c r="EZ9" s="164">
        <v>1160</v>
      </c>
    </row>
    <row r="10" spans="2:156" ht="21" customHeight="1" x14ac:dyDescent="0.2">
      <c r="B10" s="166" t="s">
        <v>7</v>
      </c>
      <c r="C10" s="159">
        <v>0</v>
      </c>
      <c r="D10" s="160">
        <v>0</v>
      </c>
      <c r="E10" s="161">
        <v>0</v>
      </c>
      <c r="F10" s="162">
        <v>0</v>
      </c>
      <c r="G10" s="160">
        <v>106</v>
      </c>
      <c r="H10" s="160">
        <v>76</v>
      </c>
      <c r="I10" s="160">
        <v>36</v>
      </c>
      <c r="J10" s="160">
        <v>38</v>
      </c>
      <c r="K10" s="160">
        <v>27</v>
      </c>
      <c r="L10" s="163">
        <v>283</v>
      </c>
      <c r="M10" s="164">
        <v>283</v>
      </c>
      <c r="N10" s="159">
        <v>0</v>
      </c>
      <c r="O10" s="160">
        <v>0</v>
      </c>
      <c r="P10" s="165">
        <v>0</v>
      </c>
      <c r="Q10" s="162">
        <v>0</v>
      </c>
      <c r="R10" s="160">
        <v>0</v>
      </c>
      <c r="S10" s="160">
        <v>2</v>
      </c>
      <c r="T10" s="160">
        <v>5</v>
      </c>
      <c r="U10" s="160">
        <v>7</v>
      </c>
      <c r="V10" s="160">
        <v>13</v>
      </c>
      <c r="W10" s="165">
        <v>27</v>
      </c>
      <c r="X10" s="164">
        <v>27</v>
      </c>
      <c r="Y10" s="159">
        <v>4</v>
      </c>
      <c r="Z10" s="160">
        <v>3</v>
      </c>
      <c r="AA10" s="165">
        <v>7</v>
      </c>
      <c r="AB10" s="162">
        <v>0</v>
      </c>
      <c r="AC10" s="160">
        <v>57</v>
      </c>
      <c r="AD10" s="160">
        <v>54</v>
      </c>
      <c r="AE10" s="160">
        <v>27</v>
      </c>
      <c r="AF10" s="160">
        <v>21</v>
      </c>
      <c r="AG10" s="160">
        <v>24</v>
      </c>
      <c r="AH10" s="165">
        <v>183</v>
      </c>
      <c r="AI10" s="164">
        <v>190</v>
      </c>
      <c r="AJ10" s="159">
        <v>1</v>
      </c>
      <c r="AK10" s="160">
        <v>0</v>
      </c>
      <c r="AL10" s="165">
        <v>1</v>
      </c>
      <c r="AM10" s="162">
        <v>0</v>
      </c>
      <c r="AN10" s="160">
        <v>8</v>
      </c>
      <c r="AO10" s="160">
        <v>8</v>
      </c>
      <c r="AP10" s="160">
        <v>5</v>
      </c>
      <c r="AQ10" s="160">
        <v>7</v>
      </c>
      <c r="AR10" s="160">
        <v>1</v>
      </c>
      <c r="AS10" s="165">
        <v>29</v>
      </c>
      <c r="AT10" s="164">
        <v>30</v>
      </c>
      <c r="AU10" s="159">
        <v>15</v>
      </c>
      <c r="AV10" s="160">
        <v>15</v>
      </c>
      <c r="AW10" s="165">
        <v>30</v>
      </c>
      <c r="AX10" s="162">
        <v>0</v>
      </c>
      <c r="AY10" s="160">
        <v>106</v>
      </c>
      <c r="AZ10" s="160">
        <v>116</v>
      </c>
      <c r="BA10" s="160">
        <v>98</v>
      </c>
      <c r="BB10" s="160">
        <v>77</v>
      </c>
      <c r="BC10" s="160">
        <v>52</v>
      </c>
      <c r="BD10" s="163">
        <v>449</v>
      </c>
      <c r="BE10" s="164">
        <v>479</v>
      </c>
      <c r="BF10" s="159">
        <v>0</v>
      </c>
      <c r="BG10" s="160">
        <v>0</v>
      </c>
      <c r="BH10" s="165">
        <v>0</v>
      </c>
      <c r="BI10" s="162">
        <v>0</v>
      </c>
      <c r="BJ10" s="160">
        <v>160</v>
      </c>
      <c r="BK10" s="160">
        <v>87</v>
      </c>
      <c r="BL10" s="160">
        <v>49</v>
      </c>
      <c r="BM10" s="160">
        <v>9</v>
      </c>
      <c r="BN10" s="160">
        <v>6</v>
      </c>
      <c r="BO10" s="165">
        <v>311</v>
      </c>
      <c r="BP10" s="164">
        <v>311</v>
      </c>
      <c r="BQ10" s="159">
        <v>2</v>
      </c>
      <c r="BR10" s="160">
        <v>4</v>
      </c>
      <c r="BS10" s="165">
        <v>6</v>
      </c>
      <c r="BT10" s="162">
        <v>0</v>
      </c>
      <c r="BU10" s="160">
        <v>22</v>
      </c>
      <c r="BV10" s="160">
        <v>25</v>
      </c>
      <c r="BW10" s="160">
        <v>8</v>
      </c>
      <c r="BX10" s="160">
        <v>4</v>
      </c>
      <c r="BY10" s="160">
        <v>2</v>
      </c>
      <c r="BZ10" s="165">
        <v>61</v>
      </c>
      <c r="CA10" s="164">
        <v>67</v>
      </c>
      <c r="CB10" s="159">
        <v>1</v>
      </c>
      <c r="CC10" s="160">
        <v>1</v>
      </c>
      <c r="CD10" s="165">
        <v>2</v>
      </c>
      <c r="CE10" s="162">
        <v>0</v>
      </c>
      <c r="CF10" s="160">
        <v>21</v>
      </c>
      <c r="CG10" s="160">
        <v>30</v>
      </c>
      <c r="CH10" s="160">
        <v>27</v>
      </c>
      <c r="CI10" s="160">
        <v>12</v>
      </c>
      <c r="CJ10" s="160">
        <v>4</v>
      </c>
      <c r="CK10" s="165">
        <v>94</v>
      </c>
      <c r="CL10" s="164">
        <v>96</v>
      </c>
      <c r="CM10" s="159">
        <v>0</v>
      </c>
      <c r="CN10" s="160">
        <v>0</v>
      </c>
      <c r="CO10" s="165">
        <v>0</v>
      </c>
      <c r="CP10" s="162">
        <v>0</v>
      </c>
      <c r="CQ10" s="160">
        <v>1</v>
      </c>
      <c r="CR10" s="160">
        <v>0</v>
      </c>
      <c r="CS10" s="160">
        <v>0</v>
      </c>
      <c r="CT10" s="160">
        <v>1</v>
      </c>
      <c r="CU10" s="160">
        <v>0</v>
      </c>
      <c r="CV10" s="165">
        <v>2</v>
      </c>
      <c r="CW10" s="164">
        <v>2</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2</v>
      </c>
      <c r="DU10" s="160">
        <v>44</v>
      </c>
      <c r="DV10" s="165">
        <v>76</v>
      </c>
      <c r="DW10" s="162">
        <v>0</v>
      </c>
      <c r="DX10" s="160">
        <v>174</v>
      </c>
      <c r="DY10" s="160">
        <v>182</v>
      </c>
      <c r="DZ10" s="160">
        <v>85</v>
      </c>
      <c r="EA10" s="160">
        <v>64</v>
      </c>
      <c r="EB10" s="160">
        <v>43</v>
      </c>
      <c r="EC10" s="165">
        <v>548</v>
      </c>
      <c r="ED10" s="164">
        <v>624</v>
      </c>
      <c r="EE10" s="159">
        <v>9</v>
      </c>
      <c r="EF10" s="160">
        <v>13</v>
      </c>
      <c r="EG10" s="165">
        <v>22</v>
      </c>
      <c r="EH10" s="162">
        <v>0</v>
      </c>
      <c r="EI10" s="160">
        <v>39</v>
      </c>
      <c r="EJ10" s="160">
        <v>39</v>
      </c>
      <c r="EK10" s="160">
        <v>35</v>
      </c>
      <c r="EL10" s="160">
        <v>24</v>
      </c>
      <c r="EM10" s="160">
        <v>19</v>
      </c>
      <c r="EN10" s="165">
        <v>156</v>
      </c>
      <c r="EO10" s="164">
        <v>178</v>
      </c>
      <c r="EP10" s="159">
        <v>38</v>
      </c>
      <c r="EQ10" s="160">
        <v>48</v>
      </c>
      <c r="ER10" s="165">
        <v>86</v>
      </c>
      <c r="ES10" s="162">
        <v>0</v>
      </c>
      <c r="ET10" s="160">
        <v>386</v>
      </c>
      <c r="EU10" s="160">
        <v>251</v>
      </c>
      <c r="EV10" s="160">
        <v>114</v>
      </c>
      <c r="EW10" s="160">
        <v>72</v>
      </c>
      <c r="EX10" s="160">
        <v>42</v>
      </c>
      <c r="EY10" s="165">
        <v>865</v>
      </c>
      <c r="EZ10" s="164">
        <v>951</v>
      </c>
    </row>
    <row r="11" spans="2:156" ht="21" customHeight="1" x14ac:dyDescent="0.2">
      <c r="B11" s="166" t="s">
        <v>8</v>
      </c>
      <c r="C11" s="159">
        <v>0</v>
      </c>
      <c r="D11" s="160">
        <v>0</v>
      </c>
      <c r="E11" s="161">
        <v>0</v>
      </c>
      <c r="F11" s="162">
        <v>0</v>
      </c>
      <c r="G11" s="160">
        <v>25</v>
      </c>
      <c r="H11" s="160">
        <v>20</v>
      </c>
      <c r="I11" s="160">
        <v>24</v>
      </c>
      <c r="J11" s="160">
        <v>12</v>
      </c>
      <c r="K11" s="160">
        <v>12</v>
      </c>
      <c r="L11" s="163">
        <v>93</v>
      </c>
      <c r="M11" s="164">
        <v>93</v>
      </c>
      <c r="N11" s="159">
        <v>0</v>
      </c>
      <c r="O11" s="160">
        <v>0</v>
      </c>
      <c r="P11" s="165">
        <v>0</v>
      </c>
      <c r="Q11" s="162">
        <v>0</v>
      </c>
      <c r="R11" s="160">
        <v>0</v>
      </c>
      <c r="S11" s="160">
        <v>1</v>
      </c>
      <c r="T11" s="160">
        <v>4</v>
      </c>
      <c r="U11" s="160">
        <v>1</v>
      </c>
      <c r="V11" s="160">
        <v>5</v>
      </c>
      <c r="W11" s="165">
        <v>11</v>
      </c>
      <c r="X11" s="164">
        <v>11</v>
      </c>
      <c r="Y11" s="159">
        <v>5</v>
      </c>
      <c r="Z11" s="160">
        <v>3</v>
      </c>
      <c r="AA11" s="165">
        <v>8</v>
      </c>
      <c r="AB11" s="162">
        <v>0</v>
      </c>
      <c r="AC11" s="160">
        <v>22</v>
      </c>
      <c r="AD11" s="160">
        <v>25</v>
      </c>
      <c r="AE11" s="160">
        <v>28</v>
      </c>
      <c r="AF11" s="160">
        <v>11</v>
      </c>
      <c r="AG11" s="160">
        <v>9</v>
      </c>
      <c r="AH11" s="165">
        <v>95</v>
      </c>
      <c r="AI11" s="164">
        <v>103</v>
      </c>
      <c r="AJ11" s="159">
        <v>1</v>
      </c>
      <c r="AK11" s="160">
        <v>0</v>
      </c>
      <c r="AL11" s="165">
        <v>1</v>
      </c>
      <c r="AM11" s="162">
        <v>0</v>
      </c>
      <c r="AN11" s="160">
        <v>6</v>
      </c>
      <c r="AO11" s="160">
        <v>1</v>
      </c>
      <c r="AP11" s="160">
        <v>8</v>
      </c>
      <c r="AQ11" s="160">
        <v>0</v>
      </c>
      <c r="AR11" s="160">
        <v>2</v>
      </c>
      <c r="AS11" s="165">
        <v>17</v>
      </c>
      <c r="AT11" s="164">
        <v>18</v>
      </c>
      <c r="AU11" s="159">
        <v>5</v>
      </c>
      <c r="AV11" s="160">
        <v>4</v>
      </c>
      <c r="AW11" s="165">
        <v>9</v>
      </c>
      <c r="AX11" s="162">
        <v>0</v>
      </c>
      <c r="AY11" s="160">
        <v>38</v>
      </c>
      <c r="AZ11" s="160">
        <v>35</v>
      </c>
      <c r="BA11" s="160">
        <v>47</v>
      </c>
      <c r="BB11" s="160">
        <v>30</v>
      </c>
      <c r="BC11" s="160">
        <v>23</v>
      </c>
      <c r="BD11" s="163">
        <v>173</v>
      </c>
      <c r="BE11" s="164">
        <v>182</v>
      </c>
      <c r="BF11" s="159">
        <v>0</v>
      </c>
      <c r="BG11" s="160">
        <v>0</v>
      </c>
      <c r="BH11" s="165">
        <v>0</v>
      </c>
      <c r="BI11" s="162">
        <v>0</v>
      </c>
      <c r="BJ11" s="160">
        <v>35</v>
      </c>
      <c r="BK11" s="160">
        <v>38</v>
      </c>
      <c r="BL11" s="160">
        <v>20</v>
      </c>
      <c r="BM11" s="160">
        <v>13</v>
      </c>
      <c r="BN11" s="160">
        <v>5</v>
      </c>
      <c r="BO11" s="165">
        <v>111</v>
      </c>
      <c r="BP11" s="164">
        <v>111</v>
      </c>
      <c r="BQ11" s="159">
        <v>5</v>
      </c>
      <c r="BR11" s="160">
        <v>2</v>
      </c>
      <c r="BS11" s="165">
        <v>7</v>
      </c>
      <c r="BT11" s="162">
        <v>0</v>
      </c>
      <c r="BU11" s="160">
        <v>10</v>
      </c>
      <c r="BV11" s="160">
        <v>7</v>
      </c>
      <c r="BW11" s="160">
        <v>8</v>
      </c>
      <c r="BX11" s="160">
        <v>1</v>
      </c>
      <c r="BY11" s="160">
        <v>0</v>
      </c>
      <c r="BZ11" s="165">
        <v>26</v>
      </c>
      <c r="CA11" s="164">
        <v>33</v>
      </c>
      <c r="CB11" s="159">
        <v>1</v>
      </c>
      <c r="CC11" s="160">
        <v>3</v>
      </c>
      <c r="CD11" s="165">
        <v>4</v>
      </c>
      <c r="CE11" s="162">
        <v>0</v>
      </c>
      <c r="CF11" s="160">
        <v>4</v>
      </c>
      <c r="CG11" s="160">
        <v>7</v>
      </c>
      <c r="CH11" s="160">
        <v>12</v>
      </c>
      <c r="CI11" s="160">
        <v>4</v>
      </c>
      <c r="CJ11" s="160">
        <v>1</v>
      </c>
      <c r="CK11" s="165">
        <v>28</v>
      </c>
      <c r="CL11" s="164">
        <v>32</v>
      </c>
      <c r="CM11" s="159">
        <v>0</v>
      </c>
      <c r="CN11" s="160">
        <v>0</v>
      </c>
      <c r="CO11" s="165">
        <v>0</v>
      </c>
      <c r="CP11" s="162">
        <v>0</v>
      </c>
      <c r="CQ11" s="160">
        <v>0</v>
      </c>
      <c r="CR11" s="160">
        <v>1</v>
      </c>
      <c r="CS11" s="160">
        <v>2</v>
      </c>
      <c r="CT11" s="160">
        <v>0</v>
      </c>
      <c r="CU11" s="160">
        <v>0</v>
      </c>
      <c r="CV11" s="165">
        <v>3</v>
      </c>
      <c r="CW11" s="164">
        <v>3</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6</v>
      </c>
      <c r="DU11" s="160">
        <v>28</v>
      </c>
      <c r="DV11" s="165">
        <v>54</v>
      </c>
      <c r="DW11" s="162">
        <v>0</v>
      </c>
      <c r="DX11" s="160">
        <v>50</v>
      </c>
      <c r="DY11" s="160">
        <v>73</v>
      </c>
      <c r="DZ11" s="160">
        <v>61</v>
      </c>
      <c r="EA11" s="160">
        <v>32</v>
      </c>
      <c r="EB11" s="160">
        <v>24</v>
      </c>
      <c r="EC11" s="165">
        <v>240</v>
      </c>
      <c r="ED11" s="164">
        <v>294</v>
      </c>
      <c r="EE11" s="159">
        <v>5</v>
      </c>
      <c r="EF11" s="160">
        <v>2</v>
      </c>
      <c r="EG11" s="165">
        <v>7</v>
      </c>
      <c r="EH11" s="162">
        <v>0</v>
      </c>
      <c r="EI11" s="160">
        <v>16</v>
      </c>
      <c r="EJ11" s="160">
        <v>11</v>
      </c>
      <c r="EK11" s="160">
        <v>12</v>
      </c>
      <c r="EL11" s="160">
        <v>8</v>
      </c>
      <c r="EM11" s="160">
        <v>6</v>
      </c>
      <c r="EN11" s="165">
        <v>53</v>
      </c>
      <c r="EO11" s="164">
        <v>60</v>
      </c>
      <c r="EP11" s="159">
        <v>34</v>
      </c>
      <c r="EQ11" s="160">
        <v>29</v>
      </c>
      <c r="ER11" s="165">
        <v>63</v>
      </c>
      <c r="ES11" s="162">
        <v>0</v>
      </c>
      <c r="ET11" s="160">
        <v>109</v>
      </c>
      <c r="EU11" s="160">
        <v>102</v>
      </c>
      <c r="EV11" s="160">
        <v>66</v>
      </c>
      <c r="EW11" s="160">
        <v>31</v>
      </c>
      <c r="EX11" s="160">
        <v>22</v>
      </c>
      <c r="EY11" s="165">
        <v>330</v>
      </c>
      <c r="EZ11" s="164">
        <v>393</v>
      </c>
    </row>
    <row r="12" spans="2:156" ht="21" customHeight="1" x14ac:dyDescent="0.2">
      <c r="B12" s="166" t="s">
        <v>9</v>
      </c>
      <c r="C12" s="159">
        <v>0</v>
      </c>
      <c r="D12" s="160">
        <v>0</v>
      </c>
      <c r="E12" s="161">
        <v>0</v>
      </c>
      <c r="F12" s="162">
        <v>0</v>
      </c>
      <c r="G12" s="160">
        <v>54</v>
      </c>
      <c r="H12" s="160">
        <v>38</v>
      </c>
      <c r="I12" s="160">
        <v>27</v>
      </c>
      <c r="J12" s="160">
        <v>25</v>
      </c>
      <c r="K12" s="160">
        <v>17</v>
      </c>
      <c r="L12" s="163">
        <v>161</v>
      </c>
      <c r="M12" s="164">
        <v>161</v>
      </c>
      <c r="N12" s="159">
        <v>0</v>
      </c>
      <c r="O12" s="160">
        <v>0</v>
      </c>
      <c r="P12" s="165">
        <v>0</v>
      </c>
      <c r="Q12" s="162">
        <v>0</v>
      </c>
      <c r="R12" s="160">
        <v>0</v>
      </c>
      <c r="S12" s="160">
        <v>1</v>
      </c>
      <c r="T12" s="160">
        <v>1</v>
      </c>
      <c r="U12" s="160">
        <v>0</v>
      </c>
      <c r="V12" s="160">
        <v>5</v>
      </c>
      <c r="W12" s="165">
        <v>7</v>
      </c>
      <c r="X12" s="164">
        <v>7</v>
      </c>
      <c r="Y12" s="159">
        <v>5</v>
      </c>
      <c r="Z12" s="160">
        <v>10</v>
      </c>
      <c r="AA12" s="165">
        <v>15</v>
      </c>
      <c r="AB12" s="162">
        <v>0</v>
      </c>
      <c r="AC12" s="160">
        <v>48</v>
      </c>
      <c r="AD12" s="160">
        <v>29</v>
      </c>
      <c r="AE12" s="160">
        <v>32</v>
      </c>
      <c r="AF12" s="160">
        <v>24</v>
      </c>
      <c r="AG12" s="160">
        <v>17</v>
      </c>
      <c r="AH12" s="165">
        <v>150</v>
      </c>
      <c r="AI12" s="164">
        <v>165</v>
      </c>
      <c r="AJ12" s="159">
        <v>0</v>
      </c>
      <c r="AK12" s="160">
        <v>2</v>
      </c>
      <c r="AL12" s="165">
        <v>2</v>
      </c>
      <c r="AM12" s="162">
        <v>0</v>
      </c>
      <c r="AN12" s="160">
        <v>2</v>
      </c>
      <c r="AO12" s="160">
        <v>3</v>
      </c>
      <c r="AP12" s="160">
        <v>2</v>
      </c>
      <c r="AQ12" s="160">
        <v>4</v>
      </c>
      <c r="AR12" s="160">
        <v>3</v>
      </c>
      <c r="AS12" s="165">
        <v>14</v>
      </c>
      <c r="AT12" s="164">
        <v>16</v>
      </c>
      <c r="AU12" s="159">
        <v>7</v>
      </c>
      <c r="AV12" s="160">
        <v>8</v>
      </c>
      <c r="AW12" s="165">
        <v>15</v>
      </c>
      <c r="AX12" s="162">
        <v>0</v>
      </c>
      <c r="AY12" s="160">
        <v>59</v>
      </c>
      <c r="AZ12" s="160">
        <v>47</v>
      </c>
      <c r="BA12" s="160">
        <v>53</v>
      </c>
      <c r="BB12" s="160">
        <v>44</v>
      </c>
      <c r="BC12" s="160">
        <v>30</v>
      </c>
      <c r="BD12" s="163">
        <v>233</v>
      </c>
      <c r="BE12" s="164">
        <v>248</v>
      </c>
      <c r="BF12" s="159">
        <v>0</v>
      </c>
      <c r="BG12" s="160">
        <v>0</v>
      </c>
      <c r="BH12" s="165">
        <v>0</v>
      </c>
      <c r="BI12" s="162">
        <v>0</v>
      </c>
      <c r="BJ12" s="160">
        <v>62</v>
      </c>
      <c r="BK12" s="160">
        <v>41</v>
      </c>
      <c r="BL12" s="160">
        <v>22</v>
      </c>
      <c r="BM12" s="160">
        <v>9</v>
      </c>
      <c r="BN12" s="160">
        <v>4</v>
      </c>
      <c r="BO12" s="165">
        <v>138</v>
      </c>
      <c r="BP12" s="164">
        <v>138</v>
      </c>
      <c r="BQ12" s="159">
        <v>5</v>
      </c>
      <c r="BR12" s="160">
        <v>4</v>
      </c>
      <c r="BS12" s="165">
        <v>9</v>
      </c>
      <c r="BT12" s="162">
        <v>0</v>
      </c>
      <c r="BU12" s="160">
        <v>18</v>
      </c>
      <c r="BV12" s="160">
        <v>8</v>
      </c>
      <c r="BW12" s="160">
        <v>13</v>
      </c>
      <c r="BX12" s="160">
        <v>11</v>
      </c>
      <c r="BY12" s="160">
        <v>2</v>
      </c>
      <c r="BZ12" s="165">
        <v>52</v>
      </c>
      <c r="CA12" s="164">
        <v>61</v>
      </c>
      <c r="CB12" s="159">
        <v>0</v>
      </c>
      <c r="CC12" s="160">
        <v>0</v>
      </c>
      <c r="CD12" s="165">
        <v>0</v>
      </c>
      <c r="CE12" s="162">
        <v>0</v>
      </c>
      <c r="CF12" s="160">
        <v>7</v>
      </c>
      <c r="CG12" s="160">
        <v>6</v>
      </c>
      <c r="CH12" s="160">
        <v>13</v>
      </c>
      <c r="CI12" s="160">
        <v>6</v>
      </c>
      <c r="CJ12" s="160">
        <v>2</v>
      </c>
      <c r="CK12" s="165">
        <v>34</v>
      </c>
      <c r="CL12" s="164">
        <v>34</v>
      </c>
      <c r="CM12" s="159">
        <v>0</v>
      </c>
      <c r="CN12" s="160">
        <v>0</v>
      </c>
      <c r="CO12" s="165">
        <v>0</v>
      </c>
      <c r="CP12" s="162">
        <v>0</v>
      </c>
      <c r="CQ12" s="160">
        <v>1</v>
      </c>
      <c r="CR12" s="160">
        <v>2</v>
      </c>
      <c r="CS12" s="160">
        <v>3</v>
      </c>
      <c r="CT12" s="160">
        <v>2</v>
      </c>
      <c r="CU12" s="160">
        <v>0</v>
      </c>
      <c r="CV12" s="165">
        <v>8</v>
      </c>
      <c r="CW12" s="164">
        <v>8</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25</v>
      </c>
      <c r="DU12" s="160">
        <v>31</v>
      </c>
      <c r="DV12" s="165">
        <v>56</v>
      </c>
      <c r="DW12" s="162">
        <v>0</v>
      </c>
      <c r="DX12" s="160">
        <v>84</v>
      </c>
      <c r="DY12" s="160">
        <v>73</v>
      </c>
      <c r="DZ12" s="160">
        <v>67</v>
      </c>
      <c r="EA12" s="160">
        <v>40</v>
      </c>
      <c r="EB12" s="160">
        <v>23</v>
      </c>
      <c r="EC12" s="165">
        <v>287</v>
      </c>
      <c r="ED12" s="164">
        <v>343</v>
      </c>
      <c r="EE12" s="159">
        <v>6</v>
      </c>
      <c r="EF12" s="160">
        <v>4</v>
      </c>
      <c r="EG12" s="165">
        <v>10</v>
      </c>
      <c r="EH12" s="162">
        <v>0</v>
      </c>
      <c r="EI12" s="160">
        <v>23</v>
      </c>
      <c r="EJ12" s="160">
        <v>16</v>
      </c>
      <c r="EK12" s="160">
        <v>12</v>
      </c>
      <c r="EL12" s="160">
        <v>20</v>
      </c>
      <c r="EM12" s="160">
        <v>10</v>
      </c>
      <c r="EN12" s="165">
        <v>81</v>
      </c>
      <c r="EO12" s="164">
        <v>91</v>
      </c>
      <c r="EP12" s="159">
        <v>31</v>
      </c>
      <c r="EQ12" s="160">
        <v>41</v>
      </c>
      <c r="ER12" s="165">
        <v>72</v>
      </c>
      <c r="ES12" s="162">
        <v>0</v>
      </c>
      <c r="ET12" s="160">
        <v>170</v>
      </c>
      <c r="EU12" s="160">
        <v>106</v>
      </c>
      <c r="EV12" s="160">
        <v>77</v>
      </c>
      <c r="EW12" s="160">
        <v>44</v>
      </c>
      <c r="EX12" s="160">
        <v>25</v>
      </c>
      <c r="EY12" s="165">
        <v>422</v>
      </c>
      <c r="EZ12" s="164">
        <v>494</v>
      </c>
    </row>
    <row r="13" spans="2:156" ht="21" customHeight="1" x14ac:dyDescent="0.2">
      <c r="B13" s="166" t="s">
        <v>10</v>
      </c>
      <c r="C13" s="159">
        <v>0</v>
      </c>
      <c r="D13" s="160">
        <v>0</v>
      </c>
      <c r="E13" s="161">
        <v>0</v>
      </c>
      <c r="F13" s="162">
        <v>0</v>
      </c>
      <c r="G13" s="160">
        <v>82</v>
      </c>
      <c r="H13" s="160">
        <v>46</v>
      </c>
      <c r="I13" s="160">
        <v>28</v>
      </c>
      <c r="J13" s="160">
        <v>37</v>
      </c>
      <c r="K13" s="160">
        <v>20</v>
      </c>
      <c r="L13" s="163">
        <v>213</v>
      </c>
      <c r="M13" s="164">
        <v>213</v>
      </c>
      <c r="N13" s="159">
        <v>0</v>
      </c>
      <c r="O13" s="160">
        <v>0</v>
      </c>
      <c r="P13" s="165">
        <v>0</v>
      </c>
      <c r="Q13" s="162">
        <v>0</v>
      </c>
      <c r="R13" s="160">
        <v>2</v>
      </c>
      <c r="S13" s="160">
        <v>2</v>
      </c>
      <c r="T13" s="160">
        <v>2</v>
      </c>
      <c r="U13" s="160">
        <v>5</v>
      </c>
      <c r="V13" s="160">
        <v>13</v>
      </c>
      <c r="W13" s="165">
        <v>24</v>
      </c>
      <c r="X13" s="164">
        <v>24</v>
      </c>
      <c r="Y13" s="159">
        <v>20</v>
      </c>
      <c r="Z13" s="160">
        <v>17</v>
      </c>
      <c r="AA13" s="165">
        <v>37</v>
      </c>
      <c r="AB13" s="162">
        <v>0</v>
      </c>
      <c r="AC13" s="160">
        <v>56</v>
      </c>
      <c r="AD13" s="160">
        <v>33</v>
      </c>
      <c r="AE13" s="160">
        <v>28</v>
      </c>
      <c r="AF13" s="160">
        <v>29</v>
      </c>
      <c r="AG13" s="160">
        <v>12</v>
      </c>
      <c r="AH13" s="165">
        <v>158</v>
      </c>
      <c r="AI13" s="164">
        <v>195</v>
      </c>
      <c r="AJ13" s="159">
        <v>3</v>
      </c>
      <c r="AK13" s="160">
        <v>4</v>
      </c>
      <c r="AL13" s="165">
        <v>7</v>
      </c>
      <c r="AM13" s="162">
        <v>0</v>
      </c>
      <c r="AN13" s="160">
        <v>6</v>
      </c>
      <c r="AO13" s="160">
        <v>4</v>
      </c>
      <c r="AP13" s="160">
        <v>6</v>
      </c>
      <c r="AQ13" s="160">
        <v>7</v>
      </c>
      <c r="AR13" s="160">
        <v>3</v>
      </c>
      <c r="AS13" s="165">
        <v>26</v>
      </c>
      <c r="AT13" s="164">
        <v>33</v>
      </c>
      <c r="AU13" s="159">
        <v>15</v>
      </c>
      <c r="AV13" s="160">
        <v>18</v>
      </c>
      <c r="AW13" s="165">
        <v>33</v>
      </c>
      <c r="AX13" s="162">
        <v>0</v>
      </c>
      <c r="AY13" s="160">
        <v>92</v>
      </c>
      <c r="AZ13" s="160">
        <v>69</v>
      </c>
      <c r="BA13" s="160">
        <v>76</v>
      </c>
      <c r="BB13" s="160">
        <v>77</v>
      </c>
      <c r="BC13" s="160">
        <v>45</v>
      </c>
      <c r="BD13" s="163">
        <v>359</v>
      </c>
      <c r="BE13" s="164">
        <v>392</v>
      </c>
      <c r="BF13" s="159">
        <v>0</v>
      </c>
      <c r="BG13" s="160">
        <v>0</v>
      </c>
      <c r="BH13" s="165">
        <v>0</v>
      </c>
      <c r="BI13" s="162">
        <v>0</v>
      </c>
      <c r="BJ13" s="160">
        <v>120</v>
      </c>
      <c r="BK13" s="160">
        <v>55</v>
      </c>
      <c r="BL13" s="160">
        <v>32</v>
      </c>
      <c r="BM13" s="160">
        <v>28</v>
      </c>
      <c r="BN13" s="160">
        <v>6</v>
      </c>
      <c r="BO13" s="165">
        <v>241</v>
      </c>
      <c r="BP13" s="164">
        <v>241</v>
      </c>
      <c r="BQ13" s="159">
        <v>3</v>
      </c>
      <c r="BR13" s="160">
        <v>5</v>
      </c>
      <c r="BS13" s="165">
        <v>8</v>
      </c>
      <c r="BT13" s="162">
        <v>0</v>
      </c>
      <c r="BU13" s="160">
        <v>30</v>
      </c>
      <c r="BV13" s="160">
        <v>14</v>
      </c>
      <c r="BW13" s="160">
        <v>6</v>
      </c>
      <c r="BX13" s="160">
        <v>5</v>
      </c>
      <c r="BY13" s="160">
        <v>2</v>
      </c>
      <c r="BZ13" s="165">
        <v>57</v>
      </c>
      <c r="CA13" s="164">
        <v>65</v>
      </c>
      <c r="CB13" s="159">
        <v>0</v>
      </c>
      <c r="CC13" s="160">
        <v>2</v>
      </c>
      <c r="CD13" s="165">
        <v>2</v>
      </c>
      <c r="CE13" s="162">
        <v>0</v>
      </c>
      <c r="CF13" s="160">
        <v>15</v>
      </c>
      <c r="CG13" s="160">
        <v>5</v>
      </c>
      <c r="CH13" s="160">
        <v>14</v>
      </c>
      <c r="CI13" s="160">
        <v>16</v>
      </c>
      <c r="CJ13" s="160">
        <v>5</v>
      </c>
      <c r="CK13" s="165">
        <v>55</v>
      </c>
      <c r="CL13" s="164">
        <v>57</v>
      </c>
      <c r="CM13" s="159">
        <v>0</v>
      </c>
      <c r="CN13" s="160">
        <v>0</v>
      </c>
      <c r="CO13" s="165">
        <v>0</v>
      </c>
      <c r="CP13" s="162">
        <v>0</v>
      </c>
      <c r="CQ13" s="160">
        <v>1</v>
      </c>
      <c r="CR13" s="160">
        <v>3</v>
      </c>
      <c r="CS13" s="160">
        <v>3</v>
      </c>
      <c r="CT13" s="160">
        <v>2</v>
      </c>
      <c r="CU13" s="160">
        <v>1</v>
      </c>
      <c r="CV13" s="165">
        <v>10</v>
      </c>
      <c r="CW13" s="164">
        <v>10</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68</v>
      </c>
      <c r="DU13" s="160">
        <v>90</v>
      </c>
      <c r="DV13" s="165">
        <v>158</v>
      </c>
      <c r="DW13" s="162">
        <v>0</v>
      </c>
      <c r="DX13" s="160">
        <v>133</v>
      </c>
      <c r="DY13" s="160">
        <v>106</v>
      </c>
      <c r="DZ13" s="160">
        <v>63</v>
      </c>
      <c r="EA13" s="160">
        <v>68</v>
      </c>
      <c r="EB13" s="160">
        <v>32</v>
      </c>
      <c r="EC13" s="165">
        <v>402</v>
      </c>
      <c r="ED13" s="164">
        <v>560</v>
      </c>
      <c r="EE13" s="159">
        <v>10</v>
      </c>
      <c r="EF13" s="160">
        <v>1</v>
      </c>
      <c r="EG13" s="165">
        <v>11</v>
      </c>
      <c r="EH13" s="162">
        <v>0</v>
      </c>
      <c r="EI13" s="160">
        <v>20</v>
      </c>
      <c r="EJ13" s="160">
        <v>18</v>
      </c>
      <c r="EK13" s="160">
        <v>22</v>
      </c>
      <c r="EL13" s="160">
        <v>24</v>
      </c>
      <c r="EM13" s="160">
        <v>10</v>
      </c>
      <c r="EN13" s="165">
        <v>94</v>
      </c>
      <c r="EO13" s="164">
        <v>105</v>
      </c>
      <c r="EP13" s="159">
        <v>88</v>
      </c>
      <c r="EQ13" s="160">
        <v>101</v>
      </c>
      <c r="ER13" s="165">
        <v>189</v>
      </c>
      <c r="ES13" s="162">
        <v>0</v>
      </c>
      <c r="ET13" s="160">
        <v>267</v>
      </c>
      <c r="EU13" s="160">
        <v>133</v>
      </c>
      <c r="EV13" s="160">
        <v>78</v>
      </c>
      <c r="EW13" s="160">
        <v>70</v>
      </c>
      <c r="EX13" s="160">
        <v>37</v>
      </c>
      <c r="EY13" s="165">
        <v>585</v>
      </c>
      <c r="EZ13" s="164">
        <v>774</v>
      </c>
    </row>
    <row r="14" spans="2:156" ht="21" customHeight="1" x14ac:dyDescent="0.2">
      <c r="B14" s="166" t="s">
        <v>11</v>
      </c>
      <c r="C14" s="159">
        <v>0</v>
      </c>
      <c r="D14" s="160">
        <v>0</v>
      </c>
      <c r="E14" s="161">
        <v>0</v>
      </c>
      <c r="F14" s="162">
        <v>0</v>
      </c>
      <c r="G14" s="160">
        <v>21</v>
      </c>
      <c r="H14" s="160">
        <v>11</v>
      </c>
      <c r="I14" s="160">
        <v>10</v>
      </c>
      <c r="J14" s="160">
        <v>14</v>
      </c>
      <c r="K14" s="160">
        <v>8</v>
      </c>
      <c r="L14" s="163">
        <v>64</v>
      </c>
      <c r="M14" s="164">
        <v>64</v>
      </c>
      <c r="N14" s="159">
        <v>0</v>
      </c>
      <c r="O14" s="160">
        <v>0</v>
      </c>
      <c r="P14" s="165">
        <v>0</v>
      </c>
      <c r="Q14" s="162">
        <v>0</v>
      </c>
      <c r="R14" s="160">
        <v>0</v>
      </c>
      <c r="S14" s="160">
        <v>1</v>
      </c>
      <c r="T14" s="160">
        <v>0</v>
      </c>
      <c r="U14" s="160">
        <v>4</v>
      </c>
      <c r="V14" s="160">
        <v>4</v>
      </c>
      <c r="W14" s="165">
        <v>9</v>
      </c>
      <c r="X14" s="164">
        <v>9</v>
      </c>
      <c r="Y14" s="159">
        <v>7</v>
      </c>
      <c r="Z14" s="160">
        <v>4</v>
      </c>
      <c r="AA14" s="165">
        <v>11</v>
      </c>
      <c r="AB14" s="162">
        <v>0</v>
      </c>
      <c r="AC14" s="160">
        <v>19</v>
      </c>
      <c r="AD14" s="160">
        <v>12</v>
      </c>
      <c r="AE14" s="160">
        <v>15</v>
      </c>
      <c r="AF14" s="160">
        <v>18</v>
      </c>
      <c r="AG14" s="160">
        <v>10</v>
      </c>
      <c r="AH14" s="165">
        <v>74</v>
      </c>
      <c r="AI14" s="164">
        <v>85</v>
      </c>
      <c r="AJ14" s="159">
        <v>0</v>
      </c>
      <c r="AK14" s="160">
        <v>2</v>
      </c>
      <c r="AL14" s="165">
        <v>2</v>
      </c>
      <c r="AM14" s="162">
        <v>0</v>
      </c>
      <c r="AN14" s="160">
        <v>2</v>
      </c>
      <c r="AO14" s="160">
        <v>2</v>
      </c>
      <c r="AP14" s="160">
        <v>1</v>
      </c>
      <c r="AQ14" s="160">
        <v>2</v>
      </c>
      <c r="AR14" s="160">
        <v>0</v>
      </c>
      <c r="AS14" s="165">
        <v>7</v>
      </c>
      <c r="AT14" s="164">
        <v>9</v>
      </c>
      <c r="AU14" s="159">
        <v>4</v>
      </c>
      <c r="AV14" s="160">
        <v>4</v>
      </c>
      <c r="AW14" s="165">
        <v>8</v>
      </c>
      <c r="AX14" s="162">
        <v>0</v>
      </c>
      <c r="AY14" s="160">
        <v>22</v>
      </c>
      <c r="AZ14" s="160">
        <v>28</v>
      </c>
      <c r="BA14" s="160">
        <v>19</v>
      </c>
      <c r="BB14" s="160">
        <v>36</v>
      </c>
      <c r="BC14" s="160">
        <v>14</v>
      </c>
      <c r="BD14" s="163">
        <v>119</v>
      </c>
      <c r="BE14" s="164">
        <v>127</v>
      </c>
      <c r="BF14" s="159">
        <v>0</v>
      </c>
      <c r="BG14" s="160">
        <v>0</v>
      </c>
      <c r="BH14" s="165">
        <v>0</v>
      </c>
      <c r="BI14" s="162">
        <v>0</v>
      </c>
      <c r="BJ14" s="160">
        <v>39</v>
      </c>
      <c r="BK14" s="160">
        <v>23</v>
      </c>
      <c r="BL14" s="160">
        <v>15</v>
      </c>
      <c r="BM14" s="160">
        <v>10</v>
      </c>
      <c r="BN14" s="160">
        <v>2</v>
      </c>
      <c r="BO14" s="165">
        <v>89</v>
      </c>
      <c r="BP14" s="164">
        <v>89</v>
      </c>
      <c r="BQ14" s="159">
        <v>8</v>
      </c>
      <c r="BR14" s="160">
        <v>3</v>
      </c>
      <c r="BS14" s="165">
        <v>11</v>
      </c>
      <c r="BT14" s="162">
        <v>0</v>
      </c>
      <c r="BU14" s="160">
        <v>23</v>
      </c>
      <c r="BV14" s="160">
        <v>12</v>
      </c>
      <c r="BW14" s="160">
        <v>7</v>
      </c>
      <c r="BX14" s="160">
        <v>12</v>
      </c>
      <c r="BY14" s="160">
        <v>1</v>
      </c>
      <c r="BZ14" s="165">
        <v>55</v>
      </c>
      <c r="CA14" s="164">
        <v>66</v>
      </c>
      <c r="CB14" s="159">
        <v>0</v>
      </c>
      <c r="CC14" s="160">
        <v>0</v>
      </c>
      <c r="CD14" s="165">
        <v>0</v>
      </c>
      <c r="CE14" s="162">
        <v>0</v>
      </c>
      <c r="CF14" s="160">
        <v>5</v>
      </c>
      <c r="CG14" s="160">
        <v>5</v>
      </c>
      <c r="CH14" s="160">
        <v>3</v>
      </c>
      <c r="CI14" s="160">
        <v>4</v>
      </c>
      <c r="CJ14" s="160">
        <v>1</v>
      </c>
      <c r="CK14" s="165">
        <v>18</v>
      </c>
      <c r="CL14" s="164">
        <v>18</v>
      </c>
      <c r="CM14" s="159">
        <v>0</v>
      </c>
      <c r="CN14" s="160">
        <v>0</v>
      </c>
      <c r="CO14" s="165">
        <v>0</v>
      </c>
      <c r="CP14" s="162">
        <v>0</v>
      </c>
      <c r="CQ14" s="160">
        <v>1</v>
      </c>
      <c r="CR14" s="160">
        <v>0</v>
      </c>
      <c r="CS14" s="160">
        <v>0</v>
      </c>
      <c r="CT14" s="160">
        <v>1</v>
      </c>
      <c r="CU14" s="160">
        <v>0</v>
      </c>
      <c r="CV14" s="165">
        <v>2</v>
      </c>
      <c r="CW14" s="164">
        <v>2</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6</v>
      </c>
      <c r="DU14" s="160">
        <v>22</v>
      </c>
      <c r="DV14" s="165">
        <v>38</v>
      </c>
      <c r="DW14" s="162">
        <v>0</v>
      </c>
      <c r="DX14" s="160">
        <v>55</v>
      </c>
      <c r="DY14" s="160">
        <v>48</v>
      </c>
      <c r="DZ14" s="160">
        <v>30</v>
      </c>
      <c r="EA14" s="160">
        <v>32</v>
      </c>
      <c r="EB14" s="160">
        <v>13</v>
      </c>
      <c r="EC14" s="165">
        <v>178</v>
      </c>
      <c r="ED14" s="164">
        <v>216</v>
      </c>
      <c r="EE14" s="159">
        <v>6</v>
      </c>
      <c r="EF14" s="160">
        <v>1</v>
      </c>
      <c r="EG14" s="165">
        <v>7</v>
      </c>
      <c r="EH14" s="162">
        <v>0</v>
      </c>
      <c r="EI14" s="160">
        <v>15</v>
      </c>
      <c r="EJ14" s="160">
        <v>13</v>
      </c>
      <c r="EK14" s="160">
        <v>7</v>
      </c>
      <c r="EL14" s="160">
        <v>19</v>
      </c>
      <c r="EM14" s="160">
        <v>3</v>
      </c>
      <c r="EN14" s="165">
        <v>57</v>
      </c>
      <c r="EO14" s="164">
        <v>64</v>
      </c>
      <c r="EP14" s="159">
        <v>26</v>
      </c>
      <c r="EQ14" s="160">
        <v>26</v>
      </c>
      <c r="ER14" s="165">
        <v>52</v>
      </c>
      <c r="ES14" s="162">
        <v>0</v>
      </c>
      <c r="ET14" s="160">
        <v>105</v>
      </c>
      <c r="EU14" s="160">
        <v>64</v>
      </c>
      <c r="EV14" s="160">
        <v>39</v>
      </c>
      <c r="EW14" s="160">
        <v>38</v>
      </c>
      <c r="EX14" s="160">
        <v>13</v>
      </c>
      <c r="EY14" s="165">
        <v>259</v>
      </c>
      <c r="EZ14" s="164">
        <v>311</v>
      </c>
    </row>
    <row r="15" spans="2:156" ht="21" customHeight="1" x14ac:dyDescent="0.2">
      <c r="B15" s="166" t="s">
        <v>12</v>
      </c>
      <c r="C15" s="159">
        <v>0</v>
      </c>
      <c r="D15" s="160">
        <v>0</v>
      </c>
      <c r="E15" s="161">
        <v>0</v>
      </c>
      <c r="F15" s="162">
        <v>0</v>
      </c>
      <c r="G15" s="160">
        <v>30</v>
      </c>
      <c r="H15" s="160">
        <v>35</v>
      </c>
      <c r="I15" s="160">
        <v>15</v>
      </c>
      <c r="J15" s="160">
        <v>24</v>
      </c>
      <c r="K15" s="160">
        <v>10</v>
      </c>
      <c r="L15" s="163">
        <v>114</v>
      </c>
      <c r="M15" s="164">
        <v>114</v>
      </c>
      <c r="N15" s="159">
        <v>0</v>
      </c>
      <c r="O15" s="160">
        <v>0</v>
      </c>
      <c r="P15" s="165">
        <v>0</v>
      </c>
      <c r="Q15" s="162">
        <v>0</v>
      </c>
      <c r="R15" s="160">
        <v>0</v>
      </c>
      <c r="S15" s="160">
        <v>0</v>
      </c>
      <c r="T15" s="160">
        <v>2</v>
      </c>
      <c r="U15" s="160">
        <v>4</v>
      </c>
      <c r="V15" s="160">
        <v>4</v>
      </c>
      <c r="W15" s="165">
        <v>10</v>
      </c>
      <c r="X15" s="164">
        <v>10</v>
      </c>
      <c r="Y15" s="159">
        <v>8</v>
      </c>
      <c r="Z15" s="160">
        <v>22</v>
      </c>
      <c r="AA15" s="165">
        <v>30</v>
      </c>
      <c r="AB15" s="162">
        <v>0</v>
      </c>
      <c r="AC15" s="160">
        <v>19</v>
      </c>
      <c r="AD15" s="160">
        <v>42</v>
      </c>
      <c r="AE15" s="160">
        <v>16</v>
      </c>
      <c r="AF15" s="160">
        <v>16</v>
      </c>
      <c r="AG15" s="160">
        <v>8</v>
      </c>
      <c r="AH15" s="165">
        <v>101</v>
      </c>
      <c r="AI15" s="164">
        <v>131</v>
      </c>
      <c r="AJ15" s="159">
        <v>0</v>
      </c>
      <c r="AK15" s="160">
        <v>2</v>
      </c>
      <c r="AL15" s="165">
        <v>2</v>
      </c>
      <c r="AM15" s="162">
        <v>0</v>
      </c>
      <c r="AN15" s="160">
        <v>2</v>
      </c>
      <c r="AO15" s="160">
        <v>2</v>
      </c>
      <c r="AP15" s="160">
        <v>0</v>
      </c>
      <c r="AQ15" s="160">
        <v>3</v>
      </c>
      <c r="AR15" s="160">
        <v>1</v>
      </c>
      <c r="AS15" s="165">
        <v>8</v>
      </c>
      <c r="AT15" s="164">
        <v>10</v>
      </c>
      <c r="AU15" s="159">
        <v>5</v>
      </c>
      <c r="AV15" s="160">
        <v>12</v>
      </c>
      <c r="AW15" s="165">
        <v>17</v>
      </c>
      <c r="AX15" s="162">
        <v>0</v>
      </c>
      <c r="AY15" s="160">
        <v>20</v>
      </c>
      <c r="AZ15" s="160">
        <v>41</v>
      </c>
      <c r="BA15" s="160">
        <v>28</v>
      </c>
      <c r="BB15" s="160">
        <v>38</v>
      </c>
      <c r="BC15" s="160">
        <v>19</v>
      </c>
      <c r="BD15" s="163">
        <v>146</v>
      </c>
      <c r="BE15" s="164">
        <v>163</v>
      </c>
      <c r="BF15" s="159">
        <v>0</v>
      </c>
      <c r="BG15" s="160">
        <v>0</v>
      </c>
      <c r="BH15" s="165">
        <v>0</v>
      </c>
      <c r="BI15" s="162">
        <v>0</v>
      </c>
      <c r="BJ15" s="160">
        <v>53</v>
      </c>
      <c r="BK15" s="160">
        <v>36</v>
      </c>
      <c r="BL15" s="160">
        <v>18</v>
      </c>
      <c r="BM15" s="160">
        <v>16</v>
      </c>
      <c r="BN15" s="160">
        <v>2</v>
      </c>
      <c r="BO15" s="165">
        <v>125</v>
      </c>
      <c r="BP15" s="164">
        <v>125</v>
      </c>
      <c r="BQ15" s="159">
        <v>8</v>
      </c>
      <c r="BR15" s="160">
        <v>16</v>
      </c>
      <c r="BS15" s="165">
        <v>24</v>
      </c>
      <c r="BT15" s="162">
        <v>0</v>
      </c>
      <c r="BU15" s="160">
        <v>7</v>
      </c>
      <c r="BV15" s="160">
        <v>15</v>
      </c>
      <c r="BW15" s="160">
        <v>12</v>
      </c>
      <c r="BX15" s="160">
        <v>7</v>
      </c>
      <c r="BY15" s="160">
        <v>2</v>
      </c>
      <c r="BZ15" s="165">
        <v>43</v>
      </c>
      <c r="CA15" s="164">
        <v>67</v>
      </c>
      <c r="CB15" s="159">
        <v>0</v>
      </c>
      <c r="CC15" s="160">
        <v>2</v>
      </c>
      <c r="CD15" s="165">
        <v>2</v>
      </c>
      <c r="CE15" s="162">
        <v>0</v>
      </c>
      <c r="CF15" s="160">
        <v>7</v>
      </c>
      <c r="CG15" s="160">
        <v>7</v>
      </c>
      <c r="CH15" s="160">
        <v>9</v>
      </c>
      <c r="CI15" s="160">
        <v>11</v>
      </c>
      <c r="CJ15" s="160">
        <v>4</v>
      </c>
      <c r="CK15" s="165">
        <v>38</v>
      </c>
      <c r="CL15" s="164">
        <v>40</v>
      </c>
      <c r="CM15" s="159">
        <v>0</v>
      </c>
      <c r="CN15" s="160">
        <v>0</v>
      </c>
      <c r="CO15" s="165">
        <v>0</v>
      </c>
      <c r="CP15" s="162">
        <v>0</v>
      </c>
      <c r="CQ15" s="160">
        <v>0</v>
      </c>
      <c r="CR15" s="160">
        <v>0</v>
      </c>
      <c r="CS15" s="160">
        <v>0</v>
      </c>
      <c r="CT15" s="160">
        <v>1</v>
      </c>
      <c r="CU15" s="160">
        <v>0</v>
      </c>
      <c r="CV15" s="165">
        <v>1</v>
      </c>
      <c r="CW15" s="164">
        <v>1</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29</v>
      </c>
      <c r="DU15" s="160">
        <v>56</v>
      </c>
      <c r="DV15" s="165">
        <v>85</v>
      </c>
      <c r="DW15" s="162">
        <v>0</v>
      </c>
      <c r="DX15" s="160">
        <v>32</v>
      </c>
      <c r="DY15" s="160">
        <v>87</v>
      </c>
      <c r="DZ15" s="160">
        <v>48</v>
      </c>
      <c r="EA15" s="160">
        <v>48</v>
      </c>
      <c r="EB15" s="160">
        <v>19</v>
      </c>
      <c r="EC15" s="165">
        <v>234</v>
      </c>
      <c r="ED15" s="164">
        <v>319</v>
      </c>
      <c r="EE15" s="159">
        <v>3</v>
      </c>
      <c r="EF15" s="160">
        <v>6</v>
      </c>
      <c r="EG15" s="165">
        <v>9</v>
      </c>
      <c r="EH15" s="162">
        <v>0</v>
      </c>
      <c r="EI15" s="160">
        <v>12</v>
      </c>
      <c r="EJ15" s="160">
        <v>14</v>
      </c>
      <c r="EK15" s="160">
        <v>12</v>
      </c>
      <c r="EL15" s="160">
        <v>13</v>
      </c>
      <c r="EM15" s="160">
        <v>4</v>
      </c>
      <c r="EN15" s="165">
        <v>55</v>
      </c>
      <c r="EO15" s="164">
        <v>64</v>
      </c>
      <c r="EP15" s="159">
        <v>44</v>
      </c>
      <c r="EQ15" s="160">
        <v>81</v>
      </c>
      <c r="ER15" s="165">
        <v>125</v>
      </c>
      <c r="ES15" s="162">
        <v>0</v>
      </c>
      <c r="ET15" s="160">
        <v>108</v>
      </c>
      <c r="EU15" s="160">
        <v>105</v>
      </c>
      <c r="EV15" s="160">
        <v>49</v>
      </c>
      <c r="EW15" s="160">
        <v>47</v>
      </c>
      <c r="EX15" s="160">
        <v>19</v>
      </c>
      <c r="EY15" s="165">
        <v>328</v>
      </c>
      <c r="EZ15" s="164">
        <v>453</v>
      </c>
    </row>
    <row r="16" spans="2:156" ht="21" customHeight="1" x14ac:dyDescent="0.2">
      <c r="B16" s="166" t="s">
        <v>13</v>
      </c>
      <c r="C16" s="159">
        <v>0</v>
      </c>
      <c r="D16" s="160">
        <v>0</v>
      </c>
      <c r="E16" s="161">
        <v>0</v>
      </c>
      <c r="F16" s="162">
        <v>0</v>
      </c>
      <c r="G16" s="160">
        <v>18</v>
      </c>
      <c r="H16" s="160">
        <v>21</v>
      </c>
      <c r="I16" s="160">
        <v>11</v>
      </c>
      <c r="J16" s="160">
        <v>9</v>
      </c>
      <c r="K16" s="160">
        <v>10</v>
      </c>
      <c r="L16" s="163">
        <v>69</v>
      </c>
      <c r="M16" s="164">
        <v>69</v>
      </c>
      <c r="N16" s="159">
        <v>0</v>
      </c>
      <c r="O16" s="160">
        <v>0</v>
      </c>
      <c r="P16" s="165">
        <v>0</v>
      </c>
      <c r="Q16" s="162">
        <v>0</v>
      </c>
      <c r="R16" s="160">
        <v>0</v>
      </c>
      <c r="S16" s="160">
        <v>0</v>
      </c>
      <c r="T16" s="160">
        <v>1</v>
      </c>
      <c r="U16" s="160">
        <v>2</v>
      </c>
      <c r="V16" s="160">
        <v>5</v>
      </c>
      <c r="W16" s="165">
        <v>8</v>
      </c>
      <c r="X16" s="164">
        <v>8</v>
      </c>
      <c r="Y16" s="159">
        <v>0</v>
      </c>
      <c r="Z16" s="160">
        <v>3</v>
      </c>
      <c r="AA16" s="165">
        <v>3</v>
      </c>
      <c r="AB16" s="162">
        <v>0</v>
      </c>
      <c r="AC16" s="160">
        <v>8</v>
      </c>
      <c r="AD16" s="160">
        <v>24</v>
      </c>
      <c r="AE16" s="160">
        <v>10</v>
      </c>
      <c r="AF16" s="160">
        <v>8</v>
      </c>
      <c r="AG16" s="160">
        <v>12</v>
      </c>
      <c r="AH16" s="165">
        <v>62</v>
      </c>
      <c r="AI16" s="164">
        <v>65</v>
      </c>
      <c r="AJ16" s="159">
        <v>1</v>
      </c>
      <c r="AK16" s="160">
        <v>0</v>
      </c>
      <c r="AL16" s="165">
        <v>1</v>
      </c>
      <c r="AM16" s="162">
        <v>0</v>
      </c>
      <c r="AN16" s="160">
        <v>3</v>
      </c>
      <c r="AO16" s="160">
        <v>1</v>
      </c>
      <c r="AP16" s="160">
        <v>2</v>
      </c>
      <c r="AQ16" s="160">
        <v>0</v>
      </c>
      <c r="AR16" s="160">
        <v>1</v>
      </c>
      <c r="AS16" s="165">
        <v>7</v>
      </c>
      <c r="AT16" s="164">
        <v>8</v>
      </c>
      <c r="AU16" s="159">
        <v>1</v>
      </c>
      <c r="AV16" s="160">
        <v>0</v>
      </c>
      <c r="AW16" s="165">
        <v>1</v>
      </c>
      <c r="AX16" s="162">
        <v>0</v>
      </c>
      <c r="AY16" s="160">
        <v>19</v>
      </c>
      <c r="AZ16" s="160">
        <v>21</v>
      </c>
      <c r="BA16" s="160">
        <v>23</v>
      </c>
      <c r="BB16" s="160">
        <v>15</v>
      </c>
      <c r="BC16" s="160">
        <v>15</v>
      </c>
      <c r="BD16" s="163">
        <v>93</v>
      </c>
      <c r="BE16" s="164">
        <v>94</v>
      </c>
      <c r="BF16" s="159">
        <v>0</v>
      </c>
      <c r="BG16" s="160">
        <v>0</v>
      </c>
      <c r="BH16" s="165">
        <v>0</v>
      </c>
      <c r="BI16" s="162">
        <v>0</v>
      </c>
      <c r="BJ16" s="160">
        <v>20</v>
      </c>
      <c r="BK16" s="160">
        <v>13</v>
      </c>
      <c r="BL16" s="160">
        <v>8</v>
      </c>
      <c r="BM16" s="160">
        <v>5</v>
      </c>
      <c r="BN16" s="160">
        <v>2</v>
      </c>
      <c r="BO16" s="165">
        <v>48</v>
      </c>
      <c r="BP16" s="164">
        <v>48</v>
      </c>
      <c r="BQ16" s="159">
        <v>0</v>
      </c>
      <c r="BR16" s="160">
        <v>1</v>
      </c>
      <c r="BS16" s="165">
        <v>1</v>
      </c>
      <c r="BT16" s="162">
        <v>0</v>
      </c>
      <c r="BU16" s="160">
        <v>6</v>
      </c>
      <c r="BV16" s="160">
        <v>2</v>
      </c>
      <c r="BW16" s="160">
        <v>2</v>
      </c>
      <c r="BX16" s="160">
        <v>0</v>
      </c>
      <c r="BY16" s="160">
        <v>2</v>
      </c>
      <c r="BZ16" s="165">
        <v>12</v>
      </c>
      <c r="CA16" s="164">
        <v>13</v>
      </c>
      <c r="CB16" s="159">
        <v>0</v>
      </c>
      <c r="CC16" s="160">
        <v>0</v>
      </c>
      <c r="CD16" s="165">
        <v>0</v>
      </c>
      <c r="CE16" s="162">
        <v>0</v>
      </c>
      <c r="CF16" s="160">
        <v>1</v>
      </c>
      <c r="CG16" s="160">
        <v>2</v>
      </c>
      <c r="CH16" s="160">
        <v>2</v>
      </c>
      <c r="CI16" s="160">
        <v>1</v>
      </c>
      <c r="CJ16" s="160">
        <v>3</v>
      </c>
      <c r="CK16" s="165">
        <v>9</v>
      </c>
      <c r="CL16" s="164">
        <v>9</v>
      </c>
      <c r="CM16" s="159">
        <v>0</v>
      </c>
      <c r="CN16" s="160">
        <v>0</v>
      </c>
      <c r="CO16" s="165">
        <v>0</v>
      </c>
      <c r="CP16" s="162">
        <v>0</v>
      </c>
      <c r="CQ16" s="160">
        <v>0</v>
      </c>
      <c r="CR16" s="160">
        <v>0</v>
      </c>
      <c r="CS16" s="160">
        <v>0</v>
      </c>
      <c r="CT16" s="160">
        <v>0</v>
      </c>
      <c r="CU16" s="160">
        <v>0</v>
      </c>
      <c r="CV16" s="165">
        <v>0</v>
      </c>
      <c r="CW16" s="164">
        <v>0</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4</v>
      </c>
      <c r="DU16" s="160">
        <v>9</v>
      </c>
      <c r="DV16" s="165">
        <v>13</v>
      </c>
      <c r="DW16" s="162">
        <v>0</v>
      </c>
      <c r="DX16" s="160">
        <v>22</v>
      </c>
      <c r="DY16" s="160">
        <v>44</v>
      </c>
      <c r="DZ16" s="160">
        <v>20</v>
      </c>
      <c r="EA16" s="160">
        <v>13</v>
      </c>
      <c r="EB16" s="160">
        <v>13</v>
      </c>
      <c r="EC16" s="165">
        <v>112</v>
      </c>
      <c r="ED16" s="164">
        <v>125</v>
      </c>
      <c r="EE16" s="159">
        <v>0</v>
      </c>
      <c r="EF16" s="160">
        <v>1</v>
      </c>
      <c r="EG16" s="165">
        <v>1</v>
      </c>
      <c r="EH16" s="162">
        <v>0</v>
      </c>
      <c r="EI16" s="160">
        <v>9</v>
      </c>
      <c r="EJ16" s="160">
        <v>8</v>
      </c>
      <c r="EK16" s="160">
        <v>13</v>
      </c>
      <c r="EL16" s="160">
        <v>7</v>
      </c>
      <c r="EM16" s="160">
        <v>4</v>
      </c>
      <c r="EN16" s="165">
        <v>41</v>
      </c>
      <c r="EO16" s="164">
        <v>42</v>
      </c>
      <c r="EP16" s="159">
        <v>5</v>
      </c>
      <c r="EQ16" s="160">
        <v>10</v>
      </c>
      <c r="ER16" s="165">
        <v>15</v>
      </c>
      <c r="ES16" s="162">
        <v>0</v>
      </c>
      <c r="ET16" s="160">
        <v>57</v>
      </c>
      <c r="EU16" s="160">
        <v>59</v>
      </c>
      <c r="EV16" s="160">
        <v>32</v>
      </c>
      <c r="EW16" s="160">
        <v>15</v>
      </c>
      <c r="EX16" s="160">
        <v>14</v>
      </c>
      <c r="EY16" s="165">
        <v>177</v>
      </c>
      <c r="EZ16" s="164">
        <v>192</v>
      </c>
    </row>
    <row r="17" spans="2:156" ht="21" customHeight="1" x14ac:dyDescent="0.2">
      <c r="B17" s="166" t="s">
        <v>15</v>
      </c>
      <c r="C17" s="159">
        <v>0</v>
      </c>
      <c r="D17" s="160">
        <v>0</v>
      </c>
      <c r="E17" s="161">
        <v>0</v>
      </c>
      <c r="F17" s="162">
        <v>0</v>
      </c>
      <c r="G17" s="160">
        <v>4</v>
      </c>
      <c r="H17" s="160">
        <v>4</v>
      </c>
      <c r="I17" s="160">
        <v>1</v>
      </c>
      <c r="J17" s="160">
        <v>5</v>
      </c>
      <c r="K17" s="160">
        <v>2</v>
      </c>
      <c r="L17" s="163">
        <v>16</v>
      </c>
      <c r="M17" s="164">
        <v>16</v>
      </c>
      <c r="N17" s="159">
        <v>0</v>
      </c>
      <c r="O17" s="160">
        <v>0</v>
      </c>
      <c r="P17" s="165">
        <v>0</v>
      </c>
      <c r="Q17" s="162">
        <v>0</v>
      </c>
      <c r="R17" s="160">
        <v>0</v>
      </c>
      <c r="S17" s="160">
        <v>1</v>
      </c>
      <c r="T17" s="160">
        <v>0</v>
      </c>
      <c r="U17" s="160">
        <v>1</v>
      </c>
      <c r="V17" s="160">
        <v>1</v>
      </c>
      <c r="W17" s="165">
        <v>3</v>
      </c>
      <c r="X17" s="164">
        <v>3</v>
      </c>
      <c r="Y17" s="159">
        <v>0</v>
      </c>
      <c r="Z17" s="160">
        <v>2</v>
      </c>
      <c r="AA17" s="165">
        <v>2</v>
      </c>
      <c r="AB17" s="162">
        <v>0</v>
      </c>
      <c r="AC17" s="160">
        <v>6</v>
      </c>
      <c r="AD17" s="160">
        <v>3</v>
      </c>
      <c r="AE17" s="160">
        <v>4</v>
      </c>
      <c r="AF17" s="160">
        <v>5</v>
      </c>
      <c r="AG17" s="160">
        <v>1</v>
      </c>
      <c r="AH17" s="165">
        <v>19</v>
      </c>
      <c r="AI17" s="164">
        <v>21</v>
      </c>
      <c r="AJ17" s="159">
        <v>0</v>
      </c>
      <c r="AK17" s="160">
        <v>0</v>
      </c>
      <c r="AL17" s="165">
        <v>0</v>
      </c>
      <c r="AM17" s="162">
        <v>0</v>
      </c>
      <c r="AN17" s="160">
        <v>2</v>
      </c>
      <c r="AO17" s="160">
        <v>2</v>
      </c>
      <c r="AP17" s="160">
        <v>0</v>
      </c>
      <c r="AQ17" s="160">
        <v>0</v>
      </c>
      <c r="AR17" s="160">
        <v>0</v>
      </c>
      <c r="AS17" s="165">
        <v>4</v>
      </c>
      <c r="AT17" s="164">
        <v>4</v>
      </c>
      <c r="AU17" s="159">
        <v>0</v>
      </c>
      <c r="AV17" s="160">
        <v>0</v>
      </c>
      <c r="AW17" s="165">
        <v>0</v>
      </c>
      <c r="AX17" s="162">
        <v>0</v>
      </c>
      <c r="AY17" s="160">
        <v>14</v>
      </c>
      <c r="AZ17" s="160">
        <v>4</v>
      </c>
      <c r="BA17" s="160">
        <v>6</v>
      </c>
      <c r="BB17" s="160">
        <v>6</v>
      </c>
      <c r="BC17" s="160">
        <v>3</v>
      </c>
      <c r="BD17" s="163">
        <v>33</v>
      </c>
      <c r="BE17" s="164">
        <v>33</v>
      </c>
      <c r="BF17" s="159">
        <v>0</v>
      </c>
      <c r="BG17" s="160">
        <v>0</v>
      </c>
      <c r="BH17" s="165">
        <v>0</v>
      </c>
      <c r="BI17" s="162">
        <v>0</v>
      </c>
      <c r="BJ17" s="160">
        <v>6</v>
      </c>
      <c r="BK17" s="160">
        <v>2</v>
      </c>
      <c r="BL17" s="160">
        <v>3</v>
      </c>
      <c r="BM17" s="160">
        <v>1</v>
      </c>
      <c r="BN17" s="160">
        <v>0</v>
      </c>
      <c r="BO17" s="165">
        <v>12</v>
      </c>
      <c r="BP17" s="164">
        <v>12</v>
      </c>
      <c r="BQ17" s="159">
        <v>1</v>
      </c>
      <c r="BR17" s="160">
        <v>0</v>
      </c>
      <c r="BS17" s="165">
        <v>1</v>
      </c>
      <c r="BT17" s="162">
        <v>0</v>
      </c>
      <c r="BU17" s="160">
        <v>1</v>
      </c>
      <c r="BV17" s="160">
        <v>0</v>
      </c>
      <c r="BW17" s="160">
        <v>4</v>
      </c>
      <c r="BX17" s="160">
        <v>1</v>
      </c>
      <c r="BY17" s="160">
        <v>0</v>
      </c>
      <c r="BZ17" s="165">
        <v>6</v>
      </c>
      <c r="CA17" s="164">
        <v>7</v>
      </c>
      <c r="CB17" s="159">
        <v>0</v>
      </c>
      <c r="CC17" s="160">
        <v>0</v>
      </c>
      <c r="CD17" s="165">
        <v>0</v>
      </c>
      <c r="CE17" s="162">
        <v>0</v>
      </c>
      <c r="CF17" s="160">
        <v>0</v>
      </c>
      <c r="CG17" s="160">
        <v>2</v>
      </c>
      <c r="CH17" s="160">
        <v>2</v>
      </c>
      <c r="CI17" s="160">
        <v>1</v>
      </c>
      <c r="CJ17" s="160">
        <v>1</v>
      </c>
      <c r="CK17" s="165">
        <v>6</v>
      </c>
      <c r="CL17" s="164">
        <v>6</v>
      </c>
      <c r="CM17" s="159">
        <v>0</v>
      </c>
      <c r="CN17" s="160">
        <v>0</v>
      </c>
      <c r="CO17" s="165">
        <v>0</v>
      </c>
      <c r="CP17" s="162">
        <v>0</v>
      </c>
      <c r="CQ17" s="160">
        <v>0</v>
      </c>
      <c r="CR17" s="160">
        <v>0</v>
      </c>
      <c r="CS17" s="160">
        <v>1</v>
      </c>
      <c r="CT17" s="160">
        <v>0</v>
      </c>
      <c r="CU17" s="160">
        <v>0</v>
      </c>
      <c r="CV17" s="165">
        <v>1</v>
      </c>
      <c r="CW17" s="164">
        <v>1</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3</v>
      </c>
      <c r="DU17" s="160">
        <v>6</v>
      </c>
      <c r="DV17" s="165">
        <v>9</v>
      </c>
      <c r="DW17" s="162">
        <v>0</v>
      </c>
      <c r="DX17" s="160">
        <v>6</v>
      </c>
      <c r="DY17" s="160">
        <v>12</v>
      </c>
      <c r="DZ17" s="160">
        <v>14</v>
      </c>
      <c r="EA17" s="160">
        <v>9</v>
      </c>
      <c r="EB17" s="160">
        <v>4</v>
      </c>
      <c r="EC17" s="165">
        <v>45</v>
      </c>
      <c r="ED17" s="164">
        <v>54</v>
      </c>
      <c r="EE17" s="159">
        <v>2</v>
      </c>
      <c r="EF17" s="160">
        <v>3</v>
      </c>
      <c r="EG17" s="165">
        <v>5</v>
      </c>
      <c r="EH17" s="162">
        <v>0</v>
      </c>
      <c r="EI17" s="160">
        <v>7</v>
      </c>
      <c r="EJ17" s="160">
        <v>2</v>
      </c>
      <c r="EK17" s="160">
        <v>4</v>
      </c>
      <c r="EL17" s="160">
        <v>1</v>
      </c>
      <c r="EM17" s="160">
        <v>0</v>
      </c>
      <c r="EN17" s="165">
        <v>14</v>
      </c>
      <c r="EO17" s="164">
        <v>19</v>
      </c>
      <c r="EP17" s="159">
        <v>4</v>
      </c>
      <c r="EQ17" s="160">
        <v>9</v>
      </c>
      <c r="ER17" s="165">
        <v>13</v>
      </c>
      <c r="ES17" s="162">
        <v>0</v>
      </c>
      <c r="ET17" s="160">
        <v>25</v>
      </c>
      <c r="EU17" s="160">
        <v>18</v>
      </c>
      <c r="EV17" s="160">
        <v>13</v>
      </c>
      <c r="EW17" s="160">
        <v>10</v>
      </c>
      <c r="EX17" s="160">
        <v>4</v>
      </c>
      <c r="EY17" s="165">
        <v>70</v>
      </c>
      <c r="EZ17" s="164">
        <v>83</v>
      </c>
    </row>
    <row r="18" spans="2:156" ht="21" customHeight="1" x14ac:dyDescent="0.2">
      <c r="B18" s="166" t="s">
        <v>16</v>
      </c>
      <c r="C18" s="159">
        <v>0</v>
      </c>
      <c r="D18" s="160">
        <v>0</v>
      </c>
      <c r="E18" s="161">
        <v>0</v>
      </c>
      <c r="F18" s="162">
        <v>0</v>
      </c>
      <c r="G18" s="160">
        <v>7</v>
      </c>
      <c r="H18" s="160">
        <v>9</v>
      </c>
      <c r="I18" s="160">
        <v>8</v>
      </c>
      <c r="J18" s="160">
        <v>2</v>
      </c>
      <c r="K18" s="160">
        <v>2</v>
      </c>
      <c r="L18" s="163">
        <v>28</v>
      </c>
      <c r="M18" s="164">
        <v>28</v>
      </c>
      <c r="N18" s="159">
        <v>0</v>
      </c>
      <c r="O18" s="160">
        <v>0</v>
      </c>
      <c r="P18" s="165">
        <v>0</v>
      </c>
      <c r="Q18" s="162">
        <v>0</v>
      </c>
      <c r="R18" s="160">
        <v>0</v>
      </c>
      <c r="S18" s="160">
        <v>0</v>
      </c>
      <c r="T18" s="160">
        <v>1</v>
      </c>
      <c r="U18" s="160">
        <v>1</v>
      </c>
      <c r="V18" s="160">
        <v>2</v>
      </c>
      <c r="W18" s="165">
        <v>4</v>
      </c>
      <c r="X18" s="164">
        <v>4</v>
      </c>
      <c r="Y18" s="159">
        <v>6</v>
      </c>
      <c r="Z18" s="160">
        <v>4</v>
      </c>
      <c r="AA18" s="165">
        <v>10</v>
      </c>
      <c r="AB18" s="162">
        <v>0</v>
      </c>
      <c r="AC18" s="160">
        <v>11</v>
      </c>
      <c r="AD18" s="160">
        <v>24</v>
      </c>
      <c r="AE18" s="160">
        <v>2</v>
      </c>
      <c r="AF18" s="160">
        <v>5</v>
      </c>
      <c r="AG18" s="160">
        <v>4</v>
      </c>
      <c r="AH18" s="165">
        <v>46</v>
      </c>
      <c r="AI18" s="164">
        <v>56</v>
      </c>
      <c r="AJ18" s="159">
        <v>1</v>
      </c>
      <c r="AK18" s="160">
        <v>0</v>
      </c>
      <c r="AL18" s="165">
        <v>1</v>
      </c>
      <c r="AM18" s="162">
        <v>0</v>
      </c>
      <c r="AN18" s="160">
        <v>1</v>
      </c>
      <c r="AO18" s="160">
        <v>2</v>
      </c>
      <c r="AP18" s="160">
        <v>0</v>
      </c>
      <c r="AQ18" s="160">
        <v>1</v>
      </c>
      <c r="AR18" s="160">
        <v>0</v>
      </c>
      <c r="AS18" s="165">
        <v>4</v>
      </c>
      <c r="AT18" s="164">
        <v>5</v>
      </c>
      <c r="AU18" s="159">
        <v>3</v>
      </c>
      <c r="AV18" s="160">
        <v>3</v>
      </c>
      <c r="AW18" s="165">
        <v>6</v>
      </c>
      <c r="AX18" s="162">
        <v>0</v>
      </c>
      <c r="AY18" s="160">
        <v>15</v>
      </c>
      <c r="AZ18" s="160">
        <v>27</v>
      </c>
      <c r="BA18" s="160">
        <v>14</v>
      </c>
      <c r="BB18" s="160">
        <v>12</v>
      </c>
      <c r="BC18" s="160">
        <v>11</v>
      </c>
      <c r="BD18" s="163">
        <v>79</v>
      </c>
      <c r="BE18" s="164">
        <v>85</v>
      </c>
      <c r="BF18" s="159">
        <v>0</v>
      </c>
      <c r="BG18" s="160">
        <v>0</v>
      </c>
      <c r="BH18" s="165">
        <v>0</v>
      </c>
      <c r="BI18" s="162">
        <v>0</v>
      </c>
      <c r="BJ18" s="160">
        <v>17</v>
      </c>
      <c r="BK18" s="160">
        <v>27</v>
      </c>
      <c r="BL18" s="160">
        <v>6</v>
      </c>
      <c r="BM18" s="160">
        <v>5</v>
      </c>
      <c r="BN18" s="160">
        <v>1</v>
      </c>
      <c r="BO18" s="165">
        <v>56</v>
      </c>
      <c r="BP18" s="164">
        <v>56</v>
      </c>
      <c r="BQ18" s="159">
        <v>3</v>
      </c>
      <c r="BR18" s="160">
        <v>10</v>
      </c>
      <c r="BS18" s="165">
        <v>13</v>
      </c>
      <c r="BT18" s="162">
        <v>0</v>
      </c>
      <c r="BU18" s="160">
        <v>12</v>
      </c>
      <c r="BV18" s="160">
        <v>29</v>
      </c>
      <c r="BW18" s="160">
        <v>7</v>
      </c>
      <c r="BX18" s="160">
        <v>0</v>
      </c>
      <c r="BY18" s="160">
        <v>1</v>
      </c>
      <c r="BZ18" s="165">
        <v>49</v>
      </c>
      <c r="CA18" s="164">
        <v>62</v>
      </c>
      <c r="CB18" s="159">
        <v>0</v>
      </c>
      <c r="CC18" s="160">
        <v>0</v>
      </c>
      <c r="CD18" s="165">
        <v>0</v>
      </c>
      <c r="CE18" s="162">
        <v>0</v>
      </c>
      <c r="CF18" s="160">
        <v>1</v>
      </c>
      <c r="CG18" s="160">
        <v>7</v>
      </c>
      <c r="CH18" s="160">
        <v>1</v>
      </c>
      <c r="CI18" s="160">
        <v>4</v>
      </c>
      <c r="CJ18" s="160">
        <v>1</v>
      </c>
      <c r="CK18" s="165">
        <v>14</v>
      </c>
      <c r="CL18" s="164">
        <v>14</v>
      </c>
      <c r="CM18" s="159">
        <v>0</v>
      </c>
      <c r="CN18" s="160">
        <v>0</v>
      </c>
      <c r="CO18" s="165">
        <v>0</v>
      </c>
      <c r="CP18" s="162">
        <v>0</v>
      </c>
      <c r="CQ18" s="160">
        <v>0</v>
      </c>
      <c r="CR18" s="160">
        <v>1</v>
      </c>
      <c r="CS18" s="160">
        <v>3</v>
      </c>
      <c r="CT18" s="160">
        <v>0</v>
      </c>
      <c r="CU18" s="160">
        <v>0</v>
      </c>
      <c r="CV18" s="165">
        <v>4</v>
      </c>
      <c r="CW18" s="164">
        <v>4</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1</v>
      </c>
      <c r="DU18" s="160">
        <v>23</v>
      </c>
      <c r="DV18" s="165">
        <v>34</v>
      </c>
      <c r="DW18" s="162">
        <v>0</v>
      </c>
      <c r="DX18" s="160">
        <v>20</v>
      </c>
      <c r="DY18" s="160">
        <v>54</v>
      </c>
      <c r="DZ18" s="160">
        <v>28</v>
      </c>
      <c r="EA18" s="160">
        <v>11</v>
      </c>
      <c r="EB18" s="160">
        <v>7</v>
      </c>
      <c r="EC18" s="165">
        <v>120</v>
      </c>
      <c r="ED18" s="164">
        <v>154</v>
      </c>
      <c r="EE18" s="159">
        <v>4</v>
      </c>
      <c r="EF18" s="160">
        <v>0</v>
      </c>
      <c r="EG18" s="165">
        <v>4</v>
      </c>
      <c r="EH18" s="162">
        <v>0</v>
      </c>
      <c r="EI18" s="160">
        <v>10</v>
      </c>
      <c r="EJ18" s="160">
        <v>15</v>
      </c>
      <c r="EK18" s="160">
        <v>6</v>
      </c>
      <c r="EL18" s="160">
        <v>8</v>
      </c>
      <c r="EM18" s="160">
        <v>6</v>
      </c>
      <c r="EN18" s="165">
        <v>45</v>
      </c>
      <c r="EO18" s="164">
        <v>49</v>
      </c>
      <c r="EP18" s="159">
        <v>18</v>
      </c>
      <c r="EQ18" s="160">
        <v>31</v>
      </c>
      <c r="ER18" s="165">
        <v>49</v>
      </c>
      <c r="ES18" s="162">
        <v>0</v>
      </c>
      <c r="ET18" s="160">
        <v>46</v>
      </c>
      <c r="EU18" s="160">
        <v>79</v>
      </c>
      <c r="EV18" s="160">
        <v>28</v>
      </c>
      <c r="EW18" s="160">
        <v>11</v>
      </c>
      <c r="EX18" s="160">
        <v>7</v>
      </c>
      <c r="EY18" s="165">
        <v>171</v>
      </c>
      <c r="EZ18" s="164">
        <v>220</v>
      </c>
    </row>
    <row r="19" spans="2:156" ht="21" customHeight="1" x14ac:dyDescent="0.2">
      <c r="B19" s="166" t="s">
        <v>17</v>
      </c>
      <c r="C19" s="159">
        <v>0</v>
      </c>
      <c r="D19" s="160">
        <v>0</v>
      </c>
      <c r="E19" s="161">
        <v>0</v>
      </c>
      <c r="F19" s="162">
        <v>0</v>
      </c>
      <c r="G19" s="160">
        <v>13</v>
      </c>
      <c r="H19" s="160">
        <v>22</v>
      </c>
      <c r="I19" s="160">
        <v>14</v>
      </c>
      <c r="J19" s="160">
        <v>6</v>
      </c>
      <c r="K19" s="160">
        <v>4</v>
      </c>
      <c r="L19" s="163">
        <v>59</v>
      </c>
      <c r="M19" s="164">
        <v>59</v>
      </c>
      <c r="N19" s="159">
        <v>0</v>
      </c>
      <c r="O19" s="160">
        <v>0</v>
      </c>
      <c r="P19" s="165">
        <v>0</v>
      </c>
      <c r="Q19" s="162">
        <v>0</v>
      </c>
      <c r="R19" s="160">
        <v>0</v>
      </c>
      <c r="S19" s="160">
        <v>0</v>
      </c>
      <c r="T19" s="160">
        <v>1</v>
      </c>
      <c r="U19" s="160">
        <v>0</v>
      </c>
      <c r="V19" s="160">
        <v>1</v>
      </c>
      <c r="W19" s="165">
        <v>2</v>
      </c>
      <c r="X19" s="164">
        <v>2</v>
      </c>
      <c r="Y19" s="159">
        <v>0</v>
      </c>
      <c r="Z19" s="160">
        <v>4</v>
      </c>
      <c r="AA19" s="165">
        <v>4</v>
      </c>
      <c r="AB19" s="162">
        <v>0</v>
      </c>
      <c r="AC19" s="160">
        <v>14</v>
      </c>
      <c r="AD19" s="160">
        <v>19</v>
      </c>
      <c r="AE19" s="160">
        <v>19</v>
      </c>
      <c r="AF19" s="160">
        <v>3</v>
      </c>
      <c r="AG19" s="160">
        <v>3</v>
      </c>
      <c r="AH19" s="165">
        <v>58</v>
      </c>
      <c r="AI19" s="164">
        <v>62</v>
      </c>
      <c r="AJ19" s="159">
        <v>0</v>
      </c>
      <c r="AK19" s="160">
        <v>1</v>
      </c>
      <c r="AL19" s="165">
        <v>1</v>
      </c>
      <c r="AM19" s="162">
        <v>0</v>
      </c>
      <c r="AN19" s="160">
        <v>1</v>
      </c>
      <c r="AO19" s="160">
        <v>1</v>
      </c>
      <c r="AP19" s="160">
        <v>1</v>
      </c>
      <c r="AQ19" s="160">
        <v>0</v>
      </c>
      <c r="AR19" s="160">
        <v>1</v>
      </c>
      <c r="AS19" s="165">
        <v>4</v>
      </c>
      <c r="AT19" s="164">
        <v>5</v>
      </c>
      <c r="AU19" s="159">
        <v>9</v>
      </c>
      <c r="AV19" s="160">
        <v>3</v>
      </c>
      <c r="AW19" s="165">
        <v>12</v>
      </c>
      <c r="AX19" s="162">
        <v>0</v>
      </c>
      <c r="AY19" s="160">
        <v>15</v>
      </c>
      <c r="AZ19" s="160">
        <v>33</v>
      </c>
      <c r="BA19" s="160">
        <v>30</v>
      </c>
      <c r="BB19" s="160">
        <v>9</v>
      </c>
      <c r="BC19" s="160">
        <v>9</v>
      </c>
      <c r="BD19" s="163">
        <v>96</v>
      </c>
      <c r="BE19" s="164">
        <v>108</v>
      </c>
      <c r="BF19" s="159">
        <v>0</v>
      </c>
      <c r="BG19" s="160">
        <v>0</v>
      </c>
      <c r="BH19" s="165">
        <v>0</v>
      </c>
      <c r="BI19" s="162">
        <v>0</v>
      </c>
      <c r="BJ19" s="160">
        <v>17</v>
      </c>
      <c r="BK19" s="160">
        <v>27</v>
      </c>
      <c r="BL19" s="160">
        <v>11</v>
      </c>
      <c r="BM19" s="160">
        <v>2</v>
      </c>
      <c r="BN19" s="160">
        <v>1</v>
      </c>
      <c r="BO19" s="165">
        <v>58</v>
      </c>
      <c r="BP19" s="164">
        <v>58</v>
      </c>
      <c r="BQ19" s="159">
        <v>5</v>
      </c>
      <c r="BR19" s="160">
        <v>2</v>
      </c>
      <c r="BS19" s="165">
        <v>7</v>
      </c>
      <c r="BT19" s="162">
        <v>0</v>
      </c>
      <c r="BU19" s="160">
        <v>6</v>
      </c>
      <c r="BV19" s="160">
        <v>15</v>
      </c>
      <c r="BW19" s="160">
        <v>5</v>
      </c>
      <c r="BX19" s="160">
        <v>2</v>
      </c>
      <c r="BY19" s="160">
        <v>0</v>
      </c>
      <c r="BZ19" s="165">
        <v>28</v>
      </c>
      <c r="CA19" s="164">
        <v>35</v>
      </c>
      <c r="CB19" s="159">
        <v>0</v>
      </c>
      <c r="CC19" s="160">
        <v>0</v>
      </c>
      <c r="CD19" s="165">
        <v>0</v>
      </c>
      <c r="CE19" s="162">
        <v>0</v>
      </c>
      <c r="CF19" s="160">
        <v>2</v>
      </c>
      <c r="CG19" s="160">
        <v>11</v>
      </c>
      <c r="CH19" s="160">
        <v>6</v>
      </c>
      <c r="CI19" s="160">
        <v>7</v>
      </c>
      <c r="CJ19" s="160">
        <v>1</v>
      </c>
      <c r="CK19" s="165">
        <v>27</v>
      </c>
      <c r="CL19" s="164">
        <v>27</v>
      </c>
      <c r="CM19" s="159">
        <v>0</v>
      </c>
      <c r="CN19" s="160">
        <v>0</v>
      </c>
      <c r="CO19" s="165">
        <v>0</v>
      </c>
      <c r="CP19" s="162">
        <v>0</v>
      </c>
      <c r="CQ19" s="160">
        <v>0</v>
      </c>
      <c r="CR19" s="160">
        <v>2</v>
      </c>
      <c r="CS19" s="160">
        <v>3</v>
      </c>
      <c r="CT19" s="160">
        <v>0</v>
      </c>
      <c r="CU19" s="160">
        <v>0</v>
      </c>
      <c r="CV19" s="165">
        <v>5</v>
      </c>
      <c r="CW19" s="164">
        <v>5</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2</v>
      </c>
      <c r="DU19" s="160">
        <v>26</v>
      </c>
      <c r="DV19" s="165">
        <v>38</v>
      </c>
      <c r="DW19" s="162">
        <v>0</v>
      </c>
      <c r="DX19" s="160">
        <v>18</v>
      </c>
      <c r="DY19" s="160">
        <v>74</v>
      </c>
      <c r="DZ19" s="160">
        <v>37</v>
      </c>
      <c r="EA19" s="160">
        <v>12</v>
      </c>
      <c r="EB19" s="160">
        <v>6</v>
      </c>
      <c r="EC19" s="165">
        <v>147</v>
      </c>
      <c r="ED19" s="164">
        <v>185</v>
      </c>
      <c r="EE19" s="159">
        <v>5</v>
      </c>
      <c r="EF19" s="160">
        <v>2</v>
      </c>
      <c r="EG19" s="165">
        <v>7</v>
      </c>
      <c r="EH19" s="162">
        <v>0</v>
      </c>
      <c r="EI19" s="160">
        <v>9</v>
      </c>
      <c r="EJ19" s="160">
        <v>15</v>
      </c>
      <c r="EK19" s="160">
        <v>6</v>
      </c>
      <c r="EL19" s="160">
        <v>3</v>
      </c>
      <c r="EM19" s="160">
        <v>3</v>
      </c>
      <c r="EN19" s="165">
        <v>36</v>
      </c>
      <c r="EO19" s="164">
        <v>43</v>
      </c>
      <c r="EP19" s="159">
        <v>18</v>
      </c>
      <c r="EQ19" s="160">
        <v>30</v>
      </c>
      <c r="ER19" s="165">
        <v>48</v>
      </c>
      <c r="ES19" s="162">
        <v>0</v>
      </c>
      <c r="ET19" s="160">
        <v>64</v>
      </c>
      <c r="EU19" s="160">
        <v>100</v>
      </c>
      <c r="EV19" s="160">
        <v>43</v>
      </c>
      <c r="EW19" s="160">
        <v>17</v>
      </c>
      <c r="EX19" s="160">
        <v>6</v>
      </c>
      <c r="EY19" s="165">
        <v>230</v>
      </c>
      <c r="EZ19" s="164">
        <v>278</v>
      </c>
    </row>
    <row r="20" spans="2:156" ht="21" customHeight="1" x14ac:dyDescent="0.2">
      <c r="B20" s="166" t="s">
        <v>18</v>
      </c>
      <c r="C20" s="159">
        <v>0</v>
      </c>
      <c r="D20" s="160">
        <v>0</v>
      </c>
      <c r="E20" s="161">
        <v>0</v>
      </c>
      <c r="F20" s="162">
        <v>0</v>
      </c>
      <c r="G20" s="160">
        <v>24</v>
      </c>
      <c r="H20" s="160">
        <v>21</v>
      </c>
      <c r="I20" s="160">
        <v>18</v>
      </c>
      <c r="J20" s="160">
        <v>9</v>
      </c>
      <c r="K20" s="160">
        <v>7</v>
      </c>
      <c r="L20" s="163">
        <v>79</v>
      </c>
      <c r="M20" s="164">
        <v>79</v>
      </c>
      <c r="N20" s="159">
        <v>0</v>
      </c>
      <c r="O20" s="160">
        <v>0</v>
      </c>
      <c r="P20" s="165">
        <v>0</v>
      </c>
      <c r="Q20" s="162">
        <v>0</v>
      </c>
      <c r="R20" s="160">
        <v>0</v>
      </c>
      <c r="S20" s="160">
        <v>1</v>
      </c>
      <c r="T20" s="160">
        <v>1</v>
      </c>
      <c r="U20" s="160">
        <v>3</v>
      </c>
      <c r="V20" s="160">
        <v>8</v>
      </c>
      <c r="W20" s="165">
        <v>13</v>
      </c>
      <c r="X20" s="164">
        <v>13</v>
      </c>
      <c r="Y20" s="159">
        <v>3</v>
      </c>
      <c r="Z20" s="160">
        <v>7</v>
      </c>
      <c r="AA20" s="165">
        <v>10</v>
      </c>
      <c r="AB20" s="162">
        <v>0</v>
      </c>
      <c r="AC20" s="160">
        <v>19</v>
      </c>
      <c r="AD20" s="160">
        <v>26</v>
      </c>
      <c r="AE20" s="160">
        <v>14</v>
      </c>
      <c r="AF20" s="160">
        <v>7</v>
      </c>
      <c r="AG20" s="160">
        <v>6</v>
      </c>
      <c r="AH20" s="165">
        <v>72</v>
      </c>
      <c r="AI20" s="164">
        <v>82</v>
      </c>
      <c r="AJ20" s="159">
        <v>0</v>
      </c>
      <c r="AK20" s="160">
        <v>1</v>
      </c>
      <c r="AL20" s="165">
        <v>1</v>
      </c>
      <c r="AM20" s="162">
        <v>0</v>
      </c>
      <c r="AN20" s="160">
        <v>3</v>
      </c>
      <c r="AO20" s="160">
        <v>4</v>
      </c>
      <c r="AP20" s="160">
        <v>3</v>
      </c>
      <c r="AQ20" s="160">
        <v>1</v>
      </c>
      <c r="AR20" s="160">
        <v>0</v>
      </c>
      <c r="AS20" s="165">
        <v>11</v>
      </c>
      <c r="AT20" s="164">
        <v>12</v>
      </c>
      <c r="AU20" s="159">
        <v>2</v>
      </c>
      <c r="AV20" s="160">
        <v>4</v>
      </c>
      <c r="AW20" s="165">
        <v>6</v>
      </c>
      <c r="AX20" s="162">
        <v>0</v>
      </c>
      <c r="AY20" s="160">
        <v>42</v>
      </c>
      <c r="AZ20" s="160">
        <v>33</v>
      </c>
      <c r="BA20" s="160">
        <v>36</v>
      </c>
      <c r="BB20" s="160">
        <v>26</v>
      </c>
      <c r="BC20" s="160">
        <v>18</v>
      </c>
      <c r="BD20" s="163">
        <v>155</v>
      </c>
      <c r="BE20" s="164">
        <v>161</v>
      </c>
      <c r="BF20" s="159">
        <v>0</v>
      </c>
      <c r="BG20" s="160">
        <v>0</v>
      </c>
      <c r="BH20" s="165">
        <v>0</v>
      </c>
      <c r="BI20" s="162">
        <v>0</v>
      </c>
      <c r="BJ20" s="160">
        <v>60</v>
      </c>
      <c r="BK20" s="160">
        <v>31</v>
      </c>
      <c r="BL20" s="160">
        <v>23</v>
      </c>
      <c r="BM20" s="160">
        <v>9</v>
      </c>
      <c r="BN20" s="160">
        <v>3</v>
      </c>
      <c r="BO20" s="165">
        <v>126</v>
      </c>
      <c r="BP20" s="164">
        <v>126</v>
      </c>
      <c r="BQ20" s="159">
        <v>3</v>
      </c>
      <c r="BR20" s="160">
        <v>8</v>
      </c>
      <c r="BS20" s="165">
        <v>11</v>
      </c>
      <c r="BT20" s="162">
        <v>0</v>
      </c>
      <c r="BU20" s="160">
        <v>15</v>
      </c>
      <c r="BV20" s="160">
        <v>11</v>
      </c>
      <c r="BW20" s="160">
        <v>8</v>
      </c>
      <c r="BX20" s="160">
        <v>1</v>
      </c>
      <c r="BY20" s="160">
        <v>2</v>
      </c>
      <c r="BZ20" s="165">
        <v>37</v>
      </c>
      <c r="CA20" s="164">
        <v>48</v>
      </c>
      <c r="CB20" s="159">
        <v>0</v>
      </c>
      <c r="CC20" s="160">
        <v>1</v>
      </c>
      <c r="CD20" s="165">
        <v>1</v>
      </c>
      <c r="CE20" s="162">
        <v>0</v>
      </c>
      <c r="CF20" s="160">
        <v>6</v>
      </c>
      <c r="CG20" s="160">
        <v>9</v>
      </c>
      <c r="CH20" s="160">
        <v>6</v>
      </c>
      <c r="CI20" s="160">
        <v>4</v>
      </c>
      <c r="CJ20" s="160">
        <v>1</v>
      </c>
      <c r="CK20" s="165">
        <v>26</v>
      </c>
      <c r="CL20" s="164">
        <v>27</v>
      </c>
      <c r="CM20" s="159">
        <v>0</v>
      </c>
      <c r="CN20" s="160">
        <v>0</v>
      </c>
      <c r="CO20" s="165">
        <v>0</v>
      </c>
      <c r="CP20" s="162">
        <v>0</v>
      </c>
      <c r="CQ20" s="160">
        <v>0</v>
      </c>
      <c r="CR20" s="160">
        <v>0</v>
      </c>
      <c r="CS20" s="160">
        <v>0</v>
      </c>
      <c r="CT20" s="160">
        <v>0</v>
      </c>
      <c r="CU20" s="160">
        <v>0</v>
      </c>
      <c r="CV20" s="165">
        <v>0</v>
      </c>
      <c r="CW20" s="164">
        <v>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0</v>
      </c>
      <c r="DU20" s="160">
        <v>27</v>
      </c>
      <c r="DV20" s="165">
        <v>37</v>
      </c>
      <c r="DW20" s="162">
        <v>0</v>
      </c>
      <c r="DX20" s="160">
        <v>48</v>
      </c>
      <c r="DY20" s="160">
        <v>56</v>
      </c>
      <c r="DZ20" s="160">
        <v>40</v>
      </c>
      <c r="EA20" s="160">
        <v>21</v>
      </c>
      <c r="EB20" s="160">
        <v>18</v>
      </c>
      <c r="EC20" s="165">
        <v>183</v>
      </c>
      <c r="ED20" s="164">
        <v>220</v>
      </c>
      <c r="EE20" s="159">
        <v>2</v>
      </c>
      <c r="EF20" s="160">
        <v>0</v>
      </c>
      <c r="EG20" s="165">
        <v>2</v>
      </c>
      <c r="EH20" s="162">
        <v>0</v>
      </c>
      <c r="EI20" s="160">
        <v>17</v>
      </c>
      <c r="EJ20" s="160">
        <v>13</v>
      </c>
      <c r="EK20" s="160">
        <v>10</v>
      </c>
      <c r="EL20" s="160">
        <v>9</v>
      </c>
      <c r="EM20" s="160">
        <v>3</v>
      </c>
      <c r="EN20" s="165">
        <v>52</v>
      </c>
      <c r="EO20" s="164">
        <v>54</v>
      </c>
      <c r="EP20" s="159">
        <v>15</v>
      </c>
      <c r="EQ20" s="160">
        <v>32</v>
      </c>
      <c r="ER20" s="165">
        <v>47</v>
      </c>
      <c r="ES20" s="162">
        <v>0</v>
      </c>
      <c r="ET20" s="160">
        <v>117</v>
      </c>
      <c r="EU20" s="160">
        <v>81</v>
      </c>
      <c r="EV20" s="160">
        <v>52</v>
      </c>
      <c r="EW20" s="160">
        <v>21</v>
      </c>
      <c r="EX20" s="160">
        <v>19</v>
      </c>
      <c r="EY20" s="165">
        <v>290</v>
      </c>
      <c r="EZ20" s="164">
        <v>337</v>
      </c>
    </row>
    <row r="21" spans="2:156" ht="21" customHeight="1" x14ac:dyDescent="0.2">
      <c r="B21" s="166" t="s">
        <v>19</v>
      </c>
      <c r="C21" s="159">
        <v>0</v>
      </c>
      <c r="D21" s="160">
        <v>0</v>
      </c>
      <c r="E21" s="161">
        <v>0</v>
      </c>
      <c r="F21" s="162">
        <v>0</v>
      </c>
      <c r="G21" s="160">
        <v>14</v>
      </c>
      <c r="H21" s="160">
        <v>7</v>
      </c>
      <c r="I21" s="160">
        <v>5</v>
      </c>
      <c r="J21" s="160">
        <v>4</v>
      </c>
      <c r="K21" s="160">
        <v>2</v>
      </c>
      <c r="L21" s="163">
        <v>32</v>
      </c>
      <c r="M21" s="164">
        <v>32</v>
      </c>
      <c r="N21" s="159">
        <v>0</v>
      </c>
      <c r="O21" s="160">
        <v>0</v>
      </c>
      <c r="P21" s="165">
        <v>0</v>
      </c>
      <c r="Q21" s="162">
        <v>0</v>
      </c>
      <c r="R21" s="160">
        <v>0</v>
      </c>
      <c r="S21" s="160">
        <v>0</v>
      </c>
      <c r="T21" s="160">
        <v>2</v>
      </c>
      <c r="U21" s="160">
        <v>1</v>
      </c>
      <c r="V21" s="160">
        <v>2</v>
      </c>
      <c r="W21" s="165">
        <v>5</v>
      </c>
      <c r="X21" s="164">
        <v>5</v>
      </c>
      <c r="Y21" s="159">
        <v>1</v>
      </c>
      <c r="Z21" s="160">
        <v>5</v>
      </c>
      <c r="AA21" s="165">
        <v>6</v>
      </c>
      <c r="AB21" s="162">
        <v>0</v>
      </c>
      <c r="AC21" s="160">
        <v>14</v>
      </c>
      <c r="AD21" s="160">
        <v>9</v>
      </c>
      <c r="AE21" s="160">
        <v>7</v>
      </c>
      <c r="AF21" s="160">
        <v>3</v>
      </c>
      <c r="AG21" s="160">
        <v>3</v>
      </c>
      <c r="AH21" s="165">
        <v>36</v>
      </c>
      <c r="AI21" s="164">
        <v>42</v>
      </c>
      <c r="AJ21" s="159">
        <v>0</v>
      </c>
      <c r="AK21" s="160">
        <v>0</v>
      </c>
      <c r="AL21" s="165">
        <v>0</v>
      </c>
      <c r="AM21" s="162">
        <v>0</v>
      </c>
      <c r="AN21" s="160">
        <v>1</v>
      </c>
      <c r="AO21" s="160">
        <v>1</v>
      </c>
      <c r="AP21" s="160">
        <v>0</v>
      </c>
      <c r="AQ21" s="160">
        <v>1</v>
      </c>
      <c r="AR21" s="160">
        <v>1</v>
      </c>
      <c r="AS21" s="165">
        <v>4</v>
      </c>
      <c r="AT21" s="164">
        <v>4</v>
      </c>
      <c r="AU21" s="159">
        <v>3</v>
      </c>
      <c r="AV21" s="160">
        <v>6</v>
      </c>
      <c r="AW21" s="165">
        <v>9</v>
      </c>
      <c r="AX21" s="162">
        <v>0</v>
      </c>
      <c r="AY21" s="160">
        <v>22</v>
      </c>
      <c r="AZ21" s="160">
        <v>17</v>
      </c>
      <c r="BA21" s="160">
        <v>16</v>
      </c>
      <c r="BB21" s="160">
        <v>11</v>
      </c>
      <c r="BC21" s="160">
        <v>10</v>
      </c>
      <c r="BD21" s="163">
        <v>76</v>
      </c>
      <c r="BE21" s="164">
        <v>85</v>
      </c>
      <c r="BF21" s="159">
        <v>0</v>
      </c>
      <c r="BG21" s="160">
        <v>0</v>
      </c>
      <c r="BH21" s="165">
        <v>0</v>
      </c>
      <c r="BI21" s="162">
        <v>0</v>
      </c>
      <c r="BJ21" s="160">
        <v>19</v>
      </c>
      <c r="BK21" s="160">
        <v>12</v>
      </c>
      <c r="BL21" s="160">
        <v>5</v>
      </c>
      <c r="BM21" s="160">
        <v>1</v>
      </c>
      <c r="BN21" s="160">
        <v>2</v>
      </c>
      <c r="BO21" s="165">
        <v>39</v>
      </c>
      <c r="BP21" s="164">
        <v>39</v>
      </c>
      <c r="BQ21" s="159">
        <v>2</v>
      </c>
      <c r="BR21" s="160">
        <v>4</v>
      </c>
      <c r="BS21" s="165">
        <v>6</v>
      </c>
      <c r="BT21" s="162">
        <v>0</v>
      </c>
      <c r="BU21" s="160">
        <v>8</v>
      </c>
      <c r="BV21" s="160">
        <v>7</v>
      </c>
      <c r="BW21" s="160">
        <v>2</v>
      </c>
      <c r="BX21" s="160">
        <v>1</v>
      </c>
      <c r="BY21" s="160">
        <v>0</v>
      </c>
      <c r="BZ21" s="165">
        <v>18</v>
      </c>
      <c r="CA21" s="164">
        <v>24</v>
      </c>
      <c r="CB21" s="159">
        <v>0</v>
      </c>
      <c r="CC21" s="160">
        <v>1</v>
      </c>
      <c r="CD21" s="165">
        <v>1</v>
      </c>
      <c r="CE21" s="162">
        <v>0</v>
      </c>
      <c r="CF21" s="160">
        <v>3</v>
      </c>
      <c r="CG21" s="160">
        <v>1</v>
      </c>
      <c r="CH21" s="160">
        <v>1</v>
      </c>
      <c r="CI21" s="160">
        <v>0</v>
      </c>
      <c r="CJ21" s="160">
        <v>0</v>
      </c>
      <c r="CK21" s="165">
        <v>5</v>
      </c>
      <c r="CL21" s="164">
        <v>6</v>
      </c>
      <c r="CM21" s="159">
        <v>0</v>
      </c>
      <c r="CN21" s="160">
        <v>0</v>
      </c>
      <c r="CO21" s="165">
        <v>0</v>
      </c>
      <c r="CP21" s="162">
        <v>0</v>
      </c>
      <c r="CQ21" s="160">
        <v>0</v>
      </c>
      <c r="CR21" s="160">
        <v>2</v>
      </c>
      <c r="CS21" s="160">
        <v>2</v>
      </c>
      <c r="CT21" s="160">
        <v>0</v>
      </c>
      <c r="CU21" s="160">
        <v>0</v>
      </c>
      <c r="CV21" s="165">
        <v>4</v>
      </c>
      <c r="CW21" s="164">
        <v>4</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6</v>
      </c>
      <c r="DU21" s="160">
        <v>15</v>
      </c>
      <c r="DV21" s="165">
        <v>21</v>
      </c>
      <c r="DW21" s="162">
        <v>0</v>
      </c>
      <c r="DX21" s="160">
        <v>35</v>
      </c>
      <c r="DY21" s="160">
        <v>29</v>
      </c>
      <c r="DZ21" s="160">
        <v>14</v>
      </c>
      <c r="EA21" s="160">
        <v>9</v>
      </c>
      <c r="EB21" s="160">
        <v>9</v>
      </c>
      <c r="EC21" s="165">
        <v>96</v>
      </c>
      <c r="ED21" s="164">
        <v>117</v>
      </c>
      <c r="EE21" s="159">
        <v>3</v>
      </c>
      <c r="EF21" s="160">
        <v>2</v>
      </c>
      <c r="EG21" s="165">
        <v>5</v>
      </c>
      <c r="EH21" s="162">
        <v>0</v>
      </c>
      <c r="EI21" s="160">
        <v>6</v>
      </c>
      <c r="EJ21" s="160">
        <v>6</v>
      </c>
      <c r="EK21" s="160">
        <v>6</v>
      </c>
      <c r="EL21" s="160">
        <v>5</v>
      </c>
      <c r="EM21" s="160">
        <v>2</v>
      </c>
      <c r="EN21" s="165">
        <v>25</v>
      </c>
      <c r="EO21" s="164">
        <v>30</v>
      </c>
      <c r="EP21" s="159">
        <v>10</v>
      </c>
      <c r="EQ21" s="160">
        <v>21</v>
      </c>
      <c r="ER21" s="165">
        <v>31</v>
      </c>
      <c r="ES21" s="162">
        <v>0</v>
      </c>
      <c r="ET21" s="160">
        <v>56</v>
      </c>
      <c r="EU21" s="160">
        <v>36</v>
      </c>
      <c r="EV21" s="160">
        <v>16</v>
      </c>
      <c r="EW21" s="160">
        <v>9</v>
      </c>
      <c r="EX21" s="160">
        <v>6</v>
      </c>
      <c r="EY21" s="165">
        <v>123</v>
      </c>
      <c r="EZ21" s="164">
        <v>154</v>
      </c>
    </row>
    <row r="22" spans="2:156" ht="21" customHeight="1" x14ac:dyDescent="0.2">
      <c r="B22" s="166" t="s">
        <v>20</v>
      </c>
      <c r="C22" s="159">
        <v>0</v>
      </c>
      <c r="D22" s="160">
        <v>0</v>
      </c>
      <c r="E22" s="161">
        <v>0</v>
      </c>
      <c r="F22" s="162">
        <v>0</v>
      </c>
      <c r="G22" s="160">
        <v>25</v>
      </c>
      <c r="H22" s="160">
        <v>18</v>
      </c>
      <c r="I22" s="160">
        <v>8</v>
      </c>
      <c r="J22" s="160">
        <v>4</v>
      </c>
      <c r="K22" s="160">
        <v>7</v>
      </c>
      <c r="L22" s="163">
        <v>62</v>
      </c>
      <c r="M22" s="164">
        <v>62</v>
      </c>
      <c r="N22" s="159">
        <v>0</v>
      </c>
      <c r="O22" s="160">
        <v>0</v>
      </c>
      <c r="P22" s="165">
        <v>0</v>
      </c>
      <c r="Q22" s="162">
        <v>0</v>
      </c>
      <c r="R22" s="160">
        <v>0</v>
      </c>
      <c r="S22" s="160">
        <v>0</v>
      </c>
      <c r="T22" s="160">
        <v>1</v>
      </c>
      <c r="U22" s="160">
        <v>0</v>
      </c>
      <c r="V22" s="160">
        <v>2</v>
      </c>
      <c r="W22" s="165">
        <v>3</v>
      </c>
      <c r="X22" s="164">
        <v>3</v>
      </c>
      <c r="Y22" s="159">
        <v>4</v>
      </c>
      <c r="Z22" s="160">
        <v>5</v>
      </c>
      <c r="AA22" s="165">
        <v>9</v>
      </c>
      <c r="AB22" s="162">
        <v>0</v>
      </c>
      <c r="AC22" s="160">
        <v>21</v>
      </c>
      <c r="AD22" s="160">
        <v>18</v>
      </c>
      <c r="AE22" s="160">
        <v>12</v>
      </c>
      <c r="AF22" s="160">
        <v>6</v>
      </c>
      <c r="AG22" s="160">
        <v>2</v>
      </c>
      <c r="AH22" s="165">
        <v>59</v>
      </c>
      <c r="AI22" s="164">
        <v>68</v>
      </c>
      <c r="AJ22" s="159">
        <v>2</v>
      </c>
      <c r="AK22" s="160">
        <v>2</v>
      </c>
      <c r="AL22" s="165">
        <v>4</v>
      </c>
      <c r="AM22" s="162">
        <v>0</v>
      </c>
      <c r="AN22" s="160">
        <v>4</v>
      </c>
      <c r="AO22" s="160">
        <v>8</v>
      </c>
      <c r="AP22" s="160">
        <v>5</v>
      </c>
      <c r="AQ22" s="160">
        <v>1</v>
      </c>
      <c r="AR22" s="160">
        <v>1</v>
      </c>
      <c r="AS22" s="165">
        <v>19</v>
      </c>
      <c r="AT22" s="164">
        <v>23</v>
      </c>
      <c r="AU22" s="159">
        <v>2</v>
      </c>
      <c r="AV22" s="160">
        <v>3</v>
      </c>
      <c r="AW22" s="165">
        <v>5</v>
      </c>
      <c r="AX22" s="162">
        <v>0</v>
      </c>
      <c r="AY22" s="160">
        <v>19</v>
      </c>
      <c r="AZ22" s="160">
        <v>17</v>
      </c>
      <c r="BA22" s="160">
        <v>26</v>
      </c>
      <c r="BB22" s="160">
        <v>16</v>
      </c>
      <c r="BC22" s="160">
        <v>10</v>
      </c>
      <c r="BD22" s="163">
        <v>88</v>
      </c>
      <c r="BE22" s="164">
        <v>93</v>
      </c>
      <c r="BF22" s="159">
        <v>0</v>
      </c>
      <c r="BG22" s="160">
        <v>0</v>
      </c>
      <c r="BH22" s="165">
        <v>0</v>
      </c>
      <c r="BI22" s="162">
        <v>0</v>
      </c>
      <c r="BJ22" s="160">
        <v>33</v>
      </c>
      <c r="BK22" s="160">
        <v>20</v>
      </c>
      <c r="BL22" s="160">
        <v>12</v>
      </c>
      <c r="BM22" s="160">
        <v>7</v>
      </c>
      <c r="BN22" s="160">
        <v>1</v>
      </c>
      <c r="BO22" s="165">
        <v>73</v>
      </c>
      <c r="BP22" s="164">
        <v>73</v>
      </c>
      <c r="BQ22" s="159">
        <v>3</v>
      </c>
      <c r="BR22" s="160">
        <v>1</v>
      </c>
      <c r="BS22" s="165">
        <v>4</v>
      </c>
      <c r="BT22" s="162">
        <v>0</v>
      </c>
      <c r="BU22" s="160">
        <v>16</v>
      </c>
      <c r="BV22" s="160">
        <v>8</v>
      </c>
      <c r="BW22" s="160">
        <v>4</v>
      </c>
      <c r="BX22" s="160">
        <v>3</v>
      </c>
      <c r="BY22" s="160">
        <v>2</v>
      </c>
      <c r="BZ22" s="165">
        <v>33</v>
      </c>
      <c r="CA22" s="164">
        <v>37</v>
      </c>
      <c r="CB22" s="159">
        <v>0</v>
      </c>
      <c r="CC22" s="160">
        <v>0</v>
      </c>
      <c r="CD22" s="165">
        <v>0</v>
      </c>
      <c r="CE22" s="162">
        <v>0</v>
      </c>
      <c r="CF22" s="160">
        <v>4</v>
      </c>
      <c r="CG22" s="160">
        <v>0</v>
      </c>
      <c r="CH22" s="160">
        <v>8</v>
      </c>
      <c r="CI22" s="160">
        <v>5</v>
      </c>
      <c r="CJ22" s="160">
        <v>1</v>
      </c>
      <c r="CK22" s="165">
        <v>18</v>
      </c>
      <c r="CL22" s="164">
        <v>18</v>
      </c>
      <c r="CM22" s="159">
        <v>0</v>
      </c>
      <c r="CN22" s="160">
        <v>0</v>
      </c>
      <c r="CO22" s="165">
        <v>0</v>
      </c>
      <c r="CP22" s="162">
        <v>0</v>
      </c>
      <c r="CQ22" s="160">
        <v>1</v>
      </c>
      <c r="CR22" s="160">
        <v>0</v>
      </c>
      <c r="CS22" s="160">
        <v>1</v>
      </c>
      <c r="CT22" s="160">
        <v>2</v>
      </c>
      <c r="CU22" s="160">
        <v>0</v>
      </c>
      <c r="CV22" s="165">
        <v>4</v>
      </c>
      <c r="CW22" s="164">
        <v>4</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0</v>
      </c>
      <c r="DU22" s="160">
        <v>25</v>
      </c>
      <c r="DV22" s="165">
        <v>35</v>
      </c>
      <c r="DW22" s="162">
        <v>0</v>
      </c>
      <c r="DX22" s="160">
        <v>49</v>
      </c>
      <c r="DY22" s="160">
        <v>44</v>
      </c>
      <c r="DZ22" s="160">
        <v>22</v>
      </c>
      <c r="EA22" s="160">
        <v>13</v>
      </c>
      <c r="EB22" s="160">
        <v>10</v>
      </c>
      <c r="EC22" s="165">
        <v>138</v>
      </c>
      <c r="ED22" s="164">
        <v>173</v>
      </c>
      <c r="EE22" s="159">
        <v>1</v>
      </c>
      <c r="EF22" s="160">
        <v>2</v>
      </c>
      <c r="EG22" s="165">
        <v>3</v>
      </c>
      <c r="EH22" s="162">
        <v>0</v>
      </c>
      <c r="EI22" s="160">
        <v>5</v>
      </c>
      <c r="EJ22" s="160">
        <v>1</v>
      </c>
      <c r="EK22" s="160">
        <v>9</v>
      </c>
      <c r="EL22" s="160">
        <v>7</v>
      </c>
      <c r="EM22" s="160">
        <v>2</v>
      </c>
      <c r="EN22" s="165">
        <v>24</v>
      </c>
      <c r="EO22" s="164">
        <v>27</v>
      </c>
      <c r="EP22" s="159">
        <v>18</v>
      </c>
      <c r="EQ22" s="160">
        <v>28</v>
      </c>
      <c r="ER22" s="165">
        <v>46</v>
      </c>
      <c r="ES22" s="162">
        <v>0</v>
      </c>
      <c r="ET22" s="160">
        <v>96</v>
      </c>
      <c r="EU22" s="160">
        <v>63</v>
      </c>
      <c r="EV22" s="160">
        <v>28</v>
      </c>
      <c r="EW22" s="160">
        <v>18</v>
      </c>
      <c r="EX22" s="160">
        <v>10</v>
      </c>
      <c r="EY22" s="165">
        <v>215</v>
      </c>
      <c r="EZ22" s="164">
        <v>261</v>
      </c>
    </row>
    <row r="23" spans="2:156" ht="21" customHeight="1" x14ac:dyDescent="0.2">
      <c r="B23" s="166" t="s">
        <v>21</v>
      </c>
      <c r="C23" s="159">
        <v>0</v>
      </c>
      <c r="D23" s="160">
        <v>0</v>
      </c>
      <c r="E23" s="161">
        <v>0</v>
      </c>
      <c r="F23" s="162">
        <v>0</v>
      </c>
      <c r="G23" s="160">
        <v>16</v>
      </c>
      <c r="H23" s="160">
        <v>16</v>
      </c>
      <c r="I23" s="160">
        <v>5</v>
      </c>
      <c r="J23" s="160">
        <v>7</v>
      </c>
      <c r="K23" s="160">
        <v>7</v>
      </c>
      <c r="L23" s="163">
        <v>51</v>
      </c>
      <c r="M23" s="164">
        <v>51</v>
      </c>
      <c r="N23" s="159">
        <v>0</v>
      </c>
      <c r="O23" s="160">
        <v>0</v>
      </c>
      <c r="P23" s="165">
        <v>0</v>
      </c>
      <c r="Q23" s="162">
        <v>0</v>
      </c>
      <c r="R23" s="160">
        <v>0</v>
      </c>
      <c r="S23" s="160">
        <v>0</v>
      </c>
      <c r="T23" s="160">
        <v>0</v>
      </c>
      <c r="U23" s="160">
        <v>1</v>
      </c>
      <c r="V23" s="160">
        <v>2</v>
      </c>
      <c r="W23" s="165">
        <v>3</v>
      </c>
      <c r="X23" s="164">
        <v>3</v>
      </c>
      <c r="Y23" s="159">
        <v>3</v>
      </c>
      <c r="Z23" s="160">
        <v>4</v>
      </c>
      <c r="AA23" s="165">
        <v>7</v>
      </c>
      <c r="AB23" s="162">
        <v>0</v>
      </c>
      <c r="AC23" s="160">
        <v>19</v>
      </c>
      <c r="AD23" s="160">
        <v>11</v>
      </c>
      <c r="AE23" s="160">
        <v>9</v>
      </c>
      <c r="AF23" s="160">
        <v>9</v>
      </c>
      <c r="AG23" s="160">
        <v>3</v>
      </c>
      <c r="AH23" s="165">
        <v>51</v>
      </c>
      <c r="AI23" s="164">
        <v>58</v>
      </c>
      <c r="AJ23" s="159">
        <v>2</v>
      </c>
      <c r="AK23" s="160">
        <v>1</v>
      </c>
      <c r="AL23" s="165">
        <v>3</v>
      </c>
      <c r="AM23" s="162">
        <v>0</v>
      </c>
      <c r="AN23" s="160">
        <v>1</v>
      </c>
      <c r="AO23" s="160">
        <v>3</v>
      </c>
      <c r="AP23" s="160">
        <v>0</v>
      </c>
      <c r="AQ23" s="160">
        <v>0</v>
      </c>
      <c r="AR23" s="160">
        <v>2</v>
      </c>
      <c r="AS23" s="165">
        <v>6</v>
      </c>
      <c r="AT23" s="164">
        <v>9</v>
      </c>
      <c r="AU23" s="159">
        <v>2</v>
      </c>
      <c r="AV23" s="160">
        <v>3</v>
      </c>
      <c r="AW23" s="165">
        <v>5</v>
      </c>
      <c r="AX23" s="162">
        <v>0</v>
      </c>
      <c r="AY23" s="160">
        <v>12</v>
      </c>
      <c r="AZ23" s="160">
        <v>22</v>
      </c>
      <c r="BA23" s="160">
        <v>12</v>
      </c>
      <c r="BB23" s="160">
        <v>15</v>
      </c>
      <c r="BC23" s="160">
        <v>12</v>
      </c>
      <c r="BD23" s="163">
        <v>73</v>
      </c>
      <c r="BE23" s="164">
        <v>78</v>
      </c>
      <c r="BF23" s="159">
        <v>0</v>
      </c>
      <c r="BG23" s="160">
        <v>0</v>
      </c>
      <c r="BH23" s="165">
        <v>0</v>
      </c>
      <c r="BI23" s="162">
        <v>0</v>
      </c>
      <c r="BJ23" s="160">
        <v>21</v>
      </c>
      <c r="BK23" s="160">
        <v>20</v>
      </c>
      <c r="BL23" s="160">
        <v>13</v>
      </c>
      <c r="BM23" s="160">
        <v>2</v>
      </c>
      <c r="BN23" s="160">
        <v>1</v>
      </c>
      <c r="BO23" s="165">
        <v>57</v>
      </c>
      <c r="BP23" s="164">
        <v>57</v>
      </c>
      <c r="BQ23" s="159">
        <v>2</v>
      </c>
      <c r="BR23" s="160">
        <v>1</v>
      </c>
      <c r="BS23" s="165">
        <v>3</v>
      </c>
      <c r="BT23" s="162">
        <v>0</v>
      </c>
      <c r="BU23" s="160">
        <v>7</v>
      </c>
      <c r="BV23" s="160">
        <v>8</v>
      </c>
      <c r="BW23" s="160">
        <v>4</v>
      </c>
      <c r="BX23" s="160">
        <v>1</v>
      </c>
      <c r="BY23" s="160">
        <v>1</v>
      </c>
      <c r="BZ23" s="165">
        <v>21</v>
      </c>
      <c r="CA23" s="164">
        <v>24</v>
      </c>
      <c r="CB23" s="159">
        <v>0</v>
      </c>
      <c r="CC23" s="160">
        <v>0</v>
      </c>
      <c r="CD23" s="165">
        <v>0</v>
      </c>
      <c r="CE23" s="162">
        <v>0</v>
      </c>
      <c r="CF23" s="160">
        <v>3</v>
      </c>
      <c r="CG23" s="160">
        <v>3</v>
      </c>
      <c r="CH23" s="160">
        <v>4</v>
      </c>
      <c r="CI23" s="160">
        <v>4</v>
      </c>
      <c r="CJ23" s="160">
        <v>1</v>
      </c>
      <c r="CK23" s="165">
        <v>15</v>
      </c>
      <c r="CL23" s="164">
        <v>15</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11</v>
      </c>
      <c r="DU23" s="160">
        <v>17</v>
      </c>
      <c r="DV23" s="165">
        <v>28</v>
      </c>
      <c r="DW23" s="162">
        <v>0</v>
      </c>
      <c r="DX23" s="160">
        <v>28</v>
      </c>
      <c r="DY23" s="160">
        <v>44</v>
      </c>
      <c r="DZ23" s="160">
        <v>19</v>
      </c>
      <c r="EA23" s="160">
        <v>13</v>
      </c>
      <c r="EB23" s="160">
        <v>8</v>
      </c>
      <c r="EC23" s="165">
        <v>112</v>
      </c>
      <c r="ED23" s="164">
        <v>140</v>
      </c>
      <c r="EE23" s="159">
        <v>1</v>
      </c>
      <c r="EF23" s="160">
        <v>1</v>
      </c>
      <c r="EG23" s="165">
        <v>2</v>
      </c>
      <c r="EH23" s="162">
        <v>0</v>
      </c>
      <c r="EI23" s="160">
        <v>4</v>
      </c>
      <c r="EJ23" s="160">
        <v>7</v>
      </c>
      <c r="EK23" s="160">
        <v>3</v>
      </c>
      <c r="EL23" s="160">
        <v>5</v>
      </c>
      <c r="EM23" s="160">
        <v>3</v>
      </c>
      <c r="EN23" s="165">
        <v>22</v>
      </c>
      <c r="EO23" s="164">
        <v>24</v>
      </c>
      <c r="EP23" s="159">
        <v>17</v>
      </c>
      <c r="EQ23" s="160">
        <v>20</v>
      </c>
      <c r="ER23" s="165">
        <v>37</v>
      </c>
      <c r="ES23" s="162">
        <v>0</v>
      </c>
      <c r="ET23" s="160">
        <v>61</v>
      </c>
      <c r="EU23" s="160">
        <v>55</v>
      </c>
      <c r="EV23" s="160">
        <v>23</v>
      </c>
      <c r="EW23" s="160">
        <v>14</v>
      </c>
      <c r="EX23" s="160">
        <v>10</v>
      </c>
      <c r="EY23" s="165">
        <v>163</v>
      </c>
      <c r="EZ23" s="164">
        <v>200</v>
      </c>
    </row>
    <row r="24" spans="2:156" ht="21" customHeight="1" x14ac:dyDescent="0.2">
      <c r="B24" s="166" t="s">
        <v>22</v>
      </c>
      <c r="C24" s="159">
        <v>0</v>
      </c>
      <c r="D24" s="160">
        <v>0</v>
      </c>
      <c r="E24" s="161">
        <v>0</v>
      </c>
      <c r="F24" s="162">
        <v>0</v>
      </c>
      <c r="G24" s="160">
        <v>8</v>
      </c>
      <c r="H24" s="160">
        <v>5</v>
      </c>
      <c r="I24" s="160">
        <v>3</v>
      </c>
      <c r="J24" s="160">
        <v>1</v>
      </c>
      <c r="K24" s="160">
        <v>4</v>
      </c>
      <c r="L24" s="163">
        <v>21</v>
      </c>
      <c r="M24" s="164">
        <v>21</v>
      </c>
      <c r="N24" s="159">
        <v>0</v>
      </c>
      <c r="O24" s="160">
        <v>0</v>
      </c>
      <c r="P24" s="165">
        <v>0</v>
      </c>
      <c r="Q24" s="162">
        <v>0</v>
      </c>
      <c r="R24" s="160">
        <v>0</v>
      </c>
      <c r="S24" s="160">
        <v>0</v>
      </c>
      <c r="T24" s="160">
        <v>0</v>
      </c>
      <c r="U24" s="160">
        <v>0</v>
      </c>
      <c r="V24" s="160">
        <v>0</v>
      </c>
      <c r="W24" s="165">
        <v>0</v>
      </c>
      <c r="X24" s="164">
        <v>0</v>
      </c>
      <c r="Y24" s="159">
        <v>0</v>
      </c>
      <c r="Z24" s="160">
        <v>2</v>
      </c>
      <c r="AA24" s="165">
        <v>2</v>
      </c>
      <c r="AB24" s="162">
        <v>0</v>
      </c>
      <c r="AC24" s="160">
        <v>5</v>
      </c>
      <c r="AD24" s="160">
        <v>7</v>
      </c>
      <c r="AE24" s="160">
        <v>3</v>
      </c>
      <c r="AF24" s="160">
        <v>2</v>
      </c>
      <c r="AG24" s="160">
        <v>2</v>
      </c>
      <c r="AH24" s="165">
        <v>19</v>
      </c>
      <c r="AI24" s="164">
        <v>21</v>
      </c>
      <c r="AJ24" s="159">
        <v>1</v>
      </c>
      <c r="AK24" s="160">
        <v>0</v>
      </c>
      <c r="AL24" s="165">
        <v>1</v>
      </c>
      <c r="AM24" s="162">
        <v>0</v>
      </c>
      <c r="AN24" s="160">
        <v>0</v>
      </c>
      <c r="AO24" s="160">
        <v>1</v>
      </c>
      <c r="AP24" s="160">
        <v>0</v>
      </c>
      <c r="AQ24" s="160">
        <v>0</v>
      </c>
      <c r="AR24" s="160">
        <v>0</v>
      </c>
      <c r="AS24" s="165">
        <v>1</v>
      </c>
      <c r="AT24" s="164">
        <v>2</v>
      </c>
      <c r="AU24" s="159">
        <v>2</v>
      </c>
      <c r="AV24" s="160">
        <v>0</v>
      </c>
      <c r="AW24" s="165">
        <v>2</v>
      </c>
      <c r="AX24" s="162">
        <v>0</v>
      </c>
      <c r="AY24" s="160">
        <v>10</v>
      </c>
      <c r="AZ24" s="160">
        <v>5</v>
      </c>
      <c r="BA24" s="160">
        <v>5</v>
      </c>
      <c r="BB24" s="160">
        <v>7</v>
      </c>
      <c r="BC24" s="160">
        <v>2</v>
      </c>
      <c r="BD24" s="163">
        <v>29</v>
      </c>
      <c r="BE24" s="164">
        <v>31</v>
      </c>
      <c r="BF24" s="159">
        <v>0</v>
      </c>
      <c r="BG24" s="160">
        <v>0</v>
      </c>
      <c r="BH24" s="165">
        <v>0</v>
      </c>
      <c r="BI24" s="162">
        <v>0</v>
      </c>
      <c r="BJ24" s="160">
        <v>13</v>
      </c>
      <c r="BK24" s="160">
        <v>8</v>
      </c>
      <c r="BL24" s="160">
        <v>9</v>
      </c>
      <c r="BM24" s="160">
        <v>0</v>
      </c>
      <c r="BN24" s="160">
        <v>0</v>
      </c>
      <c r="BO24" s="165">
        <v>30</v>
      </c>
      <c r="BP24" s="164">
        <v>30</v>
      </c>
      <c r="BQ24" s="159">
        <v>1</v>
      </c>
      <c r="BR24" s="160">
        <v>0</v>
      </c>
      <c r="BS24" s="165">
        <v>1</v>
      </c>
      <c r="BT24" s="162">
        <v>0</v>
      </c>
      <c r="BU24" s="160">
        <v>4</v>
      </c>
      <c r="BV24" s="160">
        <v>1</v>
      </c>
      <c r="BW24" s="160">
        <v>1</v>
      </c>
      <c r="BX24" s="160">
        <v>1</v>
      </c>
      <c r="BY24" s="160">
        <v>1</v>
      </c>
      <c r="BZ24" s="165">
        <v>8</v>
      </c>
      <c r="CA24" s="164">
        <v>9</v>
      </c>
      <c r="CB24" s="159">
        <v>0</v>
      </c>
      <c r="CC24" s="160">
        <v>0</v>
      </c>
      <c r="CD24" s="165">
        <v>0</v>
      </c>
      <c r="CE24" s="162">
        <v>0</v>
      </c>
      <c r="CF24" s="160">
        <v>0</v>
      </c>
      <c r="CG24" s="160">
        <v>1</v>
      </c>
      <c r="CH24" s="160">
        <v>1</v>
      </c>
      <c r="CI24" s="160">
        <v>2</v>
      </c>
      <c r="CJ24" s="160">
        <v>0</v>
      </c>
      <c r="CK24" s="165">
        <v>4</v>
      </c>
      <c r="CL24" s="164">
        <v>4</v>
      </c>
      <c r="CM24" s="159">
        <v>0</v>
      </c>
      <c r="CN24" s="160">
        <v>0</v>
      </c>
      <c r="CO24" s="165">
        <v>0</v>
      </c>
      <c r="CP24" s="162">
        <v>0</v>
      </c>
      <c r="CQ24" s="160">
        <v>1</v>
      </c>
      <c r="CR24" s="160">
        <v>0</v>
      </c>
      <c r="CS24" s="160">
        <v>1</v>
      </c>
      <c r="CT24" s="160">
        <v>0</v>
      </c>
      <c r="CU24" s="160">
        <v>0</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2</v>
      </c>
      <c r="DU24" s="160">
        <v>5</v>
      </c>
      <c r="DV24" s="165">
        <v>7</v>
      </c>
      <c r="DW24" s="162">
        <v>0</v>
      </c>
      <c r="DX24" s="160">
        <v>19</v>
      </c>
      <c r="DY24" s="160">
        <v>17</v>
      </c>
      <c r="DZ24" s="160">
        <v>12</v>
      </c>
      <c r="EA24" s="160">
        <v>5</v>
      </c>
      <c r="EB24" s="160">
        <v>5</v>
      </c>
      <c r="EC24" s="165">
        <v>58</v>
      </c>
      <c r="ED24" s="164">
        <v>65</v>
      </c>
      <c r="EE24" s="159">
        <v>0</v>
      </c>
      <c r="EF24" s="160">
        <v>1</v>
      </c>
      <c r="EG24" s="165">
        <v>1</v>
      </c>
      <c r="EH24" s="162">
        <v>0</v>
      </c>
      <c r="EI24" s="160">
        <v>8</v>
      </c>
      <c r="EJ24" s="160">
        <v>2</v>
      </c>
      <c r="EK24" s="160">
        <v>1</v>
      </c>
      <c r="EL24" s="160">
        <v>6</v>
      </c>
      <c r="EM24" s="160">
        <v>1</v>
      </c>
      <c r="EN24" s="165">
        <v>18</v>
      </c>
      <c r="EO24" s="164">
        <v>19</v>
      </c>
      <c r="EP24" s="159">
        <v>3</v>
      </c>
      <c r="EQ24" s="160">
        <v>6</v>
      </c>
      <c r="ER24" s="165">
        <v>9</v>
      </c>
      <c r="ES24" s="162">
        <v>0</v>
      </c>
      <c r="ET24" s="160">
        <v>34</v>
      </c>
      <c r="EU24" s="160">
        <v>22</v>
      </c>
      <c r="EV24" s="160">
        <v>13</v>
      </c>
      <c r="EW24" s="160">
        <v>6</v>
      </c>
      <c r="EX24" s="160">
        <v>6</v>
      </c>
      <c r="EY24" s="165">
        <v>81</v>
      </c>
      <c r="EZ24" s="164">
        <v>90</v>
      </c>
    </row>
    <row r="25" spans="2:156" ht="21" customHeight="1" x14ac:dyDescent="0.2">
      <c r="B25" s="166" t="s">
        <v>23</v>
      </c>
      <c r="C25" s="159">
        <v>0</v>
      </c>
      <c r="D25" s="160">
        <v>0</v>
      </c>
      <c r="E25" s="161">
        <v>0</v>
      </c>
      <c r="F25" s="162">
        <v>0</v>
      </c>
      <c r="G25" s="160">
        <v>7</v>
      </c>
      <c r="H25" s="160">
        <v>7</v>
      </c>
      <c r="I25" s="160">
        <v>3</v>
      </c>
      <c r="J25" s="160">
        <v>2</v>
      </c>
      <c r="K25" s="160">
        <v>1</v>
      </c>
      <c r="L25" s="163">
        <v>20</v>
      </c>
      <c r="M25" s="164">
        <v>20</v>
      </c>
      <c r="N25" s="159">
        <v>0</v>
      </c>
      <c r="O25" s="160">
        <v>0</v>
      </c>
      <c r="P25" s="165">
        <v>0</v>
      </c>
      <c r="Q25" s="162">
        <v>0</v>
      </c>
      <c r="R25" s="160">
        <v>0</v>
      </c>
      <c r="S25" s="160">
        <v>1</v>
      </c>
      <c r="T25" s="160">
        <v>0</v>
      </c>
      <c r="U25" s="160">
        <v>2</v>
      </c>
      <c r="V25" s="160">
        <v>0</v>
      </c>
      <c r="W25" s="165">
        <v>3</v>
      </c>
      <c r="X25" s="164">
        <v>3</v>
      </c>
      <c r="Y25" s="159">
        <v>6</v>
      </c>
      <c r="Z25" s="160">
        <v>4</v>
      </c>
      <c r="AA25" s="165">
        <v>10</v>
      </c>
      <c r="AB25" s="162">
        <v>0</v>
      </c>
      <c r="AC25" s="160">
        <v>5</v>
      </c>
      <c r="AD25" s="160">
        <v>13</v>
      </c>
      <c r="AE25" s="160">
        <v>1</v>
      </c>
      <c r="AF25" s="160">
        <v>4</v>
      </c>
      <c r="AG25" s="160">
        <v>1</v>
      </c>
      <c r="AH25" s="165">
        <v>24</v>
      </c>
      <c r="AI25" s="164">
        <v>34</v>
      </c>
      <c r="AJ25" s="159">
        <v>0</v>
      </c>
      <c r="AK25" s="160">
        <v>1</v>
      </c>
      <c r="AL25" s="165">
        <v>1</v>
      </c>
      <c r="AM25" s="162">
        <v>0</v>
      </c>
      <c r="AN25" s="160">
        <v>0</v>
      </c>
      <c r="AO25" s="160">
        <v>0</v>
      </c>
      <c r="AP25" s="160">
        <v>0</v>
      </c>
      <c r="AQ25" s="160">
        <v>1</v>
      </c>
      <c r="AR25" s="160">
        <v>0</v>
      </c>
      <c r="AS25" s="165">
        <v>1</v>
      </c>
      <c r="AT25" s="164">
        <v>2</v>
      </c>
      <c r="AU25" s="159">
        <v>3</v>
      </c>
      <c r="AV25" s="160">
        <v>1</v>
      </c>
      <c r="AW25" s="165">
        <v>4</v>
      </c>
      <c r="AX25" s="162">
        <v>0</v>
      </c>
      <c r="AY25" s="160">
        <v>14</v>
      </c>
      <c r="AZ25" s="160">
        <v>12</v>
      </c>
      <c r="BA25" s="160">
        <v>10</v>
      </c>
      <c r="BB25" s="160">
        <v>6</v>
      </c>
      <c r="BC25" s="160">
        <v>4</v>
      </c>
      <c r="BD25" s="163">
        <v>46</v>
      </c>
      <c r="BE25" s="164">
        <v>50</v>
      </c>
      <c r="BF25" s="159">
        <v>0</v>
      </c>
      <c r="BG25" s="160">
        <v>0</v>
      </c>
      <c r="BH25" s="165">
        <v>0</v>
      </c>
      <c r="BI25" s="162">
        <v>0</v>
      </c>
      <c r="BJ25" s="160">
        <v>12</v>
      </c>
      <c r="BK25" s="160">
        <v>15</v>
      </c>
      <c r="BL25" s="160">
        <v>3</v>
      </c>
      <c r="BM25" s="160">
        <v>2</v>
      </c>
      <c r="BN25" s="160">
        <v>3</v>
      </c>
      <c r="BO25" s="165">
        <v>35</v>
      </c>
      <c r="BP25" s="164">
        <v>35</v>
      </c>
      <c r="BQ25" s="159">
        <v>0</v>
      </c>
      <c r="BR25" s="160">
        <v>0</v>
      </c>
      <c r="BS25" s="165">
        <v>0</v>
      </c>
      <c r="BT25" s="162">
        <v>0</v>
      </c>
      <c r="BU25" s="160">
        <v>3</v>
      </c>
      <c r="BV25" s="160">
        <v>1</v>
      </c>
      <c r="BW25" s="160">
        <v>0</v>
      </c>
      <c r="BX25" s="160">
        <v>1</v>
      </c>
      <c r="BY25" s="160">
        <v>0</v>
      </c>
      <c r="BZ25" s="165">
        <v>5</v>
      </c>
      <c r="CA25" s="164">
        <v>5</v>
      </c>
      <c r="CB25" s="159">
        <v>0</v>
      </c>
      <c r="CC25" s="160">
        <v>0</v>
      </c>
      <c r="CD25" s="165">
        <v>0</v>
      </c>
      <c r="CE25" s="162">
        <v>0</v>
      </c>
      <c r="CF25" s="160">
        <v>0</v>
      </c>
      <c r="CG25" s="160">
        <v>2</v>
      </c>
      <c r="CH25" s="160">
        <v>2</v>
      </c>
      <c r="CI25" s="160">
        <v>1</v>
      </c>
      <c r="CJ25" s="160">
        <v>1</v>
      </c>
      <c r="CK25" s="165">
        <v>6</v>
      </c>
      <c r="CL25" s="164">
        <v>6</v>
      </c>
      <c r="CM25" s="159">
        <v>0</v>
      </c>
      <c r="CN25" s="160">
        <v>0</v>
      </c>
      <c r="CO25" s="165">
        <v>0</v>
      </c>
      <c r="CP25" s="162">
        <v>0</v>
      </c>
      <c r="CQ25" s="160">
        <v>1</v>
      </c>
      <c r="CR25" s="160">
        <v>0</v>
      </c>
      <c r="CS25" s="160">
        <v>0</v>
      </c>
      <c r="CT25" s="160">
        <v>0</v>
      </c>
      <c r="CU25" s="160">
        <v>0</v>
      </c>
      <c r="CV25" s="165">
        <v>1</v>
      </c>
      <c r="CW25" s="164">
        <v>1</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1</v>
      </c>
      <c r="DV25" s="165">
        <v>15</v>
      </c>
      <c r="DW25" s="162">
        <v>0</v>
      </c>
      <c r="DX25" s="160">
        <v>10</v>
      </c>
      <c r="DY25" s="160">
        <v>18</v>
      </c>
      <c r="DZ25" s="160">
        <v>7</v>
      </c>
      <c r="EA25" s="160">
        <v>4</v>
      </c>
      <c r="EB25" s="160">
        <v>4</v>
      </c>
      <c r="EC25" s="165">
        <v>43</v>
      </c>
      <c r="ED25" s="164">
        <v>58</v>
      </c>
      <c r="EE25" s="159">
        <v>3</v>
      </c>
      <c r="EF25" s="160">
        <v>0</v>
      </c>
      <c r="EG25" s="165">
        <v>3</v>
      </c>
      <c r="EH25" s="162">
        <v>0</v>
      </c>
      <c r="EI25" s="160">
        <v>5</v>
      </c>
      <c r="EJ25" s="160">
        <v>1</v>
      </c>
      <c r="EK25" s="160">
        <v>2</v>
      </c>
      <c r="EL25" s="160">
        <v>2</v>
      </c>
      <c r="EM25" s="160">
        <v>2</v>
      </c>
      <c r="EN25" s="165">
        <v>12</v>
      </c>
      <c r="EO25" s="164">
        <v>15</v>
      </c>
      <c r="EP25" s="159">
        <v>8</v>
      </c>
      <c r="EQ25" s="160">
        <v>14</v>
      </c>
      <c r="ER25" s="165">
        <v>22</v>
      </c>
      <c r="ES25" s="162">
        <v>0</v>
      </c>
      <c r="ET25" s="160">
        <v>23</v>
      </c>
      <c r="EU25" s="160">
        <v>29</v>
      </c>
      <c r="EV25" s="160">
        <v>10</v>
      </c>
      <c r="EW25" s="160">
        <v>7</v>
      </c>
      <c r="EX25" s="160">
        <v>4</v>
      </c>
      <c r="EY25" s="165">
        <v>73</v>
      </c>
      <c r="EZ25" s="164">
        <v>95</v>
      </c>
    </row>
    <row r="26" spans="2:156" ht="21" customHeight="1" x14ac:dyDescent="0.2">
      <c r="B26" s="166" t="s">
        <v>24</v>
      </c>
      <c r="C26" s="159">
        <v>0</v>
      </c>
      <c r="D26" s="160">
        <v>0</v>
      </c>
      <c r="E26" s="161">
        <v>0</v>
      </c>
      <c r="F26" s="162">
        <v>0</v>
      </c>
      <c r="G26" s="160">
        <v>7</v>
      </c>
      <c r="H26" s="160">
        <v>6</v>
      </c>
      <c r="I26" s="160">
        <v>3</v>
      </c>
      <c r="J26" s="160">
        <v>7</v>
      </c>
      <c r="K26" s="160">
        <v>2</v>
      </c>
      <c r="L26" s="163">
        <v>25</v>
      </c>
      <c r="M26" s="164">
        <v>25</v>
      </c>
      <c r="N26" s="159">
        <v>0</v>
      </c>
      <c r="O26" s="160">
        <v>0</v>
      </c>
      <c r="P26" s="165">
        <v>0</v>
      </c>
      <c r="Q26" s="162">
        <v>0</v>
      </c>
      <c r="R26" s="160">
        <v>0</v>
      </c>
      <c r="S26" s="160">
        <v>0</v>
      </c>
      <c r="T26" s="160">
        <v>0</v>
      </c>
      <c r="U26" s="160">
        <v>3</v>
      </c>
      <c r="V26" s="160">
        <v>2</v>
      </c>
      <c r="W26" s="165">
        <v>5</v>
      </c>
      <c r="X26" s="164">
        <v>5</v>
      </c>
      <c r="Y26" s="159">
        <v>2</v>
      </c>
      <c r="Z26" s="160">
        <v>2</v>
      </c>
      <c r="AA26" s="165">
        <v>4</v>
      </c>
      <c r="AB26" s="162">
        <v>0</v>
      </c>
      <c r="AC26" s="160">
        <v>9</v>
      </c>
      <c r="AD26" s="160">
        <v>7</v>
      </c>
      <c r="AE26" s="160">
        <v>8</v>
      </c>
      <c r="AF26" s="160">
        <v>5</v>
      </c>
      <c r="AG26" s="160">
        <v>1</v>
      </c>
      <c r="AH26" s="165">
        <v>30</v>
      </c>
      <c r="AI26" s="164">
        <v>34</v>
      </c>
      <c r="AJ26" s="159">
        <v>0</v>
      </c>
      <c r="AK26" s="160">
        <v>0</v>
      </c>
      <c r="AL26" s="165">
        <v>0</v>
      </c>
      <c r="AM26" s="162">
        <v>0</v>
      </c>
      <c r="AN26" s="160">
        <v>1</v>
      </c>
      <c r="AO26" s="160">
        <v>1</v>
      </c>
      <c r="AP26" s="160">
        <v>0</v>
      </c>
      <c r="AQ26" s="160">
        <v>0</v>
      </c>
      <c r="AR26" s="160">
        <v>0</v>
      </c>
      <c r="AS26" s="165">
        <v>2</v>
      </c>
      <c r="AT26" s="164">
        <v>2</v>
      </c>
      <c r="AU26" s="159">
        <v>5</v>
      </c>
      <c r="AV26" s="160">
        <v>1</v>
      </c>
      <c r="AW26" s="165">
        <v>6</v>
      </c>
      <c r="AX26" s="162">
        <v>0</v>
      </c>
      <c r="AY26" s="160">
        <v>11</v>
      </c>
      <c r="AZ26" s="160">
        <v>9</v>
      </c>
      <c r="BA26" s="160">
        <v>11</v>
      </c>
      <c r="BB26" s="160">
        <v>10</v>
      </c>
      <c r="BC26" s="160">
        <v>6</v>
      </c>
      <c r="BD26" s="163">
        <v>47</v>
      </c>
      <c r="BE26" s="164">
        <v>53</v>
      </c>
      <c r="BF26" s="159">
        <v>0</v>
      </c>
      <c r="BG26" s="160">
        <v>0</v>
      </c>
      <c r="BH26" s="165">
        <v>0</v>
      </c>
      <c r="BI26" s="162">
        <v>0</v>
      </c>
      <c r="BJ26" s="160">
        <v>14</v>
      </c>
      <c r="BK26" s="160">
        <v>12</v>
      </c>
      <c r="BL26" s="160">
        <v>3</v>
      </c>
      <c r="BM26" s="160">
        <v>1</v>
      </c>
      <c r="BN26" s="160">
        <v>1</v>
      </c>
      <c r="BO26" s="165">
        <v>31</v>
      </c>
      <c r="BP26" s="164">
        <v>31</v>
      </c>
      <c r="BQ26" s="159">
        <v>1</v>
      </c>
      <c r="BR26" s="160">
        <v>1</v>
      </c>
      <c r="BS26" s="165">
        <v>2</v>
      </c>
      <c r="BT26" s="162">
        <v>0</v>
      </c>
      <c r="BU26" s="160">
        <v>1</v>
      </c>
      <c r="BV26" s="160">
        <v>7</v>
      </c>
      <c r="BW26" s="160">
        <v>3</v>
      </c>
      <c r="BX26" s="160">
        <v>2</v>
      </c>
      <c r="BY26" s="160">
        <v>0</v>
      </c>
      <c r="BZ26" s="165">
        <v>13</v>
      </c>
      <c r="CA26" s="164">
        <v>15</v>
      </c>
      <c r="CB26" s="159">
        <v>0</v>
      </c>
      <c r="CC26" s="160">
        <v>0</v>
      </c>
      <c r="CD26" s="165">
        <v>0</v>
      </c>
      <c r="CE26" s="162">
        <v>0</v>
      </c>
      <c r="CF26" s="160">
        <v>2</v>
      </c>
      <c r="CG26" s="160">
        <v>3</v>
      </c>
      <c r="CH26" s="160">
        <v>1</v>
      </c>
      <c r="CI26" s="160">
        <v>1</v>
      </c>
      <c r="CJ26" s="160">
        <v>0</v>
      </c>
      <c r="CK26" s="165">
        <v>7</v>
      </c>
      <c r="CL26" s="164">
        <v>7</v>
      </c>
      <c r="CM26" s="159">
        <v>0</v>
      </c>
      <c r="CN26" s="160">
        <v>0</v>
      </c>
      <c r="CO26" s="165">
        <v>0</v>
      </c>
      <c r="CP26" s="162">
        <v>0</v>
      </c>
      <c r="CQ26" s="160">
        <v>1</v>
      </c>
      <c r="CR26" s="160">
        <v>0</v>
      </c>
      <c r="CS26" s="160">
        <v>0</v>
      </c>
      <c r="CT26" s="160">
        <v>0</v>
      </c>
      <c r="CU26" s="160">
        <v>0</v>
      </c>
      <c r="CV26" s="165">
        <v>1</v>
      </c>
      <c r="CW26" s="164">
        <v>1</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10</v>
      </c>
      <c r="DU26" s="160">
        <v>6</v>
      </c>
      <c r="DV26" s="165">
        <v>16</v>
      </c>
      <c r="DW26" s="162">
        <v>0</v>
      </c>
      <c r="DX26" s="160">
        <v>14</v>
      </c>
      <c r="DY26" s="160">
        <v>17</v>
      </c>
      <c r="DZ26" s="160">
        <v>11</v>
      </c>
      <c r="EA26" s="160">
        <v>9</v>
      </c>
      <c r="EB26" s="160">
        <v>4</v>
      </c>
      <c r="EC26" s="165">
        <v>55</v>
      </c>
      <c r="ED26" s="164">
        <v>71</v>
      </c>
      <c r="EE26" s="159">
        <v>3</v>
      </c>
      <c r="EF26" s="160">
        <v>0</v>
      </c>
      <c r="EG26" s="165">
        <v>3</v>
      </c>
      <c r="EH26" s="162">
        <v>0</v>
      </c>
      <c r="EI26" s="160">
        <v>5</v>
      </c>
      <c r="EJ26" s="160">
        <v>1</v>
      </c>
      <c r="EK26" s="160">
        <v>3</v>
      </c>
      <c r="EL26" s="160">
        <v>2</v>
      </c>
      <c r="EM26" s="160">
        <v>2</v>
      </c>
      <c r="EN26" s="165">
        <v>13</v>
      </c>
      <c r="EO26" s="164">
        <v>16</v>
      </c>
      <c r="EP26" s="159">
        <v>13</v>
      </c>
      <c r="EQ26" s="160">
        <v>7</v>
      </c>
      <c r="ER26" s="165">
        <v>20</v>
      </c>
      <c r="ES26" s="162">
        <v>0</v>
      </c>
      <c r="ET26" s="160">
        <v>29</v>
      </c>
      <c r="EU26" s="160">
        <v>27</v>
      </c>
      <c r="EV26" s="160">
        <v>12</v>
      </c>
      <c r="EW26" s="160">
        <v>11</v>
      </c>
      <c r="EX26" s="160">
        <v>4</v>
      </c>
      <c r="EY26" s="165">
        <v>83</v>
      </c>
      <c r="EZ26" s="164">
        <v>103</v>
      </c>
    </row>
    <row r="27" spans="2:156" ht="21" customHeight="1" x14ac:dyDescent="0.2">
      <c r="B27" s="166" t="s">
        <v>25</v>
      </c>
      <c r="C27" s="159">
        <v>0</v>
      </c>
      <c r="D27" s="160">
        <v>0</v>
      </c>
      <c r="E27" s="161">
        <v>0</v>
      </c>
      <c r="F27" s="162">
        <v>0</v>
      </c>
      <c r="G27" s="160">
        <v>6</v>
      </c>
      <c r="H27" s="160">
        <v>5</v>
      </c>
      <c r="I27" s="160">
        <v>1</v>
      </c>
      <c r="J27" s="160">
        <v>3</v>
      </c>
      <c r="K27" s="160">
        <v>0</v>
      </c>
      <c r="L27" s="163">
        <v>15</v>
      </c>
      <c r="M27" s="164">
        <v>15</v>
      </c>
      <c r="N27" s="159">
        <v>0</v>
      </c>
      <c r="O27" s="160">
        <v>0</v>
      </c>
      <c r="P27" s="165">
        <v>0</v>
      </c>
      <c r="Q27" s="162">
        <v>0</v>
      </c>
      <c r="R27" s="160">
        <v>0</v>
      </c>
      <c r="S27" s="160">
        <v>0</v>
      </c>
      <c r="T27" s="160">
        <v>1</v>
      </c>
      <c r="U27" s="160">
        <v>2</v>
      </c>
      <c r="V27" s="160">
        <v>0</v>
      </c>
      <c r="W27" s="165">
        <v>3</v>
      </c>
      <c r="X27" s="164">
        <v>3</v>
      </c>
      <c r="Y27" s="159">
        <v>1</v>
      </c>
      <c r="Z27" s="160">
        <v>1</v>
      </c>
      <c r="AA27" s="165">
        <v>2</v>
      </c>
      <c r="AB27" s="162">
        <v>0</v>
      </c>
      <c r="AC27" s="160">
        <v>2</v>
      </c>
      <c r="AD27" s="160">
        <v>6</v>
      </c>
      <c r="AE27" s="160">
        <v>2</v>
      </c>
      <c r="AF27" s="160">
        <v>6</v>
      </c>
      <c r="AG27" s="160">
        <v>0</v>
      </c>
      <c r="AH27" s="165">
        <v>16</v>
      </c>
      <c r="AI27" s="164">
        <v>18</v>
      </c>
      <c r="AJ27" s="159">
        <v>0</v>
      </c>
      <c r="AK27" s="160">
        <v>2</v>
      </c>
      <c r="AL27" s="165">
        <v>2</v>
      </c>
      <c r="AM27" s="162">
        <v>0</v>
      </c>
      <c r="AN27" s="160">
        <v>0</v>
      </c>
      <c r="AO27" s="160">
        <v>0</v>
      </c>
      <c r="AP27" s="160">
        <v>0</v>
      </c>
      <c r="AQ27" s="160">
        <v>0</v>
      </c>
      <c r="AR27" s="160">
        <v>0</v>
      </c>
      <c r="AS27" s="165">
        <v>0</v>
      </c>
      <c r="AT27" s="164">
        <v>2</v>
      </c>
      <c r="AU27" s="159">
        <v>0</v>
      </c>
      <c r="AV27" s="160">
        <v>2</v>
      </c>
      <c r="AW27" s="165">
        <v>2</v>
      </c>
      <c r="AX27" s="162">
        <v>0</v>
      </c>
      <c r="AY27" s="160">
        <v>7</v>
      </c>
      <c r="AZ27" s="160">
        <v>3</v>
      </c>
      <c r="BA27" s="160">
        <v>2</v>
      </c>
      <c r="BB27" s="160">
        <v>5</v>
      </c>
      <c r="BC27" s="160">
        <v>2</v>
      </c>
      <c r="BD27" s="163">
        <v>19</v>
      </c>
      <c r="BE27" s="164">
        <v>21</v>
      </c>
      <c r="BF27" s="159">
        <v>0</v>
      </c>
      <c r="BG27" s="160">
        <v>0</v>
      </c>
      <c r="BH27" s="165">
        <v>0</v>
      </c>
      <c r="BI27" s="162">
        <v>0</v>
      </c>
      <c r="BJ27" s="160">
        <v>8</v>
      </c>
      <c r="BK27" s="160">
        <v>2</v>
      </c>
      <c r="BL27" s="160">
        <v>2</v>
      </c>
      <c r="BM27" s="160">
        <v>1</v>
      </c>
      <c r="BN27" s="160">
        <v>0</v>
      </c>
      <c r="BO27" s="165">
        <v>13</v>
      </c>
      <c r="BP27" s="164">
        <v>13</v>
      </c>
      <c r="BQ27" s="159">
        <v>0</v>
      </c>
      <c r="BR27" s="160">
        <v>1</v>
      </c>
      <c r="BS27" s="165">
        <v>1</v>
      </c>
      <c r="BT27" s="162">
        <v>0</v>
      </c>
      <c r="BU27" s="160">
        <v>1</v>
      </c>
      <c r="BV27" s="160">
        <v>5</v>
      </c>
      <c r="BW27" s="160">
        <v>3</v>
      </c>
      <c r="BX27" s="160">
        <v>3</v>
      </c>
      <c r="BY27" s="160">
        <v>0</v>
      </c>
      <c r="BZ27" s="165">
        <v>12</v>
      </c>
      <c r="CA27" s="164">
        <v>13</v>
      </c>
      <c r="CB27" s="159">
        <v>0</v>
      </c>
      <c r="CC27" s="160">
        <v>0</v>
      </c>
      <c r="CD27" s="165">
        <v>0</v>
      </c>
      <c r="CE27" s="162">
        <v>0</v>
      </c>
      <c r="CF27" s="160">
        <v>2</v>
      </c>
      <c r="CG27" s="160">
        <v>1</v>
      </c>
      <c r="CH27" s="160">
        <v>0</v>
      </c>
      <c r="CI27" s="160">
        <v>2</v>
      </c>
      <c r="CJ27" s="160">
        <v>1</v>
      </c>
      <c r="CK27" s="165">
        <v>6</v>
      </c>
      <c r="CL27" s="164">
        <v>6</v>
      </c>
      <c r="CM27" s="159">
        <v>0</v>
      </c>
      <c r="CN27" s="160">
        <v>0</v>
      </c>
      <c r="CO27" s="165">
        <v>0</v>
      </c>
      <c r="CP27" s="162">
        <v>0</v>
      </c>
      <c r="CQ27" s="160">
        <v>0</v>
      </c>
      <c r="CR27" s="160">
        <v>1</v>
      </c>
      <c r="CS27" s="160">
        <v>0</v>
      </c>
      <c r="CT27" s="160">
        <v>0</v>
      </c>
      <c r="CU27" s="160">
        <v>0</v>
      </c>
      <c r="CV27" s="165">
        <v>1</v>
      </c>
      <c r="CW27" s="164">
        <v>1</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5</v>
      </c>
      <c r="DU27" s="160">
        <v>7</v>
      </c>
      <c r="DV27" s="165">
        <v>12</v>
      </c>
      <c r="DW27" s="162">
        <v>0</v>
      </c>
      <c r="DX27" s="160">
        <v>4</v>
      </c>
      <c r="DY27" s="160">
        <v>10</v>
      </c>
      <c r="DZ27" s="160">
        <v>4</v>
      </c>
      <c r="EA27" s="160">
        <v>7</v>
      </c>
      <c r="EB27" s="160">
        <v>2</v>
      </c>
      <c r="EC27" s="165">
        <v>27</v>
      </c>
      <c r="ED27" s="164">
        <v>39</v>
      </c>
      <c r="EE27" s="159">
        <v>0</v>
      </c>
      <c r="EF27" s="160">
        <v>1</v>
      </c>
      <c r="EG27" s="165">
        <v>1</v>
      </c>
      <c r="EH27" s="162">
        <v>0</v>
      </c>
      <c r="EI27" s="160">
        <v>4</v>
      </c>
      <c r="EJ27" s="160">
        <v>0</v>
      </c>
      <c r="EK27" s="160">
        <v>1</v>
      </c>
      <c r="EL27" s="160">
        <v>3</v>
      </c>
      <c r="EM27" s="160">
        <v>1</v>
      </c>
      <c r="EN27" s="165">
        <v>9</v>
      </c>
      <c r="EO27" s="164">
        <v>10</v>
      </c>
      <c r="EP27" s="159">
        <v>5</v>
      </c>
      <c r="EQ27" s="160">
        <v>8</v>
      </c>
      <c r="ER27" s="165">
        <v>13</v>
      </c>
      <c r="ES27" s="162">
        <v>0</v>
      </c>
      <c r="ET27" s="160">
        <v>17</v>
      </c>
      <c r="EU27" s="160">
        <v>13</v>
      </c>
      <c r="EV27" s="160">
        <v>6</v>
      </c>
      <c r="EW27" s="160">
        <v>7</v>
      </c>
      <c r="EX27" s="160">
        <v>2</v>
      </c>
      <c r="EY27" s="165">
        <v>45</v>
      </c>
      <c r="EZ27" s="164">
        <v>58</v>
      </c>
    </row>
    <row r="28" spans="2:156" ht="21" customHeight="1" x14ac:dyDescent="0.2">
      <c r="B28" s="166" t="s">
        <v>26</v>
      </c>
      <c r="C28" s="159">
        <v>0</v>
      </c>
      <c r="D28" s="160">
        <v>0</v>
      </c>
      <c r="E28" s="161">
        <v>0</v>
      </c>
      <c r="F28" s="162">
        <v>0</v>
      </c>
      <c r="G28" s="160">
        <v>6</v>
      </c>
      <c r="H28" s="160">
        <v>4</v>
      </c>
      <c r="I28" s="160">
        <v>4</v>
      </c>
      <c r="J28" s="160">
        <v>4</v>
      </c>
      <c r="K28" s="160">
        <v>3</v>
      </c>
      <c r="L28" s="163">
        <v>21</v>
      </c>
      <c r="M28" s="164">
        <v>21</v>
      </c>
      <c r="N28" s="159">
        <v>0</v>
      </c>
      <c r="O28" s="160">
        <v>0</v>
      </c>
      <c r="P28" s="165">
        <v>0</v>
      </c>
      <c r="Q28" s="162">
        <v>0</v>
      </c>
      <c r="R28" s="160">
        <v>0</v>
      </c>
      <c r="S28" s="160">
        <v>0</v>
      </c>
      <c r="T28" s="160">
        <v>1</v>
      </c>
      <c r="U28" s="160">
        <v>1</v>
      </c>
      <c r="V28" s="160">
        <v>0</v>
      </c>
      <c r="W28" s="165">
        <v>2</v>
      </c>
      <c r="X28" s="164">
        <v>2</v>
      </c>
      <c r="Y28" s="159">
        <v>1</v>
      </c>
      <c r="Z28" s="160">
        <v>0</v>
      </c>
      <c r="AA28" s="165">
        <v>1</v>
      </c>
      <c r="AB28" s="162">
        <v>0</v>
      </c>
      <c r="AC28" s="160">
        <v>3</v>
      </c>
      <c r="AD28" s="160">
        <v>6</v>
      </c>
      <c r="AE28" s="160">
        <v>2</v>
      </c>
      <c r="AF28" s="160">
        <v>3</v>
      </c>
      <c r="AG28" s="160">
        <v>3</v>
      </c>
      <c r="AH28" s="165">
        <v>17</v>
      </c>
      <c r="AI28" s="164">
        <v>18</v>
      </c>
      <c r="AJ28" s="159">
        <v>0</v>
      </c>
      <c r="AK28" s="160">
        <v>0</v>
      </c>
      <c r="AL28" s="165">
        <v>0</v>
      </c>
      <c r="AM28" s="162">
        <v>0</v>
      </c>
      <c r="AN28" s="160">
        <v>1</v>
      </c>
      <c r="AO28" s="160">
        <v>0</v>
      </c>
      <c r="AP28" s="160">
        <v>0</v>
      </c>
      <c r="AQ28" s="160">
        <v>0</v>
      </c>
      <c r="AR28" s="160">
        <v>1</v>
      </c>
      <c r="AS28" s="165">
        <v>2</v>
      </c>
      <c r="AT28" s="164">
        <v>2</v>
      </c>
      <c r="AU28" s="159">
        <v>2</v>
      </c>
      <c r="AV28" s="160">
        <v>0</v>
      </c>
      <c r="AW28" s="165">
        <v>2</v>
      </c>
      <c r="AX28" s="162">
        <v>0</v>
      </c>
      <c r="AY28" s="160">
        <v>3</v>
      </c>
      <c r="AZ28" s="160">
        <v>3</v>
      </c>
      <c r="BA28" s="160">
        <v>8</v>
      </c>
      <c r="BB28" s="160">
        <v>5</v>
      </c>
      <c r="BC28" s="160">
        <v>2</v>
      </c>
      <c r="BD28" s="163">
        <v>21</v>
      </c>
      <c r="BE28" s="164">
        <v>23</v>
      </c>
      <c r="BF28" s="159">
        <v>0</v>
      </c>
      <c r="BG28" s="160">
        <v>0</v>
      </c>
      <c r="BH28" s="165">
        <v>0</v>
      </c>
      <c r="BI28" s="162">
        <v>0</v>
      </c>
      <c r="BJ28" s="160">
        <v>4</v>
      </c>
      <c r="BK28" s="160">
        <v>5</v>
      </c>
      <c r="BL28" s="160">
        <v>1</v>
      </c>
      <c r="BM28" s="160">
        <v>3</v>
      </c>
      <c r="BN28" s="160">
        <v>0</v>
      </c>
      <c r="BO28" s="165">
        <v>13</v>
      </c>
      <c r="BP28" s="164">
        <v>13</v>
      </c>
      <c r="BQ28" s="159">
        <v>0</v>
      </c>
      <c r="BR28" s="160">
        <v>0</v>
      </c>
      <c r="BS28" s="165">
        <v>0</v>
      </c>
      <c r="BT28" s="162">
        <v>0</v>
      </c>
      <c r="BU28" s="160">
        <v>2</v>
      </c>
      <c r="BV28" s="160">
        <v>1</v>
      </c>
      <c r="BW28" s="160">
        <v>0</v>
      </c>
      <c r="BX28" s="160">
        <v>1</v>
      </c>
      <c r="BY28" s="160">
        <v>0</v>
      </c>
      <c r="BZ28" s="165">
        <v>4</v>
      </c>
      <c r="CA28" s="164">
        <v>4</v>
      </c>
      <c r="CB28" s="159">
        <v>0</v>
      </c>
      <c r="CC28" s="160">
        <v>0</v>
      </c>
      <c r="CD28" s="165">
        <v>0</v>
      </c>
      <c r="CE28" s="162">
        <v>0</v>
      </c>
      <c r="CF28" s="160">
        <v>3</v>
      </c>
      <c r="CG28" s="160">
        <v>2</v>
      </c>
      <c r="CH28" s="160">
        <v>0</v>
      </c>
      <c r="CI28" s="160">
        <v>0</v>
      </c>
      <c r="CJ28" s="160">
        <v>0</v>
      </c>
      <c r="CK28" s="165">
        <v>5</v>
      </c>
      <c r="CL28" s="164">
        <v>5</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v>
      </c>
      <c r="DU28" s="160">
        <v>6</v>
      </c>
      <c r="DV28" s="165">
        <v>12</v>
      </c>
      <c r="DW28" s="162">
        <v>0</v>
      </c>
      <c r="DX28" s="160">
        <v>11</v>
      </c>
      <c r="DY28" s="160">
        <v>10</v>
      </c>
      <c r="DZ28" s="160">
        <v>4</v>
      </c>
      <c r="EA28" s="160">
        <v>7</v>
      </c>
      <c r="EB28" s="160">
        <v>3</v>
      </c>
      <c r="EC28" s="165">
        <v>35</v>
      </c>
      <c r="ED28" s="164">
        <v>47</v>
      </c>
      <c r="EE28" s="159">
        <v>1</v>
      </c>
      <c r="EF28" s="160">
        <v>0</v>
      </c>
      <c r="EG28" s="165">
        <v>1</v>
      </c>
      <c r="EH28" s="162">
        <v>0</v>
      </c>
      <c r="EI28" s="160">
        <v>1</v>
      </c>
      <c r="EJ28" s="160">
        <v>1</v>
      </c>
      <c r="EK28" s="160">
        <v>3</v>
      </c>
      <c r="EL28" s="160">
        <v>0</v>
      </c>
      <c r="EM28" s="160">
        <v>0</v>
      </c>
      <c r="EN28" s="165">
        <v>5</v>
      </c>
      <c r="EO28" s="164">
        <v>6</v>
      </c>
      <c r="EP28" s="159">
        <v>7</v>
      </c>
      <c r="EQ28" s="160">
        <v>6</v>
      </c>
      <c r="ER28" s="165">
        <v>13</v>
      </c>
      <c r="ES28" s="162">
        <v>0</v>
      </c>
      <c r="ET28" s="160">
        <v>17</v>
      </c>
      <c r="EU28" s="160">
        <v>17</v>
      </c>
      <c r="EV28" s="160">
        <v>8</v>
      </c>
      <c r="EW28" s="160">
        <v>7</v>
      </c>
      <c r="EX28" s="160">
        <v>3</v>
      </c>
      <c r="EY28" s="165">
        <v>52</v>
      </c>
      <c r="EZ28" s="164">
        <v>65</v>
      </c>
    </row>
    <row r="29" spans="2:156" ht="21" customHeight="1" x14ac:dyDescent="0.2">
      <c r="B29" s="166" t="s">
        <v>27</v>
      </c>
      <c r="C29" s="159">
        <v>0</v>
      </c>
      <c r="D29" s="160">
        <v>0</v>
      </c>
      <c r="E29" s="161">
        <v>0</v>
      </c>
      <c r="F29" s="162">
        <v>0</v>
      </c>
      <c r="G29" s="160">
        <v>4</v>
      </c>
      <c r="H29" s="160">
        <v>6</v>
      </c>
      <c r="I29" s="160">
        <v>4</v>
      </c>
      <c r="J29" s="160">
        <v>3</v>
      </c>
      <c r="K29" s="160">
        <v>2</v>
      </c>
      <c r="L29" s="163">
        <v>19</v>
      </c>
      <c r="M29" s="164">
        <v>19</v>
      </c>
      <c r="N29" s="159">
        <v>0</v>
      </c>
      <c r="O29" s="160">
        <v>0</v>
      </c>
      <c r="P29" s="165">
        <v>0</v>
      </c>
      <c r="Q29" s="162">
        <v>0</v>
      </c>
      <c r="R29" s="160">
        <v>0</v>
      </c>
      <c r="S29" s="160">
        <v>0</v>
      </c>
      <c r="T29" s="160">
        <v>0</v>
      </c>
      <c r="U29" s="160">
        <v>0</v>
      </c>
      <c r="V29" s="160">
        <v>0</v>
      </c>
      <c r="W29" s="165">
        <v>0</v>
      </c>
      <c r="X29" s="164">
        <v>0</v>
      </c>
      <c r="Y29" s="159">
        <v>1</v>
      </c>
      <c r="Z29" s="160">
        <v>3</v>
      </c>
      <c r="AA29" s="165">
        <v>4</v>
      </c>
      <c r="AB29" s="162">
        <v>0</v>
      </c>
      <c r="AC29" s="160">
        <v>4</v>
      </c>
      <c r="AD29" s="160">
        <v>4</v>
      </c>
      <c r="AE29" s="160">
        <v>3</v>
      </c>
      <c r="AF29" s="160">
        <v>3</v>
      </c>
      <c r="AG29" s="160">
        <v>3</v>
      </c>
      <c r="AH29" s="165">
        <v>17</v>
      </c>
      <c r="AI29" s="164">
        <v>21</v>
      </c>
      <c r="AJ29" s="159">
        <v>0</v>
      </c>
      <c r="AK29" s="160">
        <v>0</v>
      </c>
      <c r="AL29" s="165">
        <v>0</v>
      </c>
      <c r="AM29" s="162">
        <v>0</v>
      </c>
      <c r="AN29" s="160">
        <v>0</v>
      </c>
      <c r="AO29" s="160">
        <v>1</v>
      </c>
      <c r="AP29" s="160">
        <v>0</v>
      </c>
      <c r="AQ29" s="160">
        <v>0</v>
      </c>
      <c r="AR29" s="160">
        <v>0</v>
      </c>
      <c r="AS29" s="165">
        <v>1</v>
      </c>
      <c r="AT29" s="164">
        <v>1</v>
      </c>
      <c r="AU29" s="159">
        <v>1</v>
      </c>
      <c r="AV29" s="160">
        <v>1</v>
      </c>
      <c r="AW29" s="165">
        <v>2</v>
      </c>
      <c r="AX29" s="162">
        <v>0</v>
      </c>
      <c r="AY29" s="160">
        <v>7</v>
      </c>
      <c r="AZ29" s="160">
        <v>5</v>
      </c>
      <c r="BA29" s="160">
        <v>6</v>
      </c>
      <c r="BB29" s="160">
        <v>6</v>
      </c>
      <c r="BC29" s="160">
        <v>4</v>
      </c>
      <c r="BD29" s="163">
        <v>28</v>
      </c>
      <c r="BE29" s="164">
        <v>30</v>
      </c>
      <c r="BF29" s="159">
        <v>0</v>
      </c>
      <c r="BG29" s="160">
        <v>0</v>
      </c>
      <c r="BH29" s="165">
        <v>0</v>
      </c>
      <c r="BI29" s="162">
        <v>0</v>
      </c>
      <c r="BJ29" s="160">
        <v>8</v>
      </c>
      <c r="BK29" s="160">
        <v>3</v>
      </c>
      <c r="BL29" s="160">
        <v>2</v>
      </c>
      <c r="BM29" s="160">
        <v>5</v>
      </c>
      <c r="BN29" s="160">
        <v>0</v>
      </c>
      <c r="BO29" s="165">
        <v>18</v>
      </c>
      <c r="BP29" s="164">
        <v>18</v>
      </c>
      <c r="BQ29" s="159">
        <v>2</v>
      </c>
      <c r="BR29" s="160">
        <v>1</v>
      </c>
      <c r="BS29" s="165">
        <v>3</v>
      </c>
      <c r="BT29" s="162">
        <v>0</v>
      </c>
      <c r="BU29" s="160">
        <v>3</v>
      </c>
      <c r="BV29" s="160">
        <v>3</v>
      </c>
      <c r="BW29" s="160">
        <v>3</v>
      </c>
      <c r="BX29" s="160">
        <v>0</v>
      </c>
      <c r="BY29" s="160">
        <v>0</v>
      </c>
      <c r="BZ29" s="165">
        <v>9</v>
      </c>
      <c r="CA29" s="164">
        <v>12</v>
      </c>
      <c r="CB29" s="159">
        <v>0</v>
      </c>
      <c r="CC29" s="160">
        <v>0</v>
      </c>
      <c r="CD29" s="165">
        <v>0</v>
      </c>
      <c r="CE29" s="162">
        <v>0</v>
      </c>
      <c r="CF29" s="160">
        <v>0</v>
      </c>
      <c r="CG29" s="160">
        <v>0</v>
      </c>
      <c r="CH29" s="160">
        <v>1</v>
      </c>
      <c r="CI29" s="160">
        <v>1</v>
      </c>
      <c r="CJ29" s="160">
        <v>0</v>
      </c>
      <c r="CK29" s="165">
        <v>2</v>
      </c>
      <c r="CL29" s="164">
        <v>2</v>
      </c>
      <c r="CM29" s="159">
        <v>0</v>
      </c>
      <c r="CN29" s="160">
        <v>0</v>
      </c>
      <c r="CO29" s="165">
        <v>0</v>
      </c>
      <c r="CP29" s="162">
        <v>0</v>
      </c>
      <c r="CQ29" s="160">
        <v>0</v>
      </c>
      <c r="CR29" s="160">
        <v>0</v>
      </c>
      <c r="CS29" s="160">
        <v>0</v>
      </c>
      <c r="CT29" s="160">
        <v>0</v>
      </c>
      <c r="CU29" s="160">
        <v>0</v>
      </c>
      <c r="CV29" s="165">
        <v>0</v>
      </c>
      <c r="CW29" s="164">
        <v>0</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9</v>
      </c>
      <c r="DU29" s="160">
        <v>11</v>
      </c>
      <c r="DV29" s="165">
        <v>20</v>
      </c>
      <c r="DW29" s="162">
        <v>0</v>
      </c>
      <c r="DX29" s="160">
        <v>8</v>
      </c>
      <c r="DY29" s="160">
        <v>12</v>
      </c>
      <c r="DZ29" s="160">
        <v>5</v>
      </c>
      <c r="EA29" s="160">
        <v>4</v>
      </c>
      <c r="EB29" s="160">
        <v>3</v>
      </c>
      <c r="EC29" s="165">
        <v>32</v>
      </c>
      <c r="ED29" s="164">
        <v>52</v>
      </c>
      <c r="EE29" s="159">
        <v>1</v>
      </c>
      <c r="EF29" s="160">
        <v>0</v>
      </c>
      <c r="EG29" s="165">
        <v>1</v>
      </c>
      <c r="EH29" s="162">
        <v>0</v>
      </c>
      <c r="EI29" s="160">
        <v>3</v>
      </c>
      <c r="EJ29" s="160">
        <v>1</v>
      </c>
      <c r="EK29" s="160">
        <v>0</v>
      </c>
      <c r="EL29" s="160">
        <v>2</v>
      </c>
      <c r="EM29" s="160">
        <v>0</v>
      </c>
      <c r="EN29" s="165">
        <v>6</v>
      </c>
      <c r="EO29" s="164">
        <v>7</v>
      </c>
      <c r="EP29" s="159">
        <v>11</v>
      </c>
      <c r="EQ29" s="160">
        <v>14</v>
      </c>
      <c r="ER29" s="165">
        <v>25</v>
      </c>
      <c r="ES29" s="162">
        <v>0</v>
      </c>
      <c r="ET29" s="160">
        <v>16</v>
      </c>
      <c r="EU29" s="160">
        <v>12</v>
      </c>
      <c r="EV29" s="160">
        <v>6</v>
      </c>
      <c r="EW29" s="160">
        <v>6</v>
      </c>
      <c r="EX29" s="160">
        <v>3</v>
      </c>
      <c r="EY29" s="165">
        <v>43</v>
      </c>
      <c r="EZ29" s="164">
        <v>68</v>
      </c>
    </row>
    <row r="30" spans="2:156" ht="21" customHeight="1" x14ac:dyDescent="0.2">
      <c r="B30" s="166" t="s">
        <v>28</v>
      </c>
      <c r="C30" s="159">
        <v>0</v>
      </c>
      <c r="D30" s="160">
        <v>0</v>
      </c>
      <c r="E30" s="161">
        <v>0</v>
      </c>
      <c r="F30" s="162">
        <v>0</v>
      </c>
      <c r="G30" s="160">
        <v>0</v>
      </c>
      <c r="H30" s="160">
        <v>0</v>
      </c>
      <c r="I30" s="160">
        <v>1</v>
      </c>
      <c r="J30" s="160">
        <v>0</v>
      </c>
      <c r="K30" s="160">
        <v>1</v>
      </c>
      <c r="L30" s="163">
        <v>2</v>
      </c>
      <c r="M30" s="164">
        <v>2</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1</v>
      </c>
      <c r="AG30" s="160">
        <v>0</v>
      </c>
      <c r="AH30" s="165">
        <v>3</v>
      </c>
      <c r="AI30" s="164">
        <v>3</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2</v>
      </c>
      <c r="BD30" s="163">
        <v>8</v>
      </c>
      <c r="BE30" s="164">
        <v>8</v>
      </c>
      <c r="BF30" s="159">
        <v>0</v>
      </c>
      <c r="BG30" s="160">
        <v>0</v>
      </c>
      <c r="BH30" s="165">
        <v>0</v>
      </c>
      <c r="BI30" s="162">
        <v>0</v>
      </c>
      <c r="BJ30" s="160">
        <v>0</v>
      </c>
      <c r="BK30" s="160">
        <v>5</v>
      </c>
      <c r="BL30" s="160">
        <v>1</v>
      </c>
      <c r="BM30" s="160">
        <v>0</v>
      </c>
      <c r="BN30" s="160">
        <v>0</v>
      </c>
      <c r="BO30" s="165">
        <v>6</v>
      </c>
      <c r="BP30" s="164">
        <v>6</v>
      </c>
      <c r="BQ30" s="159">
        <v>0</v>
      </c>
      <c r="BR30" s="160">
        <v>0</v>
      </c>
      <c r="BS30" s="165">
        <v>0</v>
      </c>
      <c r="BT30" s="162">
        <v>0</v>
      </c>
      <c r="BU30" s="160">
        <v>1</v>
      </c>
      <c r="BV30" s="160">
        <v>0</v>
      </c>
      <c r="BW30" s="160">
        <v>0</v>
      </c>
      <c r="BX30" s="160">
        <v>0</v>
      </c>
      <c r="BY30" s="160">
        <v>0</v>
      </c>
      <c r="BZ30" s="165">
        <v>1</v>
      </c>
      <c r="CA30" s="164">
        <v>1</v>
      </c>
      <c r="CB30" s="159">
        <v>0</v>
      </c>
      <c r="CC30" s="160">
        <v>0</v>
      </c>
      <c r="CD30" s="165">
        <v>0</v>
      </c>
      <c r="CE30" s="162">
        <v>0</v>
      </c>
      <c r="CF30" s="160">
        <v>0</v>
      </c>
      <c r="CG30" s="160">
        <v>1</v>
      </c>
      <c r="CH30" s="160">
        <v>0</v>
      </c>
      <c r="CI30" s="160">
        <v>0</v>
      </c>
      <c r="CJ30" s="160">
        <v>0</v>
      </c>
      <c r="CK30" s="165">
        <v>1</v>
      </c>
      <c r="CL30" s="164">
        <v>1</v>
      </c>
      <c r="CM30" s="159">
        <v>0</v>
      </c>
      <c r="CN30" s="160">
        <v>0</v>
      </c>
      <c r="CO30" s="165">
        <v>0</v>
      </c>
      <c r="CP30" s="162">
        <v>0</v>
      </c>
      <c r="CQ30" s="160">
        <v>0</v>
      </c>
      <c r="CR30" s="160">
        <v>0</v>
      </c>
      <c r="CS30" s="160">
        <v>0</v>
      </c>
      <c r="CT30" s="160">
        <v>0</v>
      </c>
      <c r="CU30" s="160">
        <v>0</v>
      </c>
      <c r="CV30" s="165">
        <v>0</v>
      </c>
      <c r="CW30" s="164">
        <v>0</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4</v>
      </c>
      <c r="DZ30" s="160">
        <v>1</v>
      </c>
      <c r="EA30" s="160">
        <v>1</v>
      </c>
      <c r="EB30" s="160">
        <v>1</v>
      </c>
      <c r="EC30" s="165">
        <v>10</v>
      </c>
      <c r="ED30" s="164">
        <v>11</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7</v>
      </c>
      <c r="EU30" s="160">
        <v>6</v>
      </c>
      <c r="EV30" s="160">
        <v>2</v>
      </c>
      <c r="EW30" s="160">
        <v>1</v>
      </c>
      <c r="EX30" s="160">
        <v>1</v>
      </c>
      <c r="EY30" s="165">
        <v>17</v>
      </c>
      <c r="EZ30" s="164">
        <v>18</v>
      </c>
    </row>
    <row r="31" spans="2:156" ht="21" customHeight="1" x14ac:dyDescent="0.2">
      <c r="B31" s="166" t="s">
        <v>29</v>
      </c>
      <c r="C31" s="159">
        <v>0</v>
      </c>
      <c r="D31" s="160">
        <v>0</v>
      </c>
      <c r="E31" s="161">
        <v>0</v>
      </c>
      <c r="F31" s="162">
        <v>0</v>
      </c>
      <c r="G31" s="160">
        <v>0</v>
      </c>
      <c r="H31" s="160">
        <v>2</v>
      </c>
      <c r="I31" s="160">
        <v>0</v>
      </c>
      <c r="J31" s="160">
        <v>1</v>
      </c>
      <c r="K31" s="160">
        <v>1</v>
      </c>
      <c r="L31" s="163">
        <v>4</v>
      </c>
      <c r="M31" s="164">
        <v>4</v>
      </c>
      <c r="N31" s="159">
        <v>0</v>
      </c>
      <c r="O31" s="160">
        <v>0</v>
      </c>
      <c r="P31" s="165">
        <v>0</v>
      </c>
      <c r="Q31" s="162">
        <v>0</v>
      </c>
      <c r="R31" s="160">
        <v>0</v>
      </c>
      <c r="S31" s="160">
        <v>0</v>
      </c>
      <c r="T31" s="160">
        <v>0</v>
      </c>
      <c r="U31" s="160">
        <v>0</v>
      </c>
      <c r="V31" s="160">
        <v>1</v>
      </c>
      <c r="W31" s="165">
        <v>1</v>
      </c>
      <c r="X31" s="164">
        <v>1</v>
      </c>
      <c r="Y31" s="159">
        <v>0</v>
      </c>
      <c r="Z31" s="160">
        <v>0</v>
      </c>
      <c r="AA31" s="165">
        <v>0</v>
      </c>
      <c r="AB31" s="162">
        <v>0</v>
      </c>
      <c r="AC31" s="160">
        <v>0</v>
      </c>
      <c r="AD31" s="160">
        <v>1</v>
      </c>
      <c r="AE31" s="160">
        <v>3</v>
      </c>
      <c r="AF31" s="160">
        <v>1</v>
      </c>
      <c r="AG31" s="160">
        <v>0</v>
      </c>
      <c r="AH31" s="165">
        <v>5</v>
      </c>
      <c r="AI31" s="164">
        <v>5</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1</v>
      </c>
      <c r="BA31" s="160">
        <v>2</v>
      </c>
      <c r="BB31" s="160">
        <v>1</v>
      </c>
      <c r="BC31" s="160">
        <v>0</v>
      </c>
      <c r="BD31" s="163">
        <v>6</v>
      </c>
      <c r="BE31" s="164">
        <v>7</v>
      </c>
      <c r="BF31" s="159">
        <v>0</v>
      </c>
      <c r="BG31" s="160">
        <v>0</v>
      </c>
      <c r="BH31" s="165">
        <v>0</v>
      </c>
      <c r="BI31" s="162">
        <v>0</v>
      </c>
      <c r="BJ31" s="160">
        <v>0</v>
      </c>
      <c r="BK31" s="160">
        <v>3</v>
      </c>
      <c r="BL31" s="160">
        <v>2</v>
      </c>
      <c r="BM31" s="160">
        <v>0</v>
      </c>
      <c r="BN31" s="160">
        <v>0</v>
      </c>
      <c r="BO31" s="165">
        <v>5</v>
      </c>
      <c r="BP31" s="164">
        <v>5</v>
      </c>
      <c r="BQ31" s="159">
        <v>1</v>
      </c>
      <c r="BR31" s="160">
        <v>0</v>
      </c>
      <c r="BS31" s="165">
        <v>1</v>
      </c>
      <c r="BT31" s="162">
        <v>0</v>
      </c>
      <c r="BU31" s="160">
        <v>0</v>
      </c>
      <c r="BV31" s="160">
        <v>0</v>
      </c>
      <c r="BW31" s="160">
        <v>1</v>
      </c>
      <c r="BX31" s="160">
        <v>0</v>
      </c>
      <c r="BY31" s="160">
        <v>0</v>
      </c>
      <c r="BZ31" s="165">
        <v>1</v>
      </c>
      <c r="CA31" s="164">
        <v>2</v>
      </c>
      <c r="CB31" s="159">
        <v>0</v>
      </c>
      <c r="CC31" s="160">
        <v>0</v>
      </c>
      <c r="CD31" s="165">
        <v>0</v>
      </c>
      <c r="CE31" s="162">
        <v>0</v>
      </c>
      <c r="CF31" s="160">
        <v>0</v>
      </c>
      <c r="CG31" s="160">
        <v>0</v>
      </c>
      <c r="CH31" s="160">
        <v>0</v>
      </c>
      <c r="CI31" s="160">
        <v>0</v>
      </c>
      <c r="CJ31" s="160">
        <v>0</v>
      </c>
      <c r="CK31" s="165">
        <v>0</v>
      </c>
      <c r="CL31" s="164">
        <v>0</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v>
      </c>
      <c r="DU31" s="160">
        <v>0</v>
      </c>
      <c r="DV31" s="165">
        <v>3</v>
      </c>
      <c r="DW31" s="162">
        <v>0</v>
      </c>
      <c r="DX31" s="160">
        <v>0</v>
      </c>
      <c r="DY31" s="160">
        <v>3</v>
      </c>
      <c r="DZ31" s="160">
        <v>2</v>
      </c>
      <c r="EA31" s="160">
        <v>2</v>
      </c>
      <c r="EB31" s="160">
        <v>2</v>
      </c>
      <c r="EC31" s="165">
        <v>9</v>
      </c>
      <c r="ED31" s="164">
        <v>12</v>
      </c>
      <c r="EE31" s="159">
        <v>1</v>
      </c>
      <c r="EF31" s="160">
        <v>0</v>
      </c>
      <c r="EG31" s="165">
        <v>1</v>
      </c>
      <c r="EH31" s="162">
        <v>0</v>
      </c>
      <c r="EI31" s="160">
        <v>2</v>
      </c>
      <c r="EJ31" s="160">
        <v>1</v>
      </c>
      <c r="EK31" s="160">
        <v>0</v>
      </c>
      <c r="EL31" s="160">
        <v>0</v>
      </c>
      <c r="EM31" s="160">
        <v>0</v>
      </c>
      <c r="EN31" s="165">
        <v>3</v>
      </c>
      <c r="EO31" s="164">
        <v>4</v>
      </c>
      <c r="EP31" s="159">
        <v>4</v>
      </c>
      <c r="EQ31" s="160">
        <v>0</v>
      </c>
      <c r="ER31" s="165">
        <v>4</v>
      </c>
      <c r="ES31" s="162">
        <v>0</v>
      </c>
      <c r="ET31" s="160">
        <v>0</v>
      </c>
      <c r="EU31" s="160">
        <v>4</v>
      </c>
      <c r="EV31" s="160">
        <v>3</v>
      </c>
      <c r="EW31" s="160">
        <v>1</v>
      </c>
      <c r="EX31" s="160">
        <v>2</v>
      </c>
      <c r="EY31" s="165">
        <v>10</v>
      </c>
      <c r="EZ31" s="164">
        <v>14</v>
      </c>
    </row>
    <row r="32" spans="2:156" ht="21" customHeight="1" x14ac:dyDescent="0.2">
      <c r="B32" s="166" t="s">
        <v>30</v>
      </c>
      <c r="C32" s="159">
        <v>0</v>
      </c>
      <c r="D32" s="160">
        <v>0</v>
      </c>
      <c r="E32" s="161">
        <v>0</v>
      </c>
      <c r="F32" s="162">
        <v>0</v>
      </c>
      <c r="G32" s="160">
        <v>1</v>
      </c>
      <c r="H32" s="160">
        <v>0</v>
      </c>
      <c r="I32" s="160">
        <v>1</v>
      </c>
      <c r="J32" s="160">
        <v>1</v>
      </c>
      <c r="K32" s="160">
        <v>0</v>
      </c>
      <c r="L32" s="163">
        <v>3</v>
      </c>
      <c r="M32" s="164">
        <v>3</v>
      </c>
      <c r="N32" s="159">
        <v>0</v>
      </c>
      <c r="O32" s="160">
        <v>0</v>
      </c>
      <c r="P32" s="165">
        <v>0</v>
      </c>
      <c r="Q32" s="162">
        <v>0</v>
      </c>
      <c r="R32" s="160">
        <v>0</v>
      </c>
      <c r="S32" s="160">
        <v>0</v>
      </c>
      <c r="T32" s="160">
        <v>1</v>
      </c>
      <c r="U32" s="160">
        <v>0</v>
      </c>
      <c r="V32" s="160">
        <v>0</v>
      </c>
      <c r="W32" s="165">
        <v>1</v>
      </c>
      <c r="X32" s="164">
        <v>1</v>
      </c>
      <c r="Y32" s="159">
        <v>0</v>
      </c>
      <c r="Z32" s="160">
        <v>1</v>
      </c>
      <c r="AA32" s="165">
        <v>1</v>
      </c>
      <c r="AB32" s="162">
        <v>0</v>
      </c>
      <c r="AC32" s="160">
        <v>1</v>
      </c>
      <c r="AD32" s="160">
        <v>0</v>
      </c>
      <c r="AE32" s="160">
        <v>1</v>
      </c>
      <c r="AF32" s="160">
        <v>1</v>
      </c>
      <c r="AG32" s="160">
        <v>0</v>
      </c>
      <c r="AH32" s="165">
        <v>3</v>
      </c>
      <c r="AI32" s="164">
        <v>4</v>
      </c>
      <c r="AJ32" s="159">
        <v>0</v>
      </c>
      <c r="AK32" s="160">
        <v>0</v>
      </c>
      <c r="AL32" s="165">
        <v>0</v>
      </c>
      <c r="AM32" s="162">
        <v>0</v>
      </c>
      <c r="AN32" s="160">
        <v>0</v>
      </c>
      <c r="AO32" s="160">
        <v>0</v>
      </c>
      <c r="AP32" s="160">
        <v>0</v>
      </c>
      <c r="AQ32" s="160">
        <v>0</v>
      </c>
      <c r="AR32" s="160">
        <v>0</v>
      </c>
      <c r="AS32" s="165">
        <v>0</v>
      </c>
      <c r="AT32" s="164">
        <v>0</v>
      </c>
      <c r="AU32" s="159">
        <v>0</v>
      </c>
      <c r="AV32" s="160">
        <v>0</v>
      </c>
      <c r="AW32" s="165">
        <v>0</v>
      </c>
      <c r="AX32" s="162">
        <v>0</v>
      </c>
      <c r="AY32" s="160">
        <v>0</v>
      </c>
      <c r="AZ32" s="160">
        <v>2</v>
      </c>
      <c r="BA32" s="160">
        <v>1</v>
      </c>
      <c r="BB32" s="160">
        <v>2</v>
      </c>
      <c r="BC32" s="160">
        <v>0</v>
      </c>
      <c r="BD32" s="163">
        <v>5</v>
      </c>
      <c r="BE32" s="164">
        <v>5</v>
      </c>
      <c r="BF32" s="159">
        <v>0</v>
      </c>
      <c r="BG32" s="160">
        <v>0</v>
      </c>
      <c r="BH32" s="165">
        <v>0</v>
      </c>
      <c r="BI32" s="162">
        <v>0</v>
      </c>
      <c r="BJ32" s="160">
        <v>0</v>
      </c>
      <c r="BK32" s="160">
        <v>0</v>
      </c>
      <c r="BL32" s="160">
        <v>0</v>
      </c>
      <c r="BM32" s="160">
        <v>1</v>
      </c>
      <c r="BN32" s="160">
        <v>0</v>
      </c>
      <c r="BO32" s="165">
        <v>1</v>
      </c>
      <c r="BP32" s="164">
        <v>1</v>
      </c>
      <c r="BQ32" s="159">
        <v>2</v>
      </c>
      <c r="BR32" s="160">
        <v>1</v>
      </c>
      <c r="BS32" s="165">
        <v>3</v>
      </c>
      <c r="BT32" s="162">
        <v>0</v>
      </c>
      <c r="BU32" s="160">
        <v>0</v>
      </c>
      <c r="BV32" s="160">
        <v>0</v>
      </c>
      <c r="BW32" s="160">
        <v>0</v>
      </c>
      <c r="BX32" s="160">
        <v>0</v>
      </c>
      <c r="BY32" s="160">
        <v>0</v>
      </c>
      <c r="BZ32" s="165">
        <v>0</v>
      </c>
      <c r="CA32" s="164">
        <v>3</v>
      </c>
      <c r="CB32" s="159">
        <v>0</v>
      </c>
      <c r="CC32" s="160">
        <v>0</v>
      </c>
      <c r="CD32" s="165">
        <v>0</v>
      </c>
      <c r="CE32" s="162">
        <v>0</v>
      </c>
      <c r="CF32" s="160">
        <v>1</v>
      </c>
      <c r="CG32" s="160">
        <v>1</v>
      </c>
      <c r="CH32" s="160">
        <v>0</v>
      </c>
      <c r="CI32" s="160">
        <v>1</v>
      </c>
      <c r="CJ32" s="160">
        <v>0</v>
      </c>
      <c r="CK32" s="165">
        <v>3</v>
      </c>
      <c r="CL32" s="164">
        <v>3</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2</v>
      </c>
      <c r="DU32" s="160">
        <v>0</v>
      </c>
      <c r="DV32" s="165">
        <v>2</v>
      </c>
      <c r="DW32" s="162">
        <v>0</v>
      </c>
      <c r="DX32" s="160">
        <v>1</v>
      </c>
      <c r="DY32" s="160">
        <v>0</v>
      </c>
      <c r="DZ32" s="160">
        <v>2</v>
      </c>
      <c r="EA32" s="160">
        <v>1</v>
      </c>
      <c r="EB32" s="160">
        <v>0</v>
      </c>
      <c r="EC32" s="165">
        <v>4</v>
      </c>
      <c r="ED32" s="164">
        <v>6</v>
      </c>
      <c r="EE32" s="159">
        <v>0</v>
      </c>
      <c r="EF32" s="160">
        <v>0</v>
      </c>
      <c r="EG32" s="165">
        <v>0</v>
      </c>
      <c r="EH32" s="162">
        <v>0</v>
      </c>
      <c r="EI32" s="160">
        <v>1</v>
      </c>
      <c r="EJ32" s="160">
        <v>2</v>
      </c>
      <c r="EK32" s="160">
        <v>1</v>
      </c>
      <c r="EL32" s="160">
        <v>0</v>
      </c>
      <c r="EM32" s="160">
        <v>0</v>
      </c>
      <c r="EN32" s="165">
        <v>4</v>
      </c>
      <c r="EO32" s="164">
        <v>4</v>
      </c>
      <c r="EP32" s="159">
        <v>3</v>
      </c>
      <c r="EQ32" s="160">
        <v>2</v>
      </c>
      <c r="ER32" s="165">
        <v>5</v>
      </c>
      <c r="ES32" s="162">
        <v>0</v>
      </c>
      <c r="ET32" s="160">
        <v>2</v>
      </c>
      <c r="EU32" s="160">
        <v>0</v>
      </c>
      <c r="EV32" s="160">
        <v>3</v>
      </c>
      <c r="EW32" s="160">
        <v>1</v>
      </c>
      <c r="EX32" s="160">
        <v>0</v>
      </c>
      <c r="EY32" s="165">
        <v>6</v>
      </c>
      <c r="EZ32" s="164">
        <v>11</v>
      </c>
    </row>
    <row r="33" spans="2:156" ht="21" customHeight="1" x14ac:dyDescent="0.2">
      <c r="B33" s="166" t="s">
        <v>31</v>
      </c>
      <c r="C33" s="159">
        <v>0</v>
      </c>
      <c r="D33" s="160">
        <v>0</v>
      </c>
      <c r="E33" s="161">
        <v>0</v>
      </c>
      <c r="F33" s="162">
        <v>0</v>
      </c>
      <c r="G33" s="160">
        <v>0</v>
      </c>
      <c r="H33" s="160">
        <v>0</v>
      </c>
      <c r="I33" s="160">
        <v>2</v>
      </c>
      <c r="J33" s="160">
        <v>0</v>
      </c>
      <c r="K33" s="160">
        <v>0</v>
      </c>
      <c r="L33" s="163">
        <v>2</v>
      </c>
      <c r="M33" s="164">
        <v>2</v>
      </c>
      <c r="N33" s="159">
        <v>0</v>
      </c>
      <c r="O33" s="160">
        <v>0</v>
      </c>
      <c r="P33" s="165">
        <v>0</v>
      </c>
      <c r="Q33" s="162">
        <v>0</v>
      </c>
      <c r="R33" s="160">
        <v>0</v>
      </c>
      <c r="S33" s="160">
        <v>1</v>
      </c>
      <c r="T33" s="160">
        <v>1</v>
      </c>
      <c r="U33" s="160">
        <v>0</v>
      </c>
      <c r="V33" s="160">
        <v>0</v>
      </c>
      <c r="W33" s="165">
        <v>2</v>
      </c>
      <c r="X33" s="164">
        <v>2</v>
      </c>
      <c r="Y33" s="159">
        <v>0</v>
      </c>
      <c r="Z33" s="160">
        <v>1</v>
      </c>
      <c r="AA33" s="165">
        <v>1</v>
      </c>
      <c r="AB33" s="162">
        <v>0</v>
      </c>
      <c r="AC33" s="160">
        <v>0</v>
      </c>
      <c r="AD33" s="160">
        <v>0</v>
      </c>
      <c r="AE33" s="160">
        <v>5</v>
      </c>
      <c r="AF33" s="160">
        <v>1</v>
      </c>
      <c r="AG33" s="160">
        <v>0</v>
      </c>
      <c r="AH33" s="165">
        <v>6</v>
      </c>
      <c r="AI33" s="164">
        <v>7</v>
      </c>
      <c r="AJ33" s="159">
        <v>0</v>
      </c>
      <c r="AK33" s="160">
        <v>0</v>
      </c>
      <c r="AL33" s="165">
        <v>0</v>
      </c>
      <c r="AM33" s="162">
        <v>0</v>
      </c>
      <c r="AN33" s="160">
        <v>0</v>
      </c>
      <c r="AO33" s="160">
        <v>0</v>
      </c>
      <c r="AP33" s="160">
        <v>1</v>
      </c>
      <c r="AQ33" s="160">
        <v>0</v>
      </c>
      <c r="AR33" s="160">
        <v>0</v>
      </c>
      <c r="AS33" s="165">
        <v>1</v>
      </c>
      <c r="AT33" s="164">
        <v>1</v>
      </c>
      <c r="AU33" s="159">
        <v>0</v>
      </c>
      <c r="AV33" s="160">
        <v>0</v>
      </c>
      <c r="AW33" s="165">
        <v>0</v>
      </c>
      <c r="AX33" s="162">
        <v>0</v>
      </c>
      <c r="AY33" s="160">
        <v>0</v>
      </c>
      <c r="AZ33" s="160">
        <v>1</v>
      </c>
      <c r="BA33" s="160">
        <v>0</v>
      </c>
      <c r="BB33" s="160">
        <v>2</v>
      </c>
      <c r="BC33" s="160">
        <v>1</v>
      </c>
      <c r="BD33" s="163">
        <v>4</v>
      </c>
      <c r="BE33" s="164">
        <v>4</v>
      </c>
      <c r="BF33" s="159">
        <v>0</v>
      </c>
      <c r="BG33" s="160">
        <v>0</v>
      </c>
      <c r="BH33" s="165">
        <v>0</v>
      </c>
      <c r="BI33" s="162">
        <v>0</v>
      </c>
      <c r="BJ33" s="160">
        <v>3</v>
      </c>
      <c r="BK33" s="160">
        <v>0</v>
      </c>
      <c r="BL33" s="160">
        <v>0</v>
      </c>
      <c r="BM33" s="160">
        <v>1</v>
      </c>
      <c r="BN33" s="160">
        <v>0</v>
      </c>
      <c r="BO33" s="165">
        <v>4</v>
      </c>
      <c r="BP33" s="164">
        <v>4</v>
      </c>
      <c r="BQ33" s="159">
        <v>0</v>
      </c>
      <c r="BR33" s="160">
        <v>0</v>
      </c>
      <c r="BS33" s="165">
        <v>0</v>
      </c>
      <c r="BT33" s="162">
        <v>0</v>
      </c>
      <c r="BU33" s="160">
        <v>1</v>
      </c>
      <c r="BV33" s="160">
        <v>1</v>
      </c>
      <c r="BW33" s="160">
        <v>2</v>
      </c>
      <c r="BX33" s="160">
        <v>0</v>
      </c>
      <c r="BY33" s="160">
        <v>0</v>
      </c>
      <c r="BZ33" s="165">
        <v>4</v>
      </c>
      <c r="CA33" s="164">
        <v>4</v>
      </c>
      <c r="CB33" s="159">
        <v>0</v>
      </c>
      <c r="CC33" s="160">
        <v>0</v>
      </c>
      <c r="CD33" s="165">
        <v>0</v>
      </c>
      <c r="CE33" s="162">
        <v>0</v>
      </c>
      <c r="CF33" s="160">
        <v>0</v>
      </c>
      <c r="CG33" s="160">
        <v>0</v>
      </c>
      <c r="CH33" s="160">
        <v>0</v>
      </c>
      <c r="CI33" s="160">
        <v>1</v>
      </c>
      <c r="CJ33" s="160">
        <v>0</v>
      </c>
      <c r="CK33" s="165">
        <v>1</v>
      </c>
      <c r="CL33" s="164">
        <v>1</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1</v>
      </c>
      <c r="DU33" s="160">
        <v>2</v>
      </c>
      <c r="DV33" s="165">
        <v>3</v>
      </c>
      <c r="DW33" s="162">
        <v>0</v>
      </c>
      <c r="DX33" s="160">
        <v>2</v>
      </c>
      <c r="DY33" s="160">
        <v>3</v>
      </c>
      <c r="DZ33" s="160">
        <v>5</v>
      </c>
      <c r="EA33" s="160">
        <v>2</v>
      </c>
      <c r="EB33" s="160">
        <v>0</v>
      </c>
      <c r="EC33" s="165">
        <v>12</v>
      </c>
      <c r="ED33" s="164">
        <v>15</v>
      </c>
      <c r="EE33" s="159">
        <v>0</v>
      </c>
      <c r="EF33" s="160">
        <v>0</v>
      </c>
      <c r="EG33" s="165">
        <v>0</v>
      </c>
      <c r="EH33" s="162">
        <v>0</v>
      </c>
      <c r="EI33" s="160">
        <v>0</v>
      </c>
      <c r="EJ33" s="160">
        <v>0</v>
      </c>
      <c r="EK33" s="160">
        <v>0</v>
      </c>
      <c r="EL33" s="160">
        <v>0</v>
      </c>
      <c r="EM33" s="160">
        <v>0</v>
      </c>
      <c r="EN33" s="165">
        <v>0</v>
      </c>
      <c r="EO33" s="164">
        <v>0</v>
      </c>
      <c r="EP33" s="159">
        <v>1</v>
      </c>
      <c r="EQ33" s="160">
        <v>2</v>
      </c>
      <c r="ER33" s="165">
        <v>3</v>
      </c>
      <c r="ES33" s="162">
        <v>0</v>
      </c>
      <c r="ET33" s="160">
        <v>5</v>
      </c>
      <c r="EU33" s="160">
        <v>3</v>
      </c>
      <c r="EV33" s="160">
        <v>6</v>
      </c>
      <c r="EW33" s="160">
        <v>2</v>
      </c>
      <c r="EX33" s="160">
        <v>0</v>
      </c>
      <c r="EY33" s="165">
        <v>16</v>
      </c>
      <c r="EZ33" s="164">
        <v>19</v>
      </c>
    </row>
    <row r="34" spans="2:156" ht="21" customHeight="1" x14ac:dyDescent="0.2">
      <c r="B34" s="166" t="s">
        <v>32</v>
      </c>
      <c r="C34" s="159">
        <v>0</v>
      </c>
      <c r="D34" s="160">
        <v>0</v>
      </c>
      <c r="E34" s="161">
        <v>0</v>
      </c>
      <c r="F34" s="162">
        <v>0</v>
      </c>
      <c r="G34" s="160">
        <v>2</v>
      </c>
      <c r="H34" s="160">
        <v>2</v>
      </c>
      <c r="I34" s="160">
        <v>0</v>
      </c>
      <c r="J34" s="160">
        <v>1</v>
      </c>
      <c r="K34" s="160">
        <v>1</v>
      </c>
      <c r="L34" s="163">
        <v>6</v>
      </c>
      <c r="M34" s="164">
        <v>6</v>
      </c>
      <c r="N34" s="159">
        <v>0</v>
      </c>
      <c r="O34" s="160">
        <v>0</v>
      </c>
      <c r="P34" s="165">
        <v>0</v>
      </c>
      <c r="Q34" s="162">
        <v>0</v>
      </c>
      <c r="R34" s="160">
        <v>0</v>
      </c>
      <c r="S34" s="160">
        <v>0</v>
      </c>
      <c r="T34" s="160">
        <v>0</v>
      </c>
      <c r="U34" s="160">
        <v>0</v>
      </c>
      <c r="V34" s="160">
        <v>1</v>
      </c>
      <c r="W34" s="165">
        <v>1</v>
      </c>
      <c r="X34" s="164">
        <v>1</v>
      </c>
      <c r="Y34" s="159">
        <v>0</v>
      </c>
      <c r="Z34" s="160">
        <v>0</v>
      </c>
      <c r="AA34" s="165">
        <v>0</v>
      </c>
      <c r="AB34" s="162">
        <v>0</v>
      </c>
      <c r="AC34" s="160">
        <v>3</v>
      </c>
      <c r="AD34" s="160">
        <v>4</v>
      </c>
      <c r="AE34" s="160">
        <v>0</v>
      </c>
      <c r="AF34" s="160">
        <v>0</v>
      </c>
      <c r="AG34" s="160">
        <v>0</v>
      </c>
      <c r="AH34" s="165">
        <v>7</v>
      </c>
      <c r="AI34" s="164">
        <v>7</v>
      </c>
      <c r="AJ34" s="159">
        <v>0</v>
      </c>
      <c r="AK34" s="160">
        <v>0</v>
      </c>
      <c r="AL34" s="165">
        <v>0</v>
      </c>
      <c r="AM34" s="162">
        <v>0</v>
      </c>
      <c r="AN34" s="160">
        <v>0</v>
      </c>
      <c r="AO34" s="160">
        <v>1</v>
      </c>
      <c r="AP34" s="160">
        <v>0</v>
      </c>
      <c r="AQ34" s="160">
        <v>0</v>
      </c>
      <c r="AR34" s="160">
        <v>0</v>
      </c>
      <c r="AS34" s="165">
        <v>1</v>
      </c>
      <c r="AT34" s="164">
        <v>1</v>
      </c>
      <c r="AU34" s="159">
        <v>0</v>
      </c>
      <c r="AV34" s="160">
        <v>0</v>
      </c>
      <c r="AW34" s="165">
        <v>0</v>
      </c>
      <c r="AX34" s="162">
        <v>0</v>
      </c>
      <c r="AY34" s="160">
        <v>0</v>
      </c>
      <c r="AZ34" s="160">
        <v>2</v>
      </c>
      <c r="BA34" s="160">
        <v>2</v>
      </c>
      <c r="BB34" s="160">
        <v>2</v>
      </c>
      <c r="BC34" s="160">
        <v>1</v>
      </c>
      <c r="BD34" s="163">
        <v>7</v>
      </c>
      <c r="BE34" s="164">
        <v>7</v>
      </c>
      <c r="BF34" s="159">
        <v>0</v>
      </c>
      <c r="BG34" s="160">
        <v>0</v>
      </c>
      <c r="BH34" s="165">
        <v>0</v>
      </c>
      <c r="BI34" s="162">
        <v>0</v>
      </c>
      <c r="BJ34" s="160">
        <v>3</v>
      </c>
      <c r="BK34" s="160">
        <v>5</v>
      </c>
      <c r="BL34" s="160">
        <v>1</v>
      </c>
      <c r="BM34" s="160">
        <v>0</v>
      </c>
      <c r="BN34" s="160">
        <v>0</v>
      </c>
      <c r="BO34" s="165">
        <v>9</v>
      </c>
      <c r="BP34" s="164">
        <v>9</v>
      </c>
      <c r="BQ34" s="159">
        <v>0</v>
      </c>
      <c r="BR34" s="160">
        <v>0</v>
      </c>
      <c r="BS34" s="165">
        <v>0</v>
      </c>
      <c r="BT34" s="162">
        <v>0</v>
      </c>
      <c r="BU34" s="160">
        <v>0</v>
      </c>
      <c r="BV34" s="160">
        <v>1</v>
      </c>
      <c r="BW34" s="160">
        <v>0</v>
      </c>
      <c r="BX34" s="160">
        <v>0</v>
      </c>
      <c r="BY34" s="160">
        <v>0</v>
      </c>
      <c r="BZ34" s="165">
        <v>1</v>
      </c>
      <c r="CA34" s="164">
        <v>1</v>
      </c>
      <c r="CB34" s="159">
        <v>0</v>
      </c>
      <c r="CC34" s="160">
        <v>0</v>
      </c>
      <c r="CD34" s="165">
        <v>0</v>
      </c>
      <c r="CE34" s="162">
        <v>0</v>
      </c>
      <c r="CF34" s="160">
        <v>0</v>
      </c>
      <c r="CG34" s="160">
        <v>1</v>
      </c>
      <c r="CH34" s="160">
        <v>0</v>
      </c>
      <c r="CI34" s="160">
        <v>0</v>
      </c>
      <c r="CJ34" s="160">
        <v>0</v>
      </c>
      <c r="CK34" s="165">
        <v>1</v>
      </c>
      <c r="CL34" s="164">
        <v>1</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4</v>
      </c>
      <c r="DV34" s="165">
        <v>5</v>
      </c>
      <c r="DW34" s="162">
        <v>0</v>
      </c>
      <c r="DX34" s="160">
        <v>5</v>
      </c>
      <c r="DY34" s="160">
        <v>9</v>
      </c>
      <c r="DZ34" s="160">
        <v>1</v>
      </c>
      <c r="EA34" s="160">
        <v>1</v>
      </c>
      <c r="EB34" s="160">
        <v>1</v>
      </c>
      <c r="EC34" s="165">
        <v>17</v>
      </c>
      <c r="ED34" s="164">
        <v>22</v>
      </c>
      <c r="EE34" s="159">
        <v>0</v>
      </c>
      <c r="EF34" s="160">
        <v>0</v>
      </c>
      <c r="EG34" s="165">
        <v>0</v>
      </c>
      <c r="EH34" s="162">
        <v>0</v>
      </c>
      <c r="EI34" s="160">
        <v>1</v>
      </c>
      <c r="EJ34" s="160">
        <v>1</v>
      </c>
      <c r="EK34" s="160">
        <v>0</v>
      </c>
      <c r="EL34" s="160">
        <v>2</v>
      </c>
      <c r="EM34" s="160">
        <v>1</v>
      </c>
      <c r="EN34" s="165">
        <v>5</v>
      </c>
      <c r="EO34" s="164">
        <v>5</v>
      </c>
      <c r="EP34" s="159">
        <v>1</v>
      </c>
      <c r="EQ34" s="160">
        <v>4</v>
      </c>
      <c r="ER34" s="165">
        <v>5</v>
      </c>
      <c r="ES34" s="162">
        <v>0</v>
      </c>
      <c r="ET34" s="160">
        <v>9</v>
      </c>
      <c r="EU34" s="160">
        <v>13</v>
      </c>
      <c r="EV34" s="160">
        <v>2</v>
      </c>
      <c r="EW34" s="160">
        <v>1</v>
      </c>
      <c r="EX34" s="160">
        <v>1</v>
      </c>
      <c r="EY34" s="165">
        <v>26</v>
      </c>
      <c r="EZ34" s="164">
        <v>31</v>
      </c>
    </row>
    <row r="35" spans="2:156" ht="21" customHeight="1" x14ac:dyDescent="0.2">
      <c r="B35" s="166" t="s">
        <v>33</v>
      </c>
      <c r="C35" s="159">
        <v>0</v>
      </c>
      <c r="D35" s="160">
        <v>0</v>
      </c>
      <c r="E35" s="161">
        <v>0</v>
      </c>
      <c r="F35" s="162">
        <v>0</v>
      </c>
      <c r="G35" s="160">
        <v>2</v>
      </c>
      <c r="H35" s="160">
        <v>0</v>
      </c>
      <c r="I35" s="160">
        <v>1</v>
      </c>
      <c r="J35" s="160">
        <v>0</v>
      </c>
      <c r="K35" s="160">
        <v>1</v>
      </c>
      <c r="L35" s="163">
        <v>4</v>
      </c>
      <c r="M35" s="164">
        <v>4</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3</v>
      </c>
      <c r="AD35" s="160">
        <v>1</v>
      </c>
      <c r="AE35" s="160">
        <v>1</v>
      </c>
      <c r="AF35" s="160">
        <v>0</v>
      </c>
      <c r="AG35" s="160">
        <v>0</v>
      </c>
      <c r="AH35" s="165">
        <v>5</v>
      </c>
      <c r="AI35" s="164">
        <v>5</v>
      </c>
      <c r="AJ35" s="159">
        <v>2</v>
      </c>
      <c r="AK35" s="160">
        <v>1</v>
      </c>
      <c r="AL35" s="165">
        <v>3</v>
      </c>
      <c r="AM35" s="162">
        <v>0</v>
      </c>
      <c r="AN35" s="160">
        <v>1</v>
      </c>
      <c r="AO35" s="160">
        <v>1</v>
      </c>
      <c r="AP35" s="160">
        <v>2</v>
      </c>
      <c r="AQ35" s="160">
        <v>0</v>
      </c>
      <c r="AR35" s="160">
        <v>0</v>
      </c>
      <c r="AS35" s="165">
        <v>4</v>
      </c>
      <c r="AT35" s="164">
        <v>7</v>
      </c>
      <c r="AU35" s="159">
        <v>0</v>
      </c>
      <c r="AV35" s="160">
        <v>0</v>
      </c>
      <c r="AW35" s="165">
        <v>0</v>
      </c>
      <c r="AX35" s="162">
        <v>0</v>
      </c>
      <c r="AY35" s="160">
        <v>2</v>
      </c>
      <c r="AZ35" s="160">
        <v>1</v>
      </c>
      <c r="BA35" s="160">
        <v>2</v>
      </c>
      <c r="BB35" s="160">
        <v>0</v>
      </c>
      <c r="BC35" s="160">
        <v>0</v>
      </c>
      <c r="BD35" s="163">
        <v>5</v>
      </c>
      <c r="BE35" s="164">
        <v>5</v>
      </c>
      <c r="BF35" s="159">
        <v>0</v>
      </c>
      <c r="BG35" s="160">
        <v>0</v>
      </c>
      <c r="BH35" s="165">
        <v>0</v>
      </c>
      <c r="BI35" s="162">
        <v>0</v>
      </c>
      <c r="BJ35" s="160">
        <v>0</v>
      </c>
      <c r="BK35" s="160">
        <v>0</v>
      </c>
      <c r="BL35" s="160">
        <v>0</v>
      </c>
      <c r="BM35" s="160">
        <v>0</v>
      </c>
      <c r="BN35" s="160">
        <v>0</v>
      </c>
      <c r="BO35" s="165">
        <v>0</v>
      </c>
      <c r="BP35" s="164">
        <v>0</v>
      </c>
      <c r="BQ35" s="159">
        <v>0</v>
      </c>
      <c r="BR35" s="160">
        <v>1</v>
      </c>
      <c r="BS35" s="165">
        <v>1</v>
      </c>
      <c r="BT35" s="162">
        <v>0</v>
      </c>
      <c r="BU35" s="160">
        <v>0</v>
      </c>
      <c r="BV35" s="160">
        <v>0</v>
      </c>
      <c r="BW35" s="160">
        <v>0</v>
      </c>
      <c r="BX35" s="160">
        <v>0</v>
      </c>
      <c r="BY35" s="160">
        <v>0</v>
      </c>
      <c r="BZ35" s="165">
        <v>0</v>
      </c>
      <c r="CA35" s="164">
        <v>1</v>
      </c>
      <c r="CB35" s="159">
        <v>0</v>
      </c>
      <c r="CC35" s="160">
        <v>0</v>
      </c>
      <c r="CD35" s="165">
        <v>0</v>
      </c>
      <c r="CE35" s="162">
        <v>0</v>
      </c>
      <c r="CF35" s="160">
        <v>1</v>
      </c>
      <c r="CG35" s="160">
        <v>0</v>
      </c>
      <c r="CH35" s="160">
        <v>0</v>
      </c>
      <c r="CI35" s="160">
        <v>0</v>
      </c>
      <c r="CJ35" s="160">
        <v>1</v>
      </c>
      <c r="CK35" s="165">
        <v>2</v>
      </c>
      <c r="CL35" s="164">
        <v>2</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3</v>
      </c>
      <c r="DY35" s="160">
        <v>1</v>
      </c>
      <c r="DZ35" s="160">
        <v>0</v>
      </c>
      <c r="EA35" s="160">
        <v>0</v>
      </c>
      <c r="EB35" s="160">
        <v>1</v>
      </c>
      <c r="EC35" s="165">
        <v>5</v>
      </c>
      <c r="ED35" s="164">
        <v>7</v>
      </c>
      <c r="EE35" s="159">
        <v>0</v>
      </c>
      <c r="EF35" s="160">
        <v>0</v>
      </c>
      <c r="EG35" s="165">
        <v>0</v>
      </c>
      <c r="EH35" s="162">
        <v>0</v>
      </c>
      <c r="EI35" s="160">
        <v>0</v>
      </c>
      <c r="EJ35" s="160">
        <v>1</v>
      </c>
      <c r="EK35" s="160">
        <v>1</v>
      </c>
      <c r="EL35" s="160">
        <v>0</v>
      </c>
      <c r="EM35" s="160">
        <v>0</v>
      </c>
      <c r="EN35" s="165">
        <v>2</v>
      </c>
      <c r="EO35" s="164">
        <v>2</v>
      </c>
      <c r="EP35" s="159">
        <v>2</v>
      </c>
      <c r="EQ35" s="160">
        <v>2</v>
      </c>
      <c r="ER35" s="165">
        <v>4</v>
      </c>
      <c r="ES35" s="162">
        <v>0</v>
      </c>
      <c r="ET35" s="160">
        <v>4</v>
      </c>
      <c r="EU35" s="160">
        <v>2</v>
      </c>
      <c r="EV35" s="160">
        <v>2</v>
      </c>
      <c r="EW35" s="160">
        <v>0</v>
      </c>
      <c r="EX35" s="160">
        <v>1</v>
      </c>
      <c r="EY35" s="165">
        <v>9</v>
      </c>
      <c r="EZ35" s="164">
        <v>13</v>
      </c>
    </row>
    <row r="36" spans="2:156" ht="21" customHeight="1" x14ac:dyDescent="0.2">
      <c r="B36" s="166" t="s">
        <v>34</v>
      </c>
      <c r="C36" s="159">
        <v>0</v>
      </c>
      <c r="D36" s="160">
        <v>0</v>
      </c>
      <c r="E36" s="161">
        <v>0</v>
      </c>
      <c r="F36" s="162">
        <v>0</v>
      </c>
      <c r="G36" s="160">
        <v>1</v>
      </c>
      <c r="H36" s="160">
        <v>0</v>
      </c>
      <c r="I36" s="160">
        <v>0</v>
      </c>
      <c r="J36" s="160">
        <v>0</v>
      </c>
      <c r="K36" s="160">
        <v>0</v>
      </c>
      <c r="L36" s="163">
        <v>1</v>
      </c>
      <c r="M36" s="164">
        <v>1</v>
      </c>
      <c r="N36" s="159">
        <v>0</v>
      </c>
      <c r="O36" s="160">
        <v>0</v>
      </c>
      <c r="P36" s="165">
        <v>0</v>
      </c>
      <c r="Q36" s="162">
        <v>0</v>
      </c>
      <c r="R36" s="160">
        <v>0</v>
      </c>
      <c r="S36" s="160">
        <v>0</v>
      </c>
      <c r="T36" s="160">
        <v>0</v>
      </c>
      <c r="U36" s="160">
        <v>0</v>
      </c>
      <c r="V36" s="160">
        <v>1</v>
      </c>
      <c r="W36" s="165">
        <v>1</v>
      </c>
      <c r="X36" s="164">
        <v>1</v>
      </c>
      <c r="Y36" s="159">
        <v>0</v>
      </c>
      <c r="Z36" s="160">
        <v>0</v>
      </c>
      <c r="AA36" s="165">
        <v>0</v>
      </c>
      <c r="AB36" s="162">
        <v>0</v>
      </c>
      <c r="AC36" s="160">
        <v>1</v>
      </c>
      <c r="AD36" s="160">
        <v>2</v>
      </c>
      <c r="AE36" s="160">
        <v>0</v>
      </c>
      <c r="AF36" s="160">
        <v>1</v>
      </c>
      <c r="AG36" s="160">
        <v>1</v>
      </c>
      <c r="AH36" s="165">
        <v>5</v>
      </c>
      <c r="AI36" s="164">
        <v>5</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0</v>
      </c>
      <c r="BC36" s="160">
        <v>2</v>
      </c>
      <c r="BD36" s="163">
        <v>5</v>
      </c>
      <c r="BE36" s="164">
        <v>5</v>
      </c>
      <c r="BF36" s="159">
        <v>0</v>
      </c>
      <c r="BG36" s="160">
        <v>0</v>
      </c>
      <c r="BH36" s="165">
        <v>0</v>
      </c>
      <c r="BI36" s="162">
        <v>0</v>
      </c>
      <c r="BJ36" s="160">
        <v>1</v>
      </c>
      <c r="BK36" s="160">
        <v>1</v>
      </c>
      <c r="BL36" s="160">
        <v>1</v>
      </c>
      <c r="BM36" s="160">
        <v>0</v>
      </c>
      <c r="BN36" s="160">
        <v>0</v>
      </c>
      <c r="BO36" s="165">
        <v>3</v>
      </c>
      <c r="BP36" s="164">
        <v>3</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3</v>
      </c>
      <c r="DY36" s="160">
        <v>6</v>
      </c>
      <c r="DZ36" s="160">
        <v>2</v>
      </c>
      <c r="EA36" s="160">
        <v>1</v>
      </c>
      <c r="EB36" s="160">
        <v>1</v>
      </c>
      <c r="EC36" s="165">
        <v>13</v>
      </c>
      <c r="ED36" s="164">
        <v>13</v>
      </c>
      <c r="EE36" s="159">
        <v>0</v>
      </c>
      <c r="EF36" s="160">
        <v>0</v>
      </c>
      <c r="EG36" s="165">
        <v>0</v>
      </c>
      <c r="EH36" s="162">
        <v>0</v>
      </c>
      <c r="EI36" s="160">
        <v>0</v>
      </c>
      <c r="EJ36" s="160">
        <v>1</v>
      </c>
      <c r="EK36" s="160">
        <v>0</v>
      </c>
      <c r="EL36" s="160">
        <v>0</v>
      </c>
      <c r="EM36" s="160">
        <v>1</v>
      </c>
      <c r="EN36" s="165">
        <v>2</v>
      </c>
      <c r="EO36" s="164">
        <v>2</v>
      </c>
      <c r="EP36" s="159">
        <v>0</v>
      </c>
      <c r="EQ36" s="160">
        <v>0</v>
      </c>
      <c r="ER36" s="165">
        <v>0</v>
      </c>
      <c r="ES36" s="162">
        <v>0</v>
      </c>
      <c r="ET36" s="160">
        <v>4</v>
      </c>
      <c r="EU36" s="160">
        <v>6</v>
      </c>
      <c r="EV36" s="160">
        <v>1</v>
      </c>
      <c r="EW36" s="160">
        <v>1</v>
      </c>
      <c r="EX36" s="160">
        <v>1</v>
      </c>
      <c r="EY36" s="165">
        <v>13</v>
      </c>
      <c r="EZ36" s="164">
        <v>13</v>
      </c>
    </row>
    <row r="37" spans="2:156" ht="21" customHeight="1" x14ac:dyDescent="0.2">
      <c r="B37" s="166" t="s">
        <v>35</v>
      </c>
      <c r="C37" s="159">
        <v>0</v>
      </c>
      <c r="D37" s="160">
        <v>0</v>
      </c>
      <c r="E37" s="161">
        <v>0</v>
      </c>
      <c r="F37" s="162">
        <v>0</v>
      </c>
      <c r="G37" s="160">
        <v>2</v>
      </c>
      <c r="H37" s="160">
        <v>1</v>
      </c>
      <c r="I37" s="160">
        <v>3</v>
      </c>
      <c r="J37" s="160">
        <v>1</v>
      </c>
      <c r="K37" s="160">
        <v>0</v>
      </c>
      <c r="L37" s="163">
        <v>7</v>
      </c>
      <c r="M37" s="164">
        <v>7</v>
      </c>
      <c r="N37" s="159">
        <v>0</v>
      </c>
      <c r="O37" s="160">
        <v>0</v>
      </c>
      <c r="P37" s="165">
        <v>0</v>
      </c>
      <c r="Q37" s="162">
        <v>0</v>
      </c>
      <c r="R37" s="160">
        <v>0</v>
      </c>
      <c r="S37" s="160">
        <v>0</v>
      </c>
      <c r="T37" s="160">
        <v>0</v>
      </c>
      <c r="U37" s="160">
        <v>0</v>
      </c>
      <c r="V37" s="160">
        <v>0</v>
      </c>
      <c r="W37" s="165">
        <v>0</v>
      </c>
      <c r="X37" s="164">
        <v>0</v>
      </c>
      <c r="Y37" s="159">
        <v>0</v>
      </c>
      <c r="Z37" s="160">
        <v>0</v>
      </c>
      <c r="AA37" s="165">
        <v>0</v>
      </c>
      <c r="AB37" s="162">
        <v>0</v>
      </c>
      <c r="AC37" s="160">
        <v>1</v>
      </c>
      <c r="AD37" s="160">
        <v>0</v>
      </c>
      <c r="AE37" s="160">
        <v>3</v>
      </c>
      <c r="AF37" s="160">
        <v>1</v>
      </c>
      <c r="AG37" s="160">
        <v>0</v>
      </c>
      <c r="AH37" s="165">
        <v>5</v>
      </c>
      <c r="AI37" s="164">
        <v>5</v>
      </c>
      <c r="AJ37" s="159">
        <v>1</v>
      </c>
      <c r="AK37" s="160">
        <v>1</v>
      </c>
      <c r="AL37" s="165">
        <v>2</v>
      </c>
      <c r="AM37" s="162">
        <v>0</v>
      </c>
      <c r="AN37" s="160">
        <v>2</v>
      </c>
      <c r="AO37" s="160">
        <v>0</v>
      </c>
      <c r="AP37" s="160">
        <v>1</v>
      </c>
      <c r="AQ37" s="160">
        <v>0</v>
      </c>
      <c r="AR37" s="160">
        <v>0</v>
      </c>
      <c r="AS37" s="165">
        <v>3</v>
      </c>
      <c r="AT37" s="164">
        <v>5</v>
      </c>
      <c r="AU37" s="159">
        <v>1</v>
      </c>
      <c r="AV37" s="160">
        <v>0</v>
      </c>
      <c r="AW37" s="165">
        <v>1</v>
      </c>
      <c r="AX37" s="162">
        <v>0</v>
      </c>
      <c r="AY37" s="160">
        <v>9</v>
      </c>
      <c r="AZ37" s="160">
        <v>4</v>
      </c>
      <c r="BA37" s="160">
        <v>3</v>
      </c>
      <c r="BB37" s="160">
        <v>5</v>
      </c>
      <c r="BC37" s="160">
        <v>1</v>
      </c>
      <c r="BD37" s="163">
        <v>22</v>
      </c>
      <c r="BE37" s="164">
        <v>23</v>
      </c>
      <c r="BF37" s="159">
        <v>0</v>
      </c>
      <c r="BG37" s="160">
        <v>0</v>
      </c>
      <c r="BH37" s="165">
        <v>0</v>
      </c>
      <c r="BI37" s="162">
        <v>0</v>
      </c>
      <c r="BJ37" s="160">
        <v>2</v>
      </c>
      <c r="BK37" s="160">
        <v>2</v>
      </c>
      <c r="BL37" s="160">
        <v>3</v>
      </c>
      <c r="BM37" s="160">
        <v>0</v>
      </c>
      <c r="BN37" s="160">
        <v>0</v>
      </c>
      <c r="BO37" s="165">
        <v>7</v>
      </c>
      <c r="BP37" s="164">
        <v>7</v>
      </c>
      <c r="BQ37" s="159">
        <v>1</v>
      </c>
      <c r="BR37" s="160">
        <v>0</v>
      </c>
      <c r="BS37" s="165">
        <v>1</v>
      </c>
      <c r="BT37" s="162">
        <v>0</v>
      </c>
      <c r="BU37" s="160">
        <v>3</v>
      </c>
      <c r="BV37" s="160">
        <v>0</v>
      </c>
      <c r="BW37" s="160">
        <v>2</v>
      </c>
      <c r="BX37" s="160">
        <v>1</v>
      </c>
      <c r="BY37" s="160">
        <v>0</v>
      </c>
      <c r="BZ37" s="165">
        <v>6</v>
      </c>
      <c r="CA37" s="164">
        <v>7</v>
      </c>
      <c r="CB37" s="159">
        <v>0</v>
      </c>
      <c r="CC37" s="160">
        <v>0</v>
      </c>
      <c r="CD37" s="165">
        <v>0</v>
      </c>
      <c r="CE37" s="162">
        <v>0</v>
      </c>
      <c r="CF37" s="160">
        <v>0</v>
      </c>
      <c r="CG37" s="160">
        <v>0</v>
      </c>
      <c r="CH37" s="160">
        <v>1</v>
      </c>
      <c r="CI37" s="160">
        <v>1</v>
      </c>
      <c r="CJ37" s="160">
        <v>0</v>
      </c>
      <c r="CK37" s="165">
        <v>2</v>
      </c>
      <c r="CL37" s="164">
        <v>2</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1</v>
      </c>
      <c r="DU37" s="160">
        <v>1</v>
      </c>
      <c r="DV37" s="165">
        <v>2</v>
      </c>
      <c r="DW37" s="162">
        <v>0</v>
      </c>
      <c r="DX37" s="160">
        <v>5</v>
      </c>
      <c r="DY37" s="160">
        <v>2</v>
      </c>
      <c r="DZ37" s="160">
        <v>7</v>
      </c>
      <c r="EA37" s="160">
        <v>2</v>
      </c>
      <c r="EB37" s="160">
        <v>0</v>
      </c>
      <c r="EC37" s="165">
        <v>16</v>
      </c>
      <c r="ED37" s="164">
        <v>18</v>
      </c>
      <c r="EE37" s="159">
        <v>1</v>
      </c>
      <c r="EF37" s="160">
        <v>0</v>
      </c>
      <c r="EG37" s="165">
        <v>1</v>
      </c>
      <c r="EH37" s="162">
        <v>0</v>
      </c>
      <c r="EI37" s="160">
        <v>6</v>
      </c>
      <c r="EJ37" s="160">
        <v>2</v>
      </c>
      <c r="EK37" s="160">
        <v>0</v>
      </c>
      <c r="EL37" s="160">
        <v>5</v>
      </c>
      <c r="EM37" s="160">
        <v>2</v>
      </c>
      <c r="EN37" s="165">
        <v>15</v>
      </c>
      <c r="EO37" s="164">
        <v>16</v>
      </c>
      <c r="EP37" s="159">
        <v>3</v>
      </c>
      <c r="EQ37" s="160">
        <v>2</v>
      </c>
      <c r="ER37" s="165">
        <v>5</v>
      </c>
      <c r="ES37" s="162">
        <v>0</v>
      </c>
      <c r="ET37" s="160">
        <v>9</v>
      </c>
      <c r="EU37" s="160">
        <v>3</v>
      </c>
      <c r="EV37" s="160">
        <v>7</v>
      </c>
      <c r="EW37" s="160">
        <v>2</v>
      </c>
      <c r="EX37" s="160">
        <v>0</v>
      </c>
      <c r="EY37" s="165">
        <v>21</v>
      </c>
      <c r="EZ37" s="164">
        <v>26</v>
      </c>
    </row>
    <row r="38" spans="2:156" ht="21" customHeight="1" x14ac:dyDescent="0.2">
      <c r="B38" s="166" t="s">
        <v>36</v>
      </c>
      <c r="C38" s="159">
        <v>0</v>
      </c>
      <c r="D38" s="160">
        <v>0</v>
      </c>
      <c r="E38" s="161">
        <v>0</v>
      </c>
      <c r="F38" s="162">
        <v>0</v>
      </c>
      <c r="G38" s="160">
        <v>1</v>
      </c>
      <c r="H38" s="160">
        <v>0</v>
      </c>
      <c r="I38" s="160">
        <v>1</v>
      </c>
      <c r="J38" s="160">
        <v>0</v>
      </c>
      <c r="K38" s="160">
        <v>1</v>
      </c>
      <c r="L38" s="163">
        <v>3</v>
      </c>
      <c r="M38" s="164">
        <v>3</v>
      </c>
      <c r="N38" s="159">
        <v>0</v>
      </c>
      <c r="O38" s="160">
        <v>0</v>
      </c>
      <c r="P38" s="165">
        <v>0</v>
      </c>
      <c r="Q38" s="162">
        <v>0</v>
      </c>
      <c r="R38" s="160">
        <v>0</v>
      </c>
      <c r="S38" s="160">
        <v>0</v>
      </c>
      <c r="T38" s="160">
        <v>1</v>
      </c>
      <c r="U38" s="160">
        <v>1</v>
      </c>
      <c r="V38" s="160">
        <v>1</v>
      </c>
      <c r="W38" s="165">
        <v>3</v>
      </c>
      <c r="X38" s="164">
        <v>3</v>
      </c>
      <c r="Y38" s="159">
        <v>0</v>
      </c>
      <c r="Z38" s="160">
        <v>0</v>
      </c>
      <c r="AA38" s="165">
        <v>0</v>
      </c>
      <c r="AB38" s="162">
        <v>0</v>
      </c>
      <c r="AC38" s="160">
        <v>0</v>
      </c>
      <c r="AD38" s="160">
        <v>0</v>
      </c>
      <c r="AE38" s="160">
        <v>3</v>
      </c>
      <c r="AF38" s="160">
        <v>1</v>
      </c>
      <c r="AG38" s="160">
        <v>0</v>
      </c>
      <c r="AH38" s="165">
        <v>4</v>
      </c>
      <c r="AI38" s="164">
        <v>4</v>
      </c>
      <c r="AJ38" s="159">
        <v>0</v>
      </c>
      <c r="AK38" s="160">
        <v>1</v>
      </c>
      <c r="AL38" s="165">
        <v>1</v>
      </c>
      <c r="AM38" s="162">
        <v>0</v>
      </c>
      <c r="AN38" s="160">
        <v>1</v>
      </c>
      <c r="AO38" s="160">
        <v>1</v>
      </c>
      <c r="AP38" s="160">
        <v>1</v>
      </c>
      <c r="AQ38" s="160">
        <v>1</v>
      </c>
      <c r="AR38" s="160">
        <v>0</v>
      </c>
      <c r="AS38" s="165">
        <v>4</v>
      </c>
      <c r="AT38" s="164">
        <v>5</v>
      </c>
      <c r="AU38" s="159">
        <v>0</v>
      </c>
      <c r="AV38" s="160">
        <v>0</v>
      </c>
      <c r="AW38" s="165">
        <v>0</v>
      </c>
      <c r="AX38" s="162">
        <v>0</v>
      </c>
      <c r="AY38" s="160">
        <v>3</v>
      </c>
      <c r="AZ38" s="160">
        <v>2</v>
      </c>
      <c r="BA38" s="160">
        <v>3</v>
      </c>
      <c r="BB38" s="160">
        <v>2</v>
      </c>
      <c r="BC38" s="160">
        <v>1</v>
      </c>
      <c r="BD38" s="163">
        <v>11</v>
      </c>
      <c r="BE38" s="164">
        <v>11</v>
      </c>
      <c r="BF38" s="159">
        <v>0</v>
      </c>
      <c r="BG38" s="160">
        <v>0</v>
      </c>
      <c r="BH38" s="165">
        <v>0</v>
      </c>
      <c r="BI38" s="162">
        <v>0</v>
      </c>
      <c r="BJ38" s="160">
        <v>1</v>
      </c>
      <c r="BK38" s="160">
        <v>3</v>
      </c>
      <c r="BL38" s="160">
        <v>0</v>
      </c>
      <c r="BM38" s="160">
        <v>0</v>
      </c>
      <c r="BN38" s="160">
        <v>0</v>
      </c>
      <c r="BO38" s="165">
        <v>4</v>
      </c>
      <c r="BP38" s="164">
        <v>4</v>
      </c>
      <c r="BQ38" s="159">
        <v>0</v>
      </c>
      <c r="BR38" s="160">
        <v>1</v>
      </c>
      <c r="BS38" s="165">
        <v>1</v>
      </c>
      <c r="BT38" s="162">
        <v>0</v>
      </c>
      <c r="BU38" s="160">
        <v>1</v>
      </c>
      <c r="BV38" s="160">
        <v>0</v>
      </c>
      <c r="BW38" s="160">
        <v>1</v>
      </c>
      <c r="BX38" s="160">
        <v>1</v>
      </c>
      <c r="BY38" s="160">
        <v>0</v>
      </c>
      <c r="BZ38" s="165">
        <v>3</v>
      </c>
      <c r="CA38" s="164">
        <v>4</v>
      </c>
      <c r="CB38" s="159">
        <v>0</v>
      </c>
      <c r="CC38" s="160">
        <v>0</v>
      </c>
      <c r="CD38" s="165">
        <v>0</v>
      </c>
      <c r="CE38" s="162">
        <v>0</v>
      </c>
      <c r="CF38" s="160">
        <v>0</v>
      </c>
      <c r="CG38" s="160">
        <v>1</v>
      </c>
      <c r="CH38" s="160">
        <v>0</v>
      </c>
      <c r="CI38" s="160">
        <v>1</v>
      </c>
      <c r="CJ38" s="160">
        <v>0</v>
      </c>
      <c r="CK38" s="165">
        <v>2</v>
      </c>
      <c r="CL38" s="164">
        <v>2</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1</v>
      </c>
      <c r="DV38" s="165">
        <v>3</v>
      </c>
      <c r="DW38" s="162">
        <v>0</v>
      </c>
      <c r="DX38" s="160">
        <v>4</v>
      </c>
      <c r="DY38" s="160">
        <v>5</v>
      </c>
      <c r="DZ38" s="160">
        <v>3</v>
      </c>
      <c r="EA38" s="160">
        <v>4</v>
      </c>
      <c r="EB38" s="160">
        <v>1</v>
      </c>
      <c r="EC38" s="165">
        <v>17</v>
      </c>
      <c r="ED38" s="164">
        <v>20</v>
      </c>
      <c r="EE38" s="159">
        <v>0</v>
      </c>
      <c r="EF38" s="160">
        <v>0</v>
      </c>
      <c r="EG38" s="165">
        <v>0</v>
      </c>
      <c r="EH38" s="162">
        <v>0</v>
      </c>
      <c r="EI38" s="160">
        <v>3</v>
      </c>
      <c r="EJ38" s="160">
        <v>1</v>
      </c>
      <c r="EK38" s="160">
        <v>1</v>
      </c>
      <c r="EL38" s="160">
        <v>0</v>
      </c>
      <c r="EM38" s="160">
        <v>0</v>
      </c>
      <c r="EN38" s="165">
        <v>5</v>
      </c>
      <c r="EO38" s="164">
        <v>5</v>
      </c>
      <c r="EP38" s="159">
        <v>2</v>
      </c>
      <c r="EQ38" s="160">
        <v>2</v>
      </c>
      <c r="ER38" s="165">
        <v>4</v>
      </c>
      <c r="ES38" s="162">
        <v>0</v>
      </c>
      <c r="ET38" s="160">
        <v>7</v>
      </c>
      <c r="EU38" s="160">
        <v>6</v>
      </c>
      <c r="EV38" s="160">
        <v>3</v>
      </c>
      <c r="EW38" s="160">
        <v>4</v>
      </c>
      <c r="EX38" s="160">
        <v>2</v>
      </c>
      <c r="EY38" s="165">
        <v>22</v>
      </c>
      <c r="EZ38" s="164">
        <v>26</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1</v>
      </c>
      <c r="BL39" s="169">
        <v>0</v>
      </c>
      <c r="BM39" s="169">
        <v>0</v>
      </c>
      <c r="BN39" s="169">
        <v>0</v>
      </c>
      <c r="BO39" s="174">
        <v>1</v>
      </c>
      <c r="BP39" s="173">
        <v>1</v>
      </c>
      <c r="BQ39" s="168">
        <v>0</v>
      </c>
      <c r="BR39" s="169">
        <v>0</v>
      </c>
      <c r="BS39" s="174">
        <v>0</v>
      </c>
      <c r="BT39" s="171">
        <v>0</v>
      </c>
      <c r="BU39" s="169">
        <v>1</v>
      </c>
      <c r="BV39" s="169">
        <v>0</v>
      </c>
      <c r="BW39" s="169">
        <v>1</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1</v>
      </c>
      <c r="DZ39" s="169">
        <v>1</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1</v>
      </c>
      <c r="EV39" s="169">
        <v>1</v>
      </c>
      <c r="EW39" s="169">
        <v>0</v>
      </c>
      <c r="EX39" s="169">
        <v>0</v>
      </c>
      <c r="EY39" s="174">
        <v>3</v>
      </c>
      <c r="EZ39" s="173">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1">
        <f>第１表!F2</f>
        <v>6</v>
      </c>
      <c r="J1" s="441"/>
      <c r="K1" s="18">
        <f>第１表!G2</f>
        <v>7</v>
      </c>
      <c r="L1" s="445">
        <f>IF(K1&lt;3,K1+12-2,K1-2)</f>
        <v>5</v>
      </c>
      <c r="M1" s="445"/>
    </row>
    <row r="2" spans="2:156" ht="24" customHeight="1" thickBot="1" x14ac:dyDescent="0.25">
      <c r="B2" s="142" t="s">
        <v>151</v>
      </c>
      <c r="G2" s="17"/>
      <c r="H2" s="18"/>
      <c r="J2" s="176"/>
      <c r="K2" s="176"/>
    </row>
    <row r="3" spans="2:156" ht="21" customHeight="1" thickBot="1" x14ac:dyDescent="0.25">
      <c r="B3" s="466"/>
      <c r="C3" s="463" t="s">
        <v>70</v>
      </c>
      <c r="D3" s="464"/>
      <c r="E3" s="464"/>
      <c r="F3" s="464"/>
      <c r="G3" s="464"/>
      <c r="H3" s="464"/>
      <c r="I3" s="464"/>
      <c r="J3" s="464"/>
      <c r="K3" s="464"/>
      <c r="L3" s="464"/>
      <c r="M3" s="465"/>
      <c r="N3" s="463" t="s">
        <v>71</v>
      </c>
      <c r="O3" s="464"/>
      <c r="P3" s="464"/>
      <c r="Q3" s="464"/>
      <c r="R3" s="464"/>
      <c r="S3" s="464"/>
      <c r="T3" s="464"/>
      <c r="U3" s="464"/>
      <c r="V3" s="464"/>
      <c r="W3" s="464"/>
      <c r="X3" s="465"/>
      <c r="Y3" s="463" t="s">
        <v>72</v>
      </c>
      <c r="Z3" s="464"/>
      <c r="AA3" s="464"/>
      <c r="AB3" s="464"/>
      <c r="AC3" s="464"/>
      <c r="AD3" s="464"/>
      <c r="AE3" s="464"/>
      <c r="AF3" s="464"/>
      <c r="AG3" s="464"/>
      <c r="AH3" s="464"/>
      <c r="AI3" s="465"/>
      <c r="AJ3" s="463" t="s">
        <v>73</v>
      </c>
      <c r="AK3" s="464"/>
      <c r="AL3" s="464"/>
      <c r="AM3" s="464"/>
      <c r="AN3" s="464"/>
      <c r="AO3" s="464"/>
      <c r="AP3" s="464"/>
      <c r="AQ3" s="464"/>
      <c r="AR3" s="464"/>
      <c r="AS3" s="464"/>
      <c r="AT3" s="465"/>
      <c r="AU3" s="463" t="s">
        <v>74</v>
      </c>
      <c r="AV3" s="464"/>
      <c r="AW3" s="464"/>
      <c r="AX3" s="464"/>
      <c r="AY3" s="464"/>
      <c r="AZ3" s="464"/>
      <c r="BA3" s="464"/>
      <c r="BB3" s="464"/>
      <c r="BC3" s="464"/>
      <c r="BD3" s="464"/>
      <c r="BE3" s="465"/>
      <c r="BF3" s="463" t="s">
        <v>75</v>
      </c>
      <c r="BG3" s="464"/>
      <c r="BH3" s="464"/>
      <c r="BI3" s="464"/>
      <c r="BJ3" s="464"/>
      <c r="BK3" s="464"/>
      <c r="BL3" s="464"/>
      <c r="BM3" s="464"/>
      <c r="BN3" s="464"/>
      <c r="BO3" s="464"/>
      <c r="BP3" s="465"/>
      <c r="BQ3" s="463" t="s">
        <v>76</v>
      </c>
      <c r="BR3" s="464"/>
      <c r="BS3" s="464"/>
      <c r="BT3" s="464"/>
      <c r="BU3" s="464"/>
      <c r="BV3" s="464"/>
      <c r="BW3" s="464"/>
      <c r="BX3" s="464"/>
      <c r="BY3" s="464"/>
      <c r="BZ3" s="464"/>
      <c r="CA3" s="465"/>
      <c r="CB3" s="463" t="s">
        <v>77</v>
      </c>
      <c r="CC3" s="464"/>
      <c r="CD3" s="464"/>
      <c r="CE3" s="464"/>
      <c r="CF3" s="464"/>
      <c r="CG3" s="464"/>
      <c r="CH3" s="464"/>
      <c r="CI3" s="464"/>
      <c r="CJ3" s="464"/>
      <c r="CK3" s="464"/>
      <c r="CL3" s="465"/>
      <c r="CM3" s="463" t="s">
        <v>78</v>
      </c>
      <c r="CN3" s="464"/>
      <c r="CO3" s="464"/>
      <c r="CP3" s="464"/>
      <c r="CQ3" s="464"/>
      <c r="CR3" s="464"/>
      <c r="CS3" s="464"/>
      <c r="CT3" s="464"/>
      <c r="CU3" s="464"/>
      <c r="CV3" s="464"/>
      <c r="CW3" s="465"/>
      <c r="CX3" s="463" t="s">
        <v>79</v>
      </c>
      <c r="CY3" s="464"/>
      <c r="CZ3" s="464"/>
      <c r="DA3" s="464"/>
      <c r="DB3" s="464"/>
      <c r="DC3" s="464"/>
      <c r="DD3" s="464"/>
      <c r="DE3" s="464"/>
      <c r="DF3" s="464"/>
      <c r="DG3" s="464"/>
      <c r="DH3" s="465"/>
      <c r="DI3" s="463" t="s">
        <v>149</v>
      </c>
      <c r="DJ3" s="464"/>
      <c r="DK3" s="464"/>
      <c r="DL3" s="464"/>
      <c r="DM3" s="464"/>
      <c r="DN3" s="464"/>
      <c r="DO3" s="464"/>
      <c r="DP3" s="464"/>
      <c r="DQ3" s="464"/>
      <c r="DR3" s="464"/>
      <c r="DS3" s="465"/>
      <c r="DT3" s="463" t="s">
        <v>80</v>
      </c>
      <c r="DU3" s="464"/>
      <c r="DV3" s="464"/>
      <c r="DW3" s="464"/>
      <c r="DX3" s="464"/>
      <c r="DY3" s="464"/>
      <c r="DZ3" s="464"/>
      <c r="EA3" s="464"/>
      <c r="EB3" s="464"/>
      <c r="EC3" s="464"/>
      <c r="ED3" s="465"/>
      <c r="EE3" s="463" t="s">
        <v>68</v>
      </c>
      <c r="EF3" s="464"/>
      <c r="EG3" s="464"/>
      <c r="EH3" s="464"/>
      <c r="EI3" s="464"/>
      <c r="EJ3" s="464"/>
      <c r="EK3" s="464"/>
      <c r="EL3" s="464"/>
      <c r="EM3" s="464"/>
      <c r="EN3" s="464"/>
      <c r="EO3" s="465"/>
      <c r="EP3" s="476" t="s">
        <v>69</v>
      </c>
      <c r="EQ3" s="477"/>
      <c r="ER3" s="477"/>
      <c r="ES3" s="477"/>
      <c r="ET3" s="477"/>
      <c r="EU3" s="477"/>
      <c r="EV3" s="477"/>
      <c r="EW3" s="477"/>
      <c r="EX3" s="477"/>
      <c r="EY3" s="477"/>
      <c r="EZ3" s="478"/>
    </row>
    <row r="4" spans="2:156"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3"/>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c r="DI4" s="471" t="s">
        <v>61</v>
      </c>
      <c r="DJ4" s="472"/>
      <c r="DK4" s="473"/>
      <c r="DL4" s="474" t="s">
        <v>62</v>
      </c>
      <c r="DM4" s="472"/>
      <c r="DN4" s="472"/>
      <c r="DO4" s="472"/>
      <c r="DP4" s="472"/>
      <c r="DQ4" s="472"/>
      <c r="DR4" s="473"/>
      <c r="DS4" s="469" t="s">
        <v>52</v>
      </c>
      <c r="DT4" s="471" t="s">
        <v>61</v>
      </c>
      <c r="DU4" s="472"/>
      <c r="DV4" s="473"/>
      <c r="DW4" s="474" t="s">
        <v>62</v>
      </c>
      <c r="DX4" s="472"/>
      <c r="DY4" s="472"/>
      <c r="DZ4" s="472"/>
      <c r="EA4" s="472"/>
      <c r="EB4" s="472"/>
      <c r="EC4" s="473"/>
      <c r="ED4" s="469" t="s">
        <v>52</v>
      </c>
      <c r="EE4" s="471" t="s">
        <v>61</v>
      </c>
      <c r="EF4" s="472"/>
      <c r="EG4" s="473"/>
      <c r="EH4" s="474" t="s">
        <v>62</v>
      </c>
      <c r="EI4" s="472"/>
      <c r="EJ4" s="472"/>
      <c r="EK4" s="472"/>
      <c r="EL4" s="472"/>
      <c r="EM4" s="472"/>
      <c r="EN4" s="473"/>
      <c r="EO4" s="469" t="s">
        <v>52</v>
      </c>
      <c r="EP4" s="471" t="s">
        <v>61</v>
      </c>
      <c r="EQ4" s="472"/>
      <c r="ER4" s="473"/>
      <c r="ES4" s="474" t="s">
        <v>62</v>
      </c>
      <c r="ET4" s="472"/>
      <c r="EU4" s="472"/>
      <c r="EV4" s="472"/>
      <c r="EW4" s="472"/>
      <c r="EX4" s="472"/>
      <c r="EY4" s="473"/>
      <c r="EZ4" s="469" t="s">
        <v>52</v>
      </c>
    </row>
    <row r="5" spans="2:156" ht="30" customHeight="1" thickBot="1" x14ac:dyDescent="0.25">
      <c r="B5" s="468"/>
      <c r="C5" s="177" t="s">
        <v>43</v>
      </c>
      <c r="D5" s="178" t="s">
        <v>159</v>
      </c>
      <c r="E5" s="179"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c r="DI5" s="177" t="s">
        <v>43</v>
      </c>
      <c r="DJ5" s="178" t="s">
        <v>44</v>
      </c>
      <c r="DK5" s="182" t="s">
        <v>45</v>
      </c>
      <c r="DL5" s="180" t="s">
        <v>83</v>
      </c>
      <c r="DM5" s="178" t="s">
        <v>47</v>
      </c>
      <c r="DN5" s="178" t="s">
        <v>48</v>
      </c>
      <c r="DO5" s="178" t="s">
        <v>49</v>
      </c>
      <c r="DP5" s="178" t="s">
        <v>50</v>
      </c>
      <c r="DQ5" s="178" t="s">
        <v>51</v>
      </c>
      <c r="DR5" s="182" t="s">
        <v>45</v>
      </c>
      <c r="DS5" s="470"/>
      <c r="DT5" s="177" t="s">
        <v>43</v>
      </c>
      <c r="DU5" s="178" t="s">
        <v>44</v>
      </c>
      <c r="DV5" s="182" t="s">
        <v>45</v>
      </c>
      <c r="DW5" s="180" t="s">
        <v>83</v>
      </c>
      <c r="DX5" s="178" t="s">
        <v>47</v>
      </c>
      <c r="DY5" s="178" t="s">
        <v>48</v>
      </c>
      <c r="DZ5" s="178" t="s">
        <v>49</v>
      </c>
      <c r="EA5" s="178" t="s">
        <v>50</v>
      </c>
      <c r="EB5" s="178" t="s">
        <v>51</v>
      </c>
      <c r="EC5" s="182" t="s">
        <v>45</v>
      </c>
      <c r="ED5" s="470"/>
      <c r="EE5" s="177" t="s">
        <v>43</v>
      </c>
      <c r="EF5" s="178" t="s">
        <v>44</v>
      </c>
      <c r="EG5" s="182" t="s">
        <v>45</v>
      </c>
      <c r="EH5" s="180" t="s">
        <v>83</v>
      </c>
      <c r="EI5" s="178" t="s">
        <v>47</v>
      </c>
      <c r="EJ5" s="178" t="s">
        <v>48</v>
      </c>
      <c r="EK5" s="178" t="s">
        <v>49</v>
      </c>
      <c r="EL5" s="178" t="s">
        <v>50</v>
      </c>
      <c r="EM5" s="178" t="s">
        <v>51</v>
      </c>
      <c r="EN5" s="182" t="s">
        <v>45</v>
      </c>
      <c r="EO5" s="470"/>
      <c r="EP5" s="177" t="s">
        <v>43</v>
      </c>
      <c r="EQ5" s="178" t="s">
        <v>44</v>
      </c>
      <c r="ER5" s="182" t="s">
        <v>45</v>
      </c>
      <c r="ES5" s="180" t="s">
        <v>83</v>
      </c>
      <c r="ET5" s="178" t="s">
        <v>47</v>
      </c>
      <c r="EU5" s="178" t="s">
        <v>48</v>
      </c>
      <c r="EV5" s="178" t="s">
        <v>49</v>
      </c>
      <c r="EW5" s="178" t="s">
        <v>50</v>
      </c>
      <c r="EX5" s="178" t="s">
        <v>51</v>
      </c>
      <c r="EY5" s="182" t="s">
        <v>45</v>
      </c>
      <c r="EZ5" s="470"/>
    </row>
    <row r="6" spans="2:156" ht="21" customHeight="1" x14ac:dyDescent="0.2">
      <c r="B6" s="84" t="s">
        <v>4</v>
      </c>
      <c r="C6" s="183">
        <v>0</v>
      </c>
      <c r="D6" s="184">
        <v>0</v>
      </c>
      <c r="E6" s="185">
        <v>0</v>
      </c>
      <c r="F6" s="186">
        <v>0</v>
      </c>
      <c r="G6" s="184">
        <v>1160</v>
      </c>
      <c r="H6" s="184">
        <v>1346</v>
      </c>
      <c r="I6" s="184">
        <v>705</v>
      </c>
      <c r="J6" s="184">
        <v>559</v>
      </c>
      <c r="K6" s="184">
        <v>426</v>
      </c>
      <c r="L6" s="187">
        <v>4196</v>
      </c>
      <c r="M6" s="188">
        <v>4196</v>
      </c>
      <c r="N6" s="183">
        <v>0</v>
      </c>
      <c r="O6" s="184">
        <v>2</v>
      </c>
      <c r="P6" s="189">
        <v>2</v>
      </c>
      <c r="Q6" s="186">
        <v>0</v>
      </c>
      <c r="R6" s="184">
        <v>11</v>
      </c>
      <c r="S6" s="184">
        <v>31</v>
      </c>
      <c r="T6" s="184">
        <v>48</v>
      </c>
      <c r="U6" s="184">
        <v>138</v>
      </c>
      <c r="V6" s="184">
        <v>198</v>
      </c>
      <c r="W6" s="189">
        <v>426</v>
      </c>
      <c r="X6" s="188">
        <v>428</v>
      </c>
      <c r="Y6" s="183">
        <v>223</v>
      </c>
      <c r="Z6" s="184">
        <v>525</v>
      </c>
      <c r="AA6" s="189">
        <v>748</v>
      </c>
      <c r="AB6" s="186">
        <v>0</v>
      </c>
      <c r="AC6" s="184">
        <v>945</v>
      </c>
      <c r="AD6" s="184">
        <v>1327</v>
      </c>
      <c r="AE6" s="184">
        <v>765</v>
      </c>
      <c r="AF6" s="184">
        <v>597</v>
      </c>
      <c r="AG6" s="184">
        <v>380</v>
      </c>
      <c r="AH6" s="189">
        <v>4014</v>
      </c>
      <c r="AI6" s="188">
        <v>4762</v>
      </c>
      <c r="AJ6" s="183">
        <v>21</v>
      </c>
      <c r="AK6" s="184">
        <v>62</v>
      </c>
      <c r="AL6" s="189">
        <v>83</v>
      </c>
      <c r="AM6" s="186">
        <v>0</v>
      </c>
      <c r="AN6" s="184">
        <v>95</v>
      </c>
      <c r="AO6" s="184">
        <v>158</v>
      </c>
      <c r="AP6" s="184">
        <v>76</v>
      </c>
      <c r="AQ6" s="184">
        <v>75</v>
      </c>
      <c r="AR6" s="184">
        <v>49</v>
      </c>
      <c r="AS6" s="189">
        <v>453</v>
      </c>
      <c r="AT6" s="188">
        <v>536</v>
      </c>
      <c r="AU6" s="183">
        <v>312</v>
      </c>
      <c r="AV6" s="184">
        <v>372</v>
      </c>
      <c r="AW6" s="189">
        <v>684</v>
      </c>
      <c r="AX6" s="186">
        <v>0</v>
      </c>
      <c r="AY6" s="184">
        <v>1442</v>
      </c>
      <c r="AZ6" s="184">
        <v>1751</v>
      </c>
      <c r="BA6" s="184">
        <v>1441</v>
      </c>
      <c r="BB6" s="184">
        <v>1420</v>
      </c>
      <c r="BC6" s="184">
        <v>1060</v>
      </c>
      <c r="BD6" s="187">
        <v>7114</v>
      </c>
      <c r="BE6" s="188">
        <v>7798</v>
      </c>
      <c r="BF6" s="183">
        <v>1</v>
      </c>
      <c r="BG6" s="184">
        <v>0</v>
      </c>
      <c r="BH6" s="189">
        <v>1</v>
      </c>
      <c r="BI6" s="186">
        <v>0</v>
      </c>
      <c r="BJ6" s="184">
        <v>1423</v>
      </c>
      <c r="BK6" s="184">
        <v>1261</v>
      </c>
      <c r="BL6" s="184">
        <v>586</v>
      </c>
      <c r="BM6" s="184">
        <v>316</v>
      </c>
      <c r="BN6" s="184">
        <v>159</v>
      </c>
      <c r="BO6" s="189">
        <v>3745</v>
      </c>
      <c r="BP6" s="188">
        <v>3746</v>
      </c>
      <c r="BQ6" s="183">
        <v>134</v>
      </c>
      <c r="BR6" s="184">
        <v>178</v>
      </c>
      <c r="BS6" s="189">
        <v>312</v>
      </c>
      <c r="BT6" s="186">
        <v>0</v>
      </c>
      <c r="BU6" s="184">
        <v>370</v>
      </c>
      <c r="BV6" s="184">
        <v>504</v>
      </c>
      <c r="BW6" s="184">
        <v>289</v>
      </c>
      <c r="BX6" s="184">
        <v>168</v>
      </c>
      <c r="BY6" s="184">
        <v>63</v>
      </c>
      <c r="BZ6" s="189">
        <v>1394</v>
      </c>
      <c r="CA6" s="188">
        <v>1706</v>
      </c>
      <c r="CB6" s="183">
        <v>0</v>
      </c>
      <c r="CC6" s="184">
        <v>17</v>
      </c>
      <c r="CD6" s="189">
        <v>17</v>
      </c>
      <c r="CE6" s="186">
        <v>0</v>
      </c>
      <c r="CF6" s="184">
        <v>165</v>
      </c>
      <c r="CG6" s="184">
        <v>242</v>
      </c>
      <c r="CH6" s="184">
        <v>260</v>
      </c>
      <c r="CI6" s="184">
        <v>182</v>
      </c>
      <c r="CJ6" s="184">
        <v>85</v>
      </c>
      <c r="CK6" s="189">
        <v>934</v>
      </c>
      <c r="CL6" s="188">
        <v>951</v>
      </c>
      <c r="CM6" s="183">
        <v>1</v>
      </c>
      <c r="CN6" s="184">
        <v>1</v>
      </c>
      <c r="CO6" s="189">
        <v>2</v>
      </c>
      <c r="CP6" s="186">
        <v>0</v>
      </c>
      <c r="CQ6" s="184">
        <v>22</v>
      </c>
      <c r="CR6" s="184">
        <v>49</v>
      </c>
      <c r="CS6" s="184">
        <v>53</v>
      </c>
      <c r="CT6" s="184">
        <v>46</v>
      </c>
      <c r="CU6" s="184">
        <v>18</v>
      </c>
      <c r="CV6" s="189">
        <v>188</v>
      </c>
      <c r="CW6" s="188">
        <v>190</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38</v>
      </c>
      <c r="DU6" s="184">
        <v>1368</v>
      </c>
      <c r="DV6" s="189">
        <v>2006</v>
      </c>
      <c r="DW6" s="186">
        <v>0</v>
      </c>
      <c r="DX6" s="184">
        <v>1646</v>
      </c>
      <c r="DY6" s="184">
        <v>2912</v>
      </c>
      <c r="DZ6" s="184">
        <v>1599</v>
      </c>
      <c r="EA6" s="184">
        <v>1211</v>
      </c>
      <c r="EB6" s="184">
        <v>745</v>
      </c>
      <c r="EC6" s="189">
        <v>8113</v>
      </c>
      <c r="ED6" s="188">
        <v>10119</v>
      </c>
      <c r="EE6" s="183">
        <v>216</v>
      </c>
      <c r="EF6" s="184">
        <v>169</v>
      </c>
      <c r="EG6" s="189">
        <v>385</v>
      </c>
      <c r="EH6" s="186">
        <v>0</v>
      </c>
      <c r="EI6" s="184">
        <v>692</v>
      </c>
      <c r="EJ6" s="184">
        <v>689</v>
      </c>
      <c r="EK6" s="184">
        <v>588</v>
      </c>
      <c r="EL6" s="184">
        <v>616</v>
      </c>
      <c r="EM6" s="184">
        <v>415</v>
      </c>
      <c r="EN6" s="189">
        <v>3000</v>
      </c>
      <c r="EO6" s="188">
        <v>3385</v>
      </c>
      <c r="EP6" s="183">
        <v>928</v>
      </c>
      <c r="EQ6" s="184">
        <v>1781</v>
      </c>
      <c r="ER6" s="189">
        <v>2709</v>
      </c>
      <c r="ES6" s="186">
        <v>0</v>
      </c>
      <c r="ET6" s="184">
        <v>3855</v>
      </c>
      <c r="EU6" s="184">
        <v>4082</v>
      </c>
      <c r="EV6" s="184">
        <v>1960</v>
      </c>
      <c r="EW6" s="184">
        <v>1325</v>
      </c>
      <c r="EX6" s="184">
        <v>755</v>
      </c>
      <c r="EY6" s="189">
        <v>11977</v>
      </c>
      <c r="EZ6" s="188">
        <v>14686</v>
      </c>
    </row>
    <row r="7" spans="2:156" ht="21" customHeight="1" x14ac:dyDescent="0.2">
      <c r="B7" s="95" t="s">
        <v>5</v>
      </c>
      <c r="C7" s="190">
        <v>0</v>
      </c>
      <c r="D7" s="191">
        <v>0</v>
      </c>
      <c r="E7" s="192">
        <v>0</v>
      </c>
      <c r="F7" s="193">
        <v>0</v>
      </c>
      <c r="G7" s="191">
        <v>465</v>
      </c>
      <c r="H7" s="191">
        <v>681</v>
      </c>
      <c r="I7" s="191">
        <v>320</v>
      </c>
      <c r="J7" s="191">
        <v>241</v>
      </c>
      <c r="K7" s="191">
        <v>196</v>
      </c>
      <c r="L7" s="194">
        <v>1903</v>
      </c>
      <c r="M7" s="195">
        <v>1903</v>
      </c>
      <c r="N7" s="190">
        <v>0</v>
      </c>
      <c r="O7" s="191">
        <v>2</v>
      </c>
      <c r="P7" s="196">
        <v>2</v>
      </c>
      <c r="Q7" s="193">
        <v>0</v>
      </c>
      <c r="R7" s="191">
        <v>4</v>
      </c>
      <c r="S7" s="191">
        <v>12</v>
      </c>
      <c r="T7" s="191">
        <v>21</v>
      </c>
      <c r="U7" s="191">
        <v>48</v>
      </c>
      <c r="V7" s="191">
        <v>108</v>
      </c>
      <c r="W7" s="196">
        <v>193</v>
      </c>
      <c r="X7" s="195">
        <v>195</v>
      </c>
      <c r="Y7" s="190">
        <v>89</v>
      </c>
      <c r="Z7" s="191">
        <v>278</v>
      </c>
      <c r="AA7" s="196">
        <v>367</v>
      </c>
      <c r="AB7" s="193">
        <v>0</v>
      </c>
      <c r="AC7" s="191">
        <v>345</v>
      </c>
      <c r="AD7" s="191">
        <v>704</v>
      </c>
      <c r="AE7" s="191">
        <v>362</v>
      </c>
      <c r="AF7" s="191">
        <v>269</v>
      </c>
      <c r="AG7" s="191">
        <v>175</v>
      </c>
      <c r="AH7" s="196">
        <v>1855</v>
      </c>
      <c r="AI7" s="195">
        <v>2222</v>
      </c>
      <c r="AJ7" s="190">
        <v>8</v>
      </c>
      <c r="AK7" s="191">
        <v>35</v>
      </c>
      <c r="AL7" s="196">
        <v>43</v>
      </c>
      <c r="AM7" s="193">
        <v>0</v>
      </c>
      <c r="AN7" s="191">
        <v>33</v>
      </c>
      <c r="AO7" s="191">
        <v>80</v>
      </c>
      <c r="AP7" s="191">
        <v>32</v>
      </c>
      <c r="AQ7" s="191">
        <v>32</v>
      </c>
      <c r="AR7" s="191">
        <v>18</v>
      </c>
      <c r="AS7" s="196">
        <v>195</v>
      </c>
      <c r="AT7" s="195">
        <v>238</v>
      </c>
      <c r="AU7" s="190">
        <v>146</v>
      </c>
      <c r="AV7" s="191">
        <v>189</v>
      </c>
      <c r="AW7" s="196">
        <v>335</v>
      </c>
      <c r="AX7" s="193">
        <v>0</v>
      </c>
      <c r="AY7" s="191">
        <v>557</v>
      </c>
      <c r="AZ7" s="191">
        <v>811</v>
      </c>
      <c r="BA7" s="191">
        <v>639</v>
      </c>
      <c r="BB7" s="191">
        <v>639</v>
      </c>
      <c r="BC7" s="191">
        <v>455</v>
      </c>
      <c r="BD7" s="194">
        <v>3101</v>
      </c>
      <c r="BE7" s="195">
        <v>3436</v>
      </c>
      <c r="BF7" s="190">
        <v>1</v>
      </c>
      <c r="BG7" s="191">
        <v>0</v>
      </c>
      <c r="BH7" s="196">
        <v>1</v>
      </c>
      <c r="BI7" s="193">
        <v>0</v>
      </c>
      <c r="BJ7" s="191">
        <v>467</v>
      </c>
      <c r="BK7" s="191">
        <v>545</v>
      </c>
      <c r="BL7" s="191">
        <v>228</v>
      </c>
      <c r="BM7" s="191">
        <v>122</v>
      </c>
      <c r="BN7" s="191">
        <v>60</v>
      </c>
      <c r="BO7" s="196">
        <v>1422</v>
      </c>
      <c r="BP7" s="195">
        <v>1423</v>
      </c>
      <c r="BQ7" s="190">
        <v>64</v>
      </c>
      <c r="BR7" s="191">
        <v>92</v>
      </c>
      <c r="BS7" s="196">
        <v>156</v>
      </c>
      <c r="BT7" s="193">
        <v>0</v>
      </c>
      <c r="BU7" s="191">
        <v>123</v>
      </c>
      <c r="BV7" s="191">
        <v>251</v>
      </c>
      <c r="BW7" s="191">
        <v>126</v>
      </c>
      <c r="BX7" s="191">
        <v>69</v>
      </c>
      <c r="BY7" s="191">
        <v>30</v>
      </c>
      <c r="BZ7" s="196">
        <v>599</v>
      </c>
      <c r="CA7" s="195">
        <v>755</v>
      </c>
      <c r="CB7" s="190">
        <v>0</v>
      </c>
      <c r="CC7" s="191">
        <v>6</v>
      </c>
      <c r="CD7" s="196">
        <v>6</v>
      </c>
      <c r="CE7" s="193">
        <v>0</v>
      </c>
      <c r="CF7" s="191">
        <v>53</v>
      </c>
      <c r="CG7" s="191">
        <v>96</v>
      </c>
      <c r="CH7" s="191">
        <v>104</v>
      </c>
      <c r="CI7" s="191">
        <v>75</v>
      </c>
      <c r="CJ7" s="191">
        <v>31</v>
      </c>
      <c r="CK7" s="196">
        <v>359</v>
      </c>
      <c r="CL7" s="195">
        <v>365</v>
      </c>
      <c r="CM7" s="190">
        <v>1</v>
      </c>
      <c r="CN7" s="191">
        <v>1</v>
      </c>
      <c r="CO7" s="196">
        <v>2</v>
      </c>
      <c r="CP7" s="193">
        <v>0</v>
      </c>
      <c r="CQ7" s="191">
        <v>7</v>
      </c>
      <c r="CR7" s="191">
        <v>31</v>
      </c>
      <c r="CS7" s="191">
        <v>32</v>
      </c>
      <c r="CT7" s="191">
        <v>31</v>
      </c>
      <c r="CU7" s="191">
        <v>9</v>
      </c>
      <c r="CV7" s="196">
        <v>110</v>
      </c>
      <c r="CW7" s="195">
        <v>112</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31</v>
      </c>
      <c r="DU7" s="191">
        <v>626</v>
      </c>
      <c r="DV7" s="196">
        <v>857</v>
      </c>
      <c r="DW7" s="193">
        <v>0</v>
      </c>
      <c r="DX7" s="191">
        <v>514</v>
      </c>
      <c r="DY7" s="191">
        <v>1371</v>
      </c>
      <c r="DZ7" s="191">
        <v>676</v>
      </c>
      <c r="EA7" s="191">
        <v>522</v>
      </c>
      <c r="EB7" s="191">
        <v>322</v>
      </c>
      <c r="EC7" s="196">
        <v>3405</v>
      </c>
      <c r="ED7" s="195">
        <v>4262</v>
      </c>
      <c r="EE7" s="190">
        <v>96</v>
      </c>
      <c r="EF7" s="191">
        <v>88</v>
      </c>
      <c r="EG7" s="196">
        <v>184</v>
      </c>
      <c r="EH7" s="193">
        <v>0</v>
      </c>
      <c r="EI7" s="191">
        <v>284</v>
      </c>
      <c r="EJ7" s="191">
        <v>335</v>
      </c>
      <c r="EK7" s="191">
        <v>279</v>
      </c>
      <c r="EL7" s="191">
        <v>281</v>
      </c>
      <c r="EM7" s="191">
        <v>180</v>
      </c>
      <c r="EN7" s="196">
        <v>1359</v>
      </c>
      <c r="EO7" s="195">
        <v>1543</v>
      </c>
      <c r="EP7" s="190">
        <v>354</v>
      </c>
      <c r="EQ7" s="191">
        <v>859</v>
      </c>
      <c r="ER7" s="196">
        <v>1213</v>
      </c>
      <c r="ES7" s="193">
        <v>0</v>
      </c>
      <c r="ET7" s="191">
        <v>1365</v>
      </c>
      <c r="EU7" s="191">
        <v>1987</v>
      </c>
      <c r="EV7" s="191">
        <v>855</v>
      </c>
      <c r="EW7" s="191">
        <v>582</v>
      </c>
      <c r="EX7" s="191">
        <v>339</v>
      </c>
      <c r="EY7" s="196">
        <v>5128</v>
      </c>
      <c r="EZ7" s="195">
        <v>6341</v>
      </c>
    </row>
    <row r="8" spans="2:156" ht="21" customHeight="1" x14ac:dyDescent="0.2">
      <c r="B8" s="106" t="s">
        <v>6</v>
      </c>
      <c r="C8" s="190">
        <v>0</v>
      </c>
      <c r="D8" s="191">
        <v>0</v>
      </c>
      <c r="E8" s="192">
        <v>0</v>
      </c>
      <c r="F8" s="193">
        <v>0</v>
      </c>
      <c r="G8" s="191">
        <v>223</v>
      </c>
      <c r="H8" s="191">
        <v>180</v>
      </c>
      <c r="I8" s="191">
        <v>79</v>
      </c>
      <c r="J8" s="191">
        <v>91</v>
      </c>
      <c r="K8" s="191">
        <v>82</v>
      </c>
      <c r="L8" s="194">
        <v>655</v>
      </c>
      <c r="M8" s="195">
        <v>655</v>
      </c>
      <c r="N8" s="190">
        <v>0</v>
      </c>
      <c r="O8" s="191">
        <v>0</v>
      </c>
      <c r="P8" s="196">
        <v>0</v>
      </c>
      <c r="Q8" s="193">
        <v>0</v>
      </c>
      <c r="R8" s="191">
        <v>4</v>
      </c>
      <c r="S8" s="191">
        <v>6</v>
      </c>
      <c r="T8" s="191">
        <v>7</v>
      </c>
      <c r="U8" s="191">
        <v>29</v>
      </c>
      <c r="V8" s="191">
        <v>26</v>
      </c>
      <c r="W8" s="196">
        <v>72</v>
      </c>
      <c r="X8" s="195">
        <v>72</v>
      </c>
      <c r="Y8" s="190">
        <v>43</v>
      </c>
      <c r="Z8" s="191">
        <v>85</v>
      </c>
      <c r="AA8" s="196">
        <v>128</v>
      </c>
      <c r="AB8" s="193">
        <v>0</v>
      </c>
      <c r="AC8" s="191">
        <v>221</v>
      </c>
      <c r="AD8" s="191">
        <v>198</v>
      </c>
      <c r="AE8" s="191">
        <v>139</v>
      </c>
      <c r="AF8" s="191">
        <v>102</v>
      </c>
      <c r="AG8" s="191">
        <v>63</v>
      </c>
      <c r="AH8" s="196">
        <v>723</v>
      </c>
      <c r="AI8" s="195">
        <v>851</v>
      </c>
      <c r="AJ8" s="190">
        <v>4</v>
      </c>
      <c r="AK8" s="191">
        <v>4</v>
      </c>
      <c r="AL8" s="196">
        <v>8</v>
      </c>
      <c r="AM8" s="193">
        <v>0</v>
      </c>
      <c r="AN8" s="191">
        <v>17</v>
      </c>
      <c r="AO8" s="191">
        <v>15</v>
      </c>
      <c r="AP8" s="191">
        <v>9</v>
      </c>
      <c r="AQ8" s="191">
        <v>15</v>
      </c>
      <c r="AR8" s="191">
        <v>8</v>
      </c>
      <c r="AS8" s="196">
        <v>64</v>
      </c>
      <c r="AT8" s="195">
        <v>72</v>
      </c>
      <c r="AU8" s="190">
        <v>50</v>
      </c>
      <c r="AV8" s="191">
        <v>60</v>
      </c>
      <c r="AW8" s="196">
        <v>110</v>
      </c>
      <c r="AX8" s="193">
        <v>0</v>
      </c>
      <c r="AY8" s="191">
        <v>311</v>
      </c>
      <c r="AZ8" s="191">
        <v>290</v>
      </c>
      <c r="BA8" s="191">
        <v>241</v>
      </c>
      <c r="BB8" s="191">
        <v>239</v>
      </c>
      <c r="BC8" s="191">
        <v>215</v>
      </c>
      <c r="BD8" s="194">
        <v>1296</v>
      </c>
      <c r="BE8" s="195">
        <v>1406</v>
      </c>
      <c r="BF8" s="190">
        <v>0</v>
      </c>
      <c r="BG8" s="191">
        <v>0</v>
      </c>
      <c r="BH8" s="196">
        <v>0</v>
      </c>
      <c r="BI8" s="193">
        <v>0</v>
      </c>
      <c r="BJ8" s="191">
        <v>289</v>
      </c>
      <c r="BK8" s="191">
        <v>191</v>
      </c>
      <c r="BL8" s="191">
        <v>83</v>
      </c>
      <c r="BM8" s="191">
        <v>49</v>
      </c>
      <c r="BN8" s="191">
        <v>27</v>
      </c>
      <c r="BO8" s="196">
        <v>639</v>
      </c>
      <c r="BP8" s="195">
        <v>639</v>
      </c>
      <c r="BQ8" s="190">
        <v>9</v>
      </c>
      <c r="BR8" s="191">
        <v>17</v>
      </c>
      <c r="BS8" s="196">
        <v>26</v>
      </c>
      <c r="BT8" s="193">
        <v>0</v>
      </c>
      <c r="BU8" s="191">
        <v>64</v>
      </c>
      <c r="BV8" s="191">
        <v>70</v>
      </c>
      <c r="BW8" s="191">
        <v>38</v>
      </c>
      <c r="BX8" s="191">
        <v>25</v>
      </c>
      <c r="BY8" s="191">
        <v>5</v>
      </c>
      <c r="BZ8" s="196">
        <v>202</v>
      </c>
      <c r="CA8" s="195">
        <v>228</v>
      </c>
      <c r="CB8" s="190">
        <v>0</v>
      </c>
      <c r="CC8" s="191">
        <v>1</v>
      </c>
      <c r="CD8" s="196">
        <v>1</v>
      </c>
      <c r="CE8" s="193">
        <v>0</v>
      </c>
      <c r="CF8" s="191">
        <v>25</v>
      </c>
      <c r="CG8" s="191">
        <v>39</v>
      </c>
      <c r="CH8" s="191">
        <v>37</v>
      </c>
      <c r="CI8" s="191">
        <v>20</v>
      </c>
      <c r="CJ8" s="191">
        <v>14</v>
      </c>
      <c r="CK8" s="196">
        <v>135</v>
      </c>
      <c r="CL8" s="195">
        <v>136</v>
      </c>
      <c r="CM8" s="190">
        <v>0</v>
      </c>
      <c r="CN8" s="191">
        <v>0</v>
      </c>
      <c r="CO8" s="196">
        <v>0</v>
      </c>
      <c r="CP8" s="193">
        <v>0</v>
      </c>
      <c r="CQ8" s="191">
        <v>7</v>
      </c>
      <c r="CR8" s="191">
        <v>7</v>
      </c>
      <c r="CS8" s="191">
        <v>10</v>
      </c>
      <c r="CT8" s="191">
        <v>8</v>
      </c>
      <c r="CU8" s="191">
        <v>3</v>
      </c>
      <c r="CV8" s="196">
        <v>35</v>
      </c>
      <c r="CW8" s="195">
        <v>35</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15</v>
      </c>
      <c r="DU8" s="191">
        <v>198</v>
      </c>
      <c r="DV8" s="196">
        <v>313</v>
      </c>
      <c r="DW8" s="193">
        <v>0</v>
      </c>
      <c r="DX8" s="191">
        <v>344</v>
      </c>
      <c r="DY8" s="191">
        <v>437</v>
      </c>
      <c r="DZ8" s="191">
        <v>241</v>
      </c>
      <c r="EA8" s="191">
        <v>200</v>
      </c>
      <c r="EB8" s="191">
        <v>138</v>
      </c>
      <c r="EC8" s="196">
        <v>1360</v>
      </c>
      <c r="ED8" s="195">
        <v>1673</v>
      </c>
      <c r="EE8" s="190">
        <v>34</v>
      </c>
      <c r="EF8" s="191">
        <v>19</v>
      </c>
      <c r="EG8" s="196">
        <v>53</v>
      </c>
      <c r="EH8" s="193">
        <v>0</v>
      </c>
      <c r="EI8" s="191">
        <v>143</v>
      </c>
      <c r="EJ8" s="191">
        <v>117</v>
      </c>
      <c r="EK8" s="191">
        <v>93</v>
      </c>
      <c r="EL8" s="191">
        <v>104</v>
      </c>
      <c r="EM8" s="191">
        <v>74</v>
      </c>
      <c r="EN8" s="196">
        <v>531</v>
      </c>
      <c r="EO8" s="195">
        <v>584</v>
      </c>
      <c r="EP8" s="190">
        <v>153</v>
      </c>
      <c r="EQ8" s="191">
        <v>257</v>
      </c>
      <c r="ER8" s="196">
        <v>410</v>
      </c>
      <c r="ES8" s="193">
        <v>0</v>
      </c>
      <c r="ET8" s="191">
        <v>750</v>
      </c>
      <c r="EU8" s="191">
        <v>583</v>
      </c>
      <c r="EV8" s="191">
        <v>290</v>
      </c>
      <c r="EW8" s="191">
        <v>212</v>
      </c>
      <c r="EX8" s="191">
        <v>136</v>
      </c>
      <c r="EY8" s="196">
        <v>1971</v>
      </c>
      <c r="EZ8" s="195">
        <v>2381</v>
      </c>
    </row>
    <row r="9" spans="2:156" ht="21" customHeight="1" x14ac:dyDescent="0.2">
      <c r="B9" s="106" t="s">
        <v>14</v>
      </c>
      <c r="C9" s="190">
        <v>0</v>
      </c>
      <c r="D9" s="191">
        <v>0</v>
      </c>
      <c r="E9" s="192">
        <v>0</v>
      </c>
      <c r="F9" s="193">
        <v>0</v>
      </c>
      <c r="G9" s="191">
        <v>48</v>
      </c>
      <c r="H9" s="191">
        <v>89</v>
      </c>
      <c r="I9" s="191">
        <v>45</v>
      </c>
      <c r="J9" s="191">
        <v>26</v>
      </c>
      <c r="K9" s="191">
        <v>23</v>
      </c>
      <c r="L9" s="194">
        <v>231</v>
      </c>
      <c r="M9" s="195">
        <v>231</v>
      </c>
      <c r="N9" s="190">
        <v>0</v>
      </c>
      <c r="O9" s="191">
        <v>0</v>
      </c>
      <c r="P9" s="196">
        <v>0</v>
      </c>
      <c r="Q9" s="193">
        <v>0</v>
      </c>
      <c r="R9" s="191">
        <v>0</v>
      </c>
      <c r="S9" s="191">
        <v>2</v>
      </c>
      <c r="T9" s="191">
        <v>3</v>
      </c>
      <c r="U9" s="191">
        <v>12</v>
      </c>
      <c r="V9" s="191">
        <v>7</v>
      </c>
      <c r="W9" s="196">
        <v>24</v>
      </c>
      <c r="X9" s="195">
        <v>24</v>
      </c>
      <c r="Y9" s="190">
        <v>6</v>
      </c>
      <c r="Z9" s="191">
        <v>17</v>
      </c>
      <c r="AA9" s="196">
        <v>23</v>
      </c>
      <c r="AB9" s="193">
        <v>0</v>
      </c>
      <c r="AC9" s="191">
        <v>38</v>
      </c>
      <c r="AD9" s="191">
        <v>75</v>
      </c>
      <c r="AE9" s="191">
        <v>40</v>
      </c>
      <c r="AF9" s="191">
        <v>33</v>
      </c>
      <c r="AG9" s="191">
        <v>22</v>
      </c>
      <c r="AH9" s="196">
        <v>208</v>
      </c>
      <c r="AI9" s="195">
        <v>231</v>
      </c>
      <c r="AJ9" s="190">
        <v>0</v>
      </c>
      <c r="AK9" s="191">
        <v>3</v>
      </c>
      <c r="AL9" s="196">
        <v>3</v>
      </c>
      <c r="AM9" s="193">
        <v>0</v>
      </c>
      <c r="AN9" s="191">
        <v>2</v>
      </c>
      <c r="AO9" s="191">
        <v>6</v>
      </c>
      <c r="AP9" s="191">
        <v>2</v>
      </c>
      <c r="AQ9" s="191">
        <v>0</v>
      </c>
      <c r="AR9" s="191">
        <v>1</v>
      </c>
      <c r="AS9" s="196">
        <v>11</v>
      </c>
      <c r="AT9" s="195">
        <v>14</v>
      </c>
      <c r="AU9" s="190">
        <v>8</v>
      </c>
      <c r="AV9" s="191">
        <v>27</v>
      </c>
      <c r="AW9" s="196">
        <v>35</v>
      </c>
      <c r="AX9" s="193">
        <v>0</v>
      </c>
      <c r="AY9" s="191">
        <v>73</v>
      </c>
      <c r="AZ9" s="191">
        <v>108</v>
      </c>
      <c r="BA9" s="191">
        <v>98</v>
      </c>
      <c r="BB9" s="191">
        <v>88</v>
      </c>
      <c r="BC9" s="191">
        <v>55</v>
      </c>
      <c r="BD9" s="194">
        <v>422</v>
      </c>
      <c r="BE9" s="195">
        <v>457</v>
      </c>
      <c r="BF9" s="190">
        <v>0</v>
      </c>
      <c r="BG9" s="191">
        <v>0</v>
      </c>
      <c r="BH9" s="196">
        <v>0</v>
      </c>
      <c r="BI9" s="193">
        <v>0</v>
      </c>
      <c r="BJ9" s="191">
        <v>91</v>
      </c>
      <c r="BK9" s="191">
        <v>111</v>
      </c>
      <c r="BL9" s="191">
        <v>57</v>
      </c>
      <c r="BM9" s="191">
        <v>23</v>
      </c>
      <c r="BN9" s="191">
        <v>14</v>
      </c>
      <c r="BO9" s="196">
        <v>296</v>
      </c>
      <c r="BP9" s="195">
        <v>296</v>
      </c>
      <c r="BQ9" s="190">
        <v>5</v>
      </c>
      <c r="BR9" s="191">
        <v>9</v>
      </c>
      <c r="BS9" s="196">
        <v>14</v>
      </c>
      <c r="BT9" s="193">
        <v>0</v>
      </c>
      <c r="BU9" s="191">
        <v>11</v>
      </c>
      <c r="BV9" s="191">
        <v>21</v>
      </c>
      <c r="BW9" s="191">
        <v>11</v>
      </c>
      <c r="BX9" s="191">
        <v>8</v>
      </c>
      <c r="BY9" s="191">
        <v>3</v>
      </c>
      <c r="BZ9" s="196">
        <v>54</v>
      </c>
      <c r="CA9" s="195">
        <v>68</v>
      </c>
      <c r="CB9" s="190">
        <v>0</v>
      </c>
      <c r="CC9" s="191">
        <v>0</v>
      </c>
      <c r="CD9" s="196">
        <v>0</v>
      </c>
      <c r="CE9" s="193">
        <v>0</v>
      </c>
      <c r="CF9" s="191">
        <v>9</v>
      </c>
      <c r="CG9" s="191">
        <v>18</v>
      </c>
      <c r="CH9" s="191">
        <v>16</v>
      </c>
      <c r="CI9" s="191">
        <v>20</v>
      </c>
      <c r="CJ9" s="191">
        <v>8</v>
      </c>
      <c r="CK9" s="196">
        <v>71</v>
      </c>
      <c r="CL9" s="195">
        <v>71</v>
      </c>
      <c r="CM9" s="190">
        <v>0</v>
      </c>
      <c r="CN9" s="191">
        <v>0</v>
      </c>
      <c r="CO9" s="196">
        <v>0</v>
      </c>
      <c r="CP9" s="193">
        <v>0</v>
      </c>
      <c r="CQ9" s="191">
        <v>2</v>
      </c>
      <c r="CR9" s="191">
        <v>0</v>
      </c>
      <c r="CS9" s="191">
        <v>0</v>
      </c>
      <c r="CT9" s="191">
        <v>0</v>
      </c>
      <c r="CU9" s="191">
        <v>0</v>
      </c>
      <c r="CV9" s="196">
        <v>2</v>
      </c>
      <c r="CW9" s="195">
        <v>2</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2</v>
      </c>
      <c r="DU9" s="191">
        <v>83</v>
      </c>
      <c r="DV9" s="196">
        <v>115</v>
      </c>
      <c r="DW9" s="193">
        <v>0</v>
      </c>
      <c r="DX9" s="191">
        <v>86</v>
      </c>
      <c r="DY9" s="191">
        <v>204</v>
      </c>
      <c r="DZ9" s="191">
        <v>115</v>
      </c>
      <c r="EA9" s="191">
        <v>67</v>
      </c>
      <c r="EB9" s="191">
        <v>46</v>
      </c>
      <c r="EC9" s="196">
        <v>518</v>
      </c>
      <c r="ED9" s="195">
        <v>633</v>
      </c>
      <c r="EE9" s="190">
        <v>6</v>
      </c>
      <c r="EF9" s="191">
        <v>8</v>
      </c>
      <c r="EG9" s="196">
        <v>14</v>
      </c>
      <c r="EH9" s="193">
        <v>0</v>
      </c>
      <c r="EI9" s="191">
        <v>32</v>
      </c>
      <c r="EJ9" s="191">
        <v>37</v>
      </c>
      <c r="EK9" s="191">
        <v>30</v>
      </c>
      <c r="EL9" s="191">
        <v>31</v>
      </c>
      <c r="EM9" s="191">
        <v>13</v>
      </c>
      <c r="EN9" s="196">
        <v>143</v>
      </c>
      <c r="EO9" s="195">
        <v>157</v>
      </c>
      <c r="EP9" s="190">
        <v>41</v>
      </c>
      <c r="EQ9" s="191">
        <v>97</v>
      </c>
      <c r="ER9" s="196">
        <v>138</v>
      </c>
      <c r="ES9" s="193">
        <v>0</v>
      </c>
      <c r="ET9" s="191">
        <v>200</v>
      </c>
      <c r="EU9" s="191">
        <v>288</v>
      </c>
      <c r="EV9" s="191">
        <v>136</v>
      </c>
      <c r="EW9" s="191">
        <v>71</v>
      </c>
      <c r="EX9" s="191">
        <v>44</v>
      </c>
      <c r="EY9" s="196">
        <v>739</v>
      </c>
      <c r="EZ9" s="195">
        <v>877</v>
      </c>
    </row>
    <row r="10" spans="2:156" ht="21" customHeight="1" x14ac:dyDescent="0.2">
      <c r="B10" s="106" t="s">
        <v>7</v>
      </c>
      <c r="C10" s="190">
        <v>0</v>
      </c>
      <c r="D10" s="191">
        <v>0</v>
      </c>
      <c r="E10" s="192">
        <v>0</v>
      </c>
      <c r="F10" s="193">
        <v>0</v>
      </c>
      <c r="G10" s="191">
        <v>51</v>
      </c>
      <c r="H10" s="191">
        <v>39</v>
      </c>
      <c r="I10" s="191">
        <v>20</v>
      </c>
      <c r="J10" s="191">
        <v>24</v>
      </c>
      <c r="K10" s="191">
        <v>9</v>
      </c>
      <c r="L10" s="194">
        <v>143</v>
      </c>
      <c r="M10" s="195">
        <v>143</v>
      </c>
      <c r="N10" s="190">
        <v>0</v>
      </c>
      <c r="O10" s="191">
        <v>0</v>
      </c>
      <c r="P10" s="196">
        <v>0</v>
      </c>
      <c r="Q10" s="193">
        <v>0</v>
      </c>
      <c r="R10" s="191">
        <v>1</v>
      </c>
      <c r="S10" s="191">
        <v>0</v>
      </c>
      <c r="T10" s="191">
        <v>0</v>
      </c>
      <c r="U10" s="191">
        <v>10</v>
      </c>
      <c r="V10" s="191">
        <v>10</v>
      </c>
      <c r="W10" s="196">
        <v>21</v>
      </c>
      <c r="X10" s="195">
        <v>21</v>
      </c>
      <c r="Y10" s="190">
        <v>0</v>
      </c>
      <c r="Z10" s="191">
        <v>5</v>
      </c>
      <c r="AA10" s="196">
        <v>5</v>
      </c>
      <c r="AB10" s="193">
        <v>0</v>
      </c>
      <c r="AC10" s="191">
        <v>31</v>
      </c>
      <c r="AD10" s="191">
        <v>24</v>
      </c>
      <c r="AE10" s="191">
        <v>17</v>
      </c>
      <c r="AF10" s="191">
        <v>21</v>
      </c>
      <c r="AG10" s="191">
        <v>11</v>
      </c>
      <c r="AH10" s="196">
        <v>104</v>
      </c>
      <c r="AI10" s="195">
        <v>109</v>
      </c>
      <c r="AJ10" s="190">
        <v>1</v>
      </c>
      <c r="AK10" s="191">
        <v>0</v>
      </c>
      <c r="AL10" s="196">
        <v>1</v>
      </c>
      <c r="AM10" s="193">
        <v>0</v>
      </c>
      <c r="AN10" s="191">
        <v>3</v>
      </c>
      <c r="AO10" s="191">
        <v>5</v>
      </c>
      <c r="AP10" s="191">
        <v>3</v>
      </c>
      <c r="AQ10" s="191">
        <v>6</v>
      </c>
      <c r="AR10" s="191">
        <v>1</v>
      </c>
      <c r="AS10" s="196">
        <v>18</v>
      </c>
      <c r="AT10" s="195">
        <v>19</v>
      </c>
      <c r="AU10" s="190">
        <v>17</v>
      </c>
      <c r="AV10" s="191">
        <v>10</v>
      </c>
      <c r="AW10" s="196">
        <v>27</v>
      </c>
      <c r="AX10" s="193">
        <v>0</v>
      </c>
      <c r="AY10" s="191">
        <v>72</v>
      </c>
      <c r="AZ10" s="191">
        <v>54</v>
      </c>
      <c r="BA10" s="191">
        <v>35</v>
      </c>
      <c r="BB10" s="191">
        <v>53</v>
      </c>
      <c r="BC10" s="191">
        <v>32</v>
      </c>
      <c r="BD10" s="194">
        <v>246</v>
      </c>
      <c r="BE10" s="195">
        <v>273</v>
      </c>
      <c r="BF10" s="190">
        <v>0</v>
      </c>
      <c r="BG10" s="191">
        <v>0</v>
      </c>
      <c r="BH10" s="196">
        <v>0</v>
      </c>
      <c r="BI10" s="193">
        <v>0</v>
      </c>
      <c r="BJ10" s="191">
        <v>80</v>
      </c>
      <c r="BK10" s="191">
        <v>38</v>
      </c>
      <c r="BL10" s="191">
        <v>19</v>
      </c>
      <c r="BM10" s="191">
        <v>13</v>
      </c>
      <c r="BN10" s="191">
        <v>4</v>
      </c>
      <c r="BO10" s="196">
        <v>154</v>
      </c>
      <c r="BP10" s="195">
        <v>154</v>
      </c>
      <c r="BQ10" s="190">
        <v>2</v>
      </c>
      <c r="BR10" s="191">
        <v>2</v>
      </c>
      <c r="BS10" s="196">
        <v>4</v>
      </c>
      <c r="BT10" s="193">
        <v>0</v>
      </c>
      <c r="BU10" s="191">
        <v>20</v>
      </c>
      <c r="BV10" s="191">
        <v>13</v>
      </c>
      <c r="BW10" s="191">
        <v>7</v>
      </c>
      <c r="BX10" s="191">
        <v>5</v>
      </c>
      <c r="BY10" s="191">
        <v>1</v>
      </c>
      <c r="BZ10" s="196">
        <v>46</v>
      </c>
      <c r="CA10" s="195">
        <v>50</v>
      </c>
      <c r="CB10" s="190">
        <v>0</v>
      </c>
      <c r="CC10" s="191">
        <v>0</v>
      </c>
      <c r="CD10" s="196">
        <v>0</v>
      </c>
      <c r="CE10" s="193">
        <v>0</v>
      </c>
      <c r="CF10" s="191">
        <v>15</v>
      </c>
      <c r="CG10" s="191">
        <v>9</v>
      </c>
      <c r="CH10" s="191">
        <v>7</v>
      </c>
      <c r="CI10" s="191">
        <v>9</v>
      </c>
      <c r="CJ10" s="191">
        <v>3</v>
      </c>
      <c r="CK10" s="196">
        <v>43</v>
      </c>
      <c r="CL10" s="195">
        <v>43</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18</v>
      </c>
      <c r="DU10" s="191">
        <v>25</v>
      </c>
      <c r="DV10" s="196">
        <v>43</v>
      </c>
      <c r="DW10" s="193">
        <v>0</v>
      </c>
      <c r="DX10" s="191">
        <v>91</v>
      </c>
      <c r="DY10" s="191">
        <v>87</v>
      </c>
      <c r="DZ10" s="191">
        <v>48</v>
      </c>
      <c r="EA10" s="191">
        <v>50</v>
      </c>
      <c r="EB10" s="191">
        <v>20</v>
      </c>
      <c r="EC10" s="196">
        <v>296</v>
      </c>
      <c r="ED10" s="195">
        <v>339</v>
      </c>
      <c r="EE10" s="190">
        <v>13</v>
      </c>
      <c r="EF10" s="191">
        <v>5</v>
      </c>
      <c r="EG10" s="196">
        <v>18</v>
      </c>
      <c r="EH10" s="193">
        <v>0</v>
      </c>
      <c r="EI10" s="191">
        <v>33</v>
      </c>
      <c r="EJ10" s="191">
        <v>26</v>
      </c>
      <c r="EK10" s="191">
        <v>13</v>
      </c>
      <c r="EL10" s="191">
        <v>19</v>
      </c>
      <c r="EM10" s="191">
        <v>13</v>
      </c>
      <c r="EN10" s="196">
        <v>104</v>
      </c>
      <c r="EO10" s="195">
        <v>122</v>
      </c>
      <c r="EP10" s="190">
        <v>20</v>
      </c>
      <c r="EQ10" s="191">
        <v>29</v>
      </c>
      <c r="ER10" s="196">
        <v>49</v>
      </c>
      <c r="ES10" s="193">
        <v>0</v>
      </c>
      <c r="ET10" s="191">
        <v>191</v>
      </c>
      <c r="EU10" s="191">
        <v>121</v>
      </c>
      <c r="EV10" s="191">
        <v>56</v>
      </c>
      <c r="EW10" s="191">
        <v>53</v>
      </c>
      <c r="EX10" s="191">
        <v>20</v>
      </c>
      <c r="EY10" s="196">
        <v>441</v>
      </c>
      <c r="EZ10" s="195">
        <v>490</v>
      </c>
    </row>
    <row r="11" spans="2:156" ht="21" customHeight="1" x14ac:dyDescent="0.2">
      <c r="B11" s="106" t="s">
        <v>8</v>
      </c>
      <c r="C11" s="190">
        <v>0</v>
      </c>
      <c r="D11" s="191">
        <v>0</v>
      </c>
      <c r="E11" s="192">
        <v>0</v>
      </c>
      <c r="F11" s="193">
        <v>0</v>
      </c>
      <c r="G11" s="191">
        <v>14</v>
      </c>
      <c r="H11" s="191">
        <v>24</v>
      </c>
      <c r="I11" s="191">
        <v>17</v>
      </c>
      <c r="J11" s="191">
        <v>13</v>
      </c>
      <c r="K11" s="191">
        <v>9</v>
      </c>
      <c r="L11" s="194">
        <v>77</v>
      </c>
      <c r="M11" s="195">
        <v>77</v>
      </c>
      <c r="N11" s="190">
        <v>0</v>
      </c>
      <c r="O11" s="191">
        <v>0</v>
      </c>
      <c r="P11" s="196">
        <v>0</v>
      </c>
      <c r="Q11" s="193">
        <v>0</v>
      </c>
      <c r="R11" s="191">
        <v>0</v>
      </c>
      <c r="S11" s="191">
        <v>0</v>
      </c>
      <c r="T11" s="191">
        <v>1</v>
      </c>
      <c r="U11" s="191">
        <v>3</v>
      </c>
      <c r="V11" s="191">
        <v>4</v>
      </c>
      <c r="W11" s="196">
        <v>8</v>
      </c>
      <c r="X11" s="195">
        <v>8</v>
      </c>
      <c r="Y11" s="190">
        <v>6</v>
      </c>
      <c r="Z11" s="191">
        <v>7</v>
      </c>
      <c r="AA11" s="196">
        <v>13</v>
      </c>
      <c r="AB11" s="193">
        <v>0</v>
      </c>
      <c r="AC11" s="191">
        <v>18</v>
      </c>
      <c r="AD11" s="191">
        <v>19</v>
      </c>
      <c r="AE11" s="191">
        <v>12</v>
      </c>
      <c r="AF11" s="191">
        <v>18</v>
      </c>
      <c r="AG11" s="191">
        <v>11</v>
      </c>
      <c r="AH11" s="196">
        <v>78</v>
      </c>
      <c r="AI11" s="195">
        <v>91</v>
      </c>
      <c r="AJ11" s="190">
        <v>0</v>
      </c>
      <c r="AK11" s="191">
        <v>2</v>
      </c>
      <c r="AL11" s="196">
        <v>2</v>
      </c>
      <c r="AM11" s="193">
        <v>0</v>
      </c>
      <c r="AN11" s="191">
        <v>4</v>
      </c>
      <c r="AO11" s="191">
        <v>4</v>
      </c>
      <c r="AP11" s="191">
        <v>1</v>
      </c>
      <c r="AQ11" s="191">
        <v>2</v>
      </c>
      <c r="AR11" s="191">
        <v>4</v>
      </c>
      <c r="AS11" s="196">
        <v>15</v>
      </c>
      <c r="AT11" s="195">
        <v>17</v>
      </c>
      <c r="AU11" s="190">
        <v>5</v>
      </c>
      <c r="AV11" s="191">
        <v>2</v>
      </c>
      <c r="AW11" s="196">
        <v>7</v>
      </c>
      <c r="AX11" s="193">
        <v>0</v>
      </c>
      <c r="AY11" s="191">
        <v>32</v>
      </c>
      <c r="AZ11" s="191">
        <v>26</v>
      </c>
      <c r="BA11" s="191">
        <v>25</v>
      </c>
      <c r="BB11" s="191">
        <v>30</v>
      </c>
      <c r="BC11" s="191">
        <v>16</v>
      </c>
      <c r="BD11" s="194">
        <v>129</v>
      </c>
      <c r="BE11" s="195">
        <v>136</v>
      </c>
      <c r="BF11" s="190">
        <v>0</v>
      </c>
      <c r="BG11" s="191">
        <v>0</v>
      </c>
      <c r="BH11" s="196">
        <v>0</v>
      </c>
      <c r="BI11" s="193">
        <v>0</v>
      </c>
      <c r="BJ11" s="191">
        <v>30</v>
      </c>
      <c r="BK11" s="191">
        <v>30</v>
      </c>
      <c r="BL11" s="191">
        <v>17</v>
      </c>
      <c r="BM11" s="191">
        <v>9</v>
      </c>
      <c r="BN11" s="191">
        <v>4</v>
      </c>
      <c r="BO11" s="196">
        <v>90</v>
      </c>
      <c r="BP11" s="195">
        <v>90</v>
      </c>
      <c r="BQ11" s="190">
        <v>5</v>
      </c>
      <c r="BR11" s="191">
        <v>4</v>
      </c>
      <c r="BS11" s="196">
        <v>9</v>
      </c>
      <c r="BT11" s="193">
        <v>0</v>
      </c>
      <c r="BU11" s="191">
        <v>17</v>
      </c>
      <c r="BV11" s="191">
        <v>9</v>
      </c>
      <c r="BW11" s="191">
        <v>10</v>
      </c>
      <c r="BX11" s="191">
        <v>6</v>
      </c>
      <c r="BY11" s="191">
        <v>3</v>
      </c>
      <c r="BZ11" s="196">
        <v>45</v>
      </c>
      <c r="CA11" s="195">
        <v>54</v>
      </c>
      <c r="CB11" s="190">
        <v>0</v>
      </c>
      <c r="CC11" s="191">
        <v>0</v>
      </c>
      <c r="CD11" s="196">
        <v>0</v>
      </c>
      <c r="CE11" s="193">
        <v>0</v>
      </c>
      <c r="CF11" s="191">
        <v>7</v>
      </c>
      <c r="CG11" s="191">
        <v>8</v>
      </c>
      <c r="CH11" s="191">
        <v>12</v>
      </c>
      <c r="CI11" s="191">
        <v>2</v>
      </c>
      <c r="CJ11" s="191">
        <v>2</v>
      </c>
      <c r="CK11" s="196">
        <v>31</v>
      </c>
      <c r="CL11" s="195">
        <v>31</v>
      </c>
      <c r="CM11" s="190">
        <v>0</v>
      </c>
      <c r="CN11" s="191">
        <v>0</v>
      </c>
      <c r="CO11" s="196">
        <v>0</v>
      </c>
      <c r="CP11" s="193">
        <v>0</v>
      </c>
      <c r="CQ11" s="191">
        <v>1</v>
      </c>
      <c r="CR11" s="191">
        <v>0</v>
      </c>
      <c r="CS11" s="191">
        <v>1</v>
      </c>
      <c r="CT11" s="191">
        <v>1</v>
      </c>
      <c r="CU11" s="191">
        <v>1</v>
      </c>
      <c r="CV11" s="196">
        <v>4</v>
      </c>
      <c r="CW11" s="195">
        <v>4</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20</v>
      </c>
      <c r="DU11" s="191">
        <v>22</v>
      </c>
      <c r="DV11" s="196">
        <v>42</v>
      </c>
      <c r="DW11" s="193">
        <v>0</v>
      </c>
      <c r="DX11" s="191">
        <v>55</v>
      </c>
      <c r="DY11" s="191">
        <v>61</v>
      </c>
      <c r="DZ11" s="191">
        <v>41</v>
      </c>
      <c r="EA11" s="191">
        <v>28</v>
      </c>
      <c r="EB11" s="191">
        <v>18</v>
      </c>
      <c r="EC11" s="196">
        <v>203</v>
      </c>
      <c r="ED11" s="195">
        <v>245</v>
      </c>
      <c r="EE11" s="190">
        <v>6</v>
      </c>
      <c r="EF11" s="191">
        <v>2</v>
      </c>
      <c r="EG11" s="196">
        <v>8</v>
      </c>
      <c r="EH11" s="193">
        <v>0</v>
      </c>
      <c r="EI11" s="191">
        <v>14</v>
      </c>
      <c r="EJ11" s="191">
        <v>13</v>
      </c>
      <c r="EK11" s="191">
        <v>5</v>
      </c>
      <c r="EL11" s="191">
        <v>13</v>
      </c>
      <c r="EM11" s="191">
        <v>4</v>
      </c>
      <c r="EN11" s="196">
        <v>49</v>
      </c>
      <c r="EO11" s="195">
        <v>57</v>
      </c>
      <c r="EP11" s="190">
        <v>29</v>
      </c>
      <c r="EQ11" s="191">
        <v>25</v>
      </c>
      <c r="ER11" s="196">
        <v>54</v>
      </c>
      <c r="ES11" s="193">
        <v>0</v>
      </c>
      <c r="ET11" s="191">
        <v>113</v>
      </c>
      <c r="EU11" s="191">
        <v>85</v>
      </c>
      <c r="EV11" s="191">
        <v>47</v>
      </c>
      <c r="EW11" s="191">
        <v>28</v>
      </c>
      <c r="EX11" s="191">
        <v>19</v>
      </c>
      <c r="EY11" s="196">
        <v>292</v>
      </c>
      <c r="EZ11" s="195">
        <v>346</v>
      </c>
    </row>
    <row r="12" spans="2:156" ht="21" customHeight="1" x14ac:dyDescent="0.2">
      <c r="B12" s="106" t="s">
        <v>9</v>
      </c>
      <c r="C12" s="190">
        <v>0</v>
      </c>
      <c r="D12" s="191">
        <v>0</v>
      </c>
      <c r="E12" s="192">
        <v>0</v>
      </c>
      <c r="F12" s="193">
        <v>0</v>
      </c>
      <c r="G12" s="191">
        <v>72</v>
      </c>
      <c r="H12" s="191">
        <v>50</v>
      </c>
      <c r="I12" s="191">
        <v>41</v>
      </c>
      <c r="J12" s="191">
        <v>37</v>
      </c>
      <c r="K12" s="191">
        <v>21</v>
      </c>
      <c r="L12" s="194">
        <v>221</v>
      </c>
      <c r="M12" s="195">
        <v>221</v>
      </c>
      <c r="N12" s="190">
        <v>0</v>
      </c>
      <c r="O12" s="191">
        <v>0</v>
      </c>
      <c r="P12" s="196">
        <v>0</v>
      </c>
      <c r="Q12" s="193">
        <v>0</v>
      </c>
      <c r="R12" s="191">
        <v>1</v>
      </c>
      <c r="S12" s="191">
        <v>2</v>
      </c>
      <c r="T12" s="191">
        <v>1</v>
      </c>
      <c r="U12" s="191">
        <v>7</v>
      </c>
      <c r="V12" s="191">
        <v>9</v>
      </c>
      <c r="W12" s="196">
        <v>20</v>
      </c>
      <c r="X12" s="195">
        <v>20</v>
      </c>
      <c r="Y12" s="190">
        <v>15</v>
      </c>
      <c r="Z12" s="191">
        <v>15</v>
      </c>
      <c r="AA12" s="196">
        <v>30</v>
      </c>
      <c r="AB12" s="193">
        <v>0</v>
      </c>
      <c r="AC12" s="191">
        <v>50</v>
      </c>
      <c r="AD12" s="191">
        <v>46</v>
      </c>
      <c r="AE12" s="191">
        <v>29</v>
      </c>
      <c r="AF12" s="191">
        <v>26</v>
      </c>
      <c r="AG12" s="191">
        <v>20</v>
      </c>
      <c r="AH12" s="196">
        <v>171</v>
      </c>
      <c r="AI12" s="195">
        <v>201</v>
      </c>
      <c r="AJ12" s="190">
        <v>1</v>
      </c>
      <c r="AK12" s="191">
        <v>2</v>
      </c>
      <c r="AL12" s="196">
        <v>3</v>
      </c>
      <c r="AM12" s="193">
        <v>0</v>
      </c>
      <c r="AN12" s="191">
        <v>4</v>
      </c>
      <c r="AO12" s="191">
        <v>8</v>
      </c>
      <c r="AP12" s="191">
        <v>9</v>
      </c>
      <c r="AQ12" s="191">
        <v>5</v>
      </c>
      <c r="AR12" s="191">
        <v>5</v>
      </c>
      <c r="AS12" s="196">
        <v>31</v>
      </c>
      <c r="AT12" s="195">
        <v>34</v>
      </c>
      <c r="AU12" s="190">
        <v>17</v>
      </c>
      <c r="AV12" s="191">
        <v>8</v>
      </c>
      <c r="AW12" s="196">
        <v>25</v>
      </c>
      <c r="AX12" s="193">
        <v>0</v>
      </c>
      <c r="AY12" s="191">
        <v>65</v>
      </c>
      <c r="AZ12" s="191">
        <v>81</v>
      </c>
      <c r="BA12" s="191">
        <v>69</v>
      </c>
      <c r="BB12" s="191">
        <v>63</v>
      </c>
      <c r="BC12" s="191">
        <v>40</v>
      </c>
      <c r="BD12" s="194">
        <v>318</v>
      </c>
      <c r="BE12" s="195">
        <v>343</v>
      </c>
      <c r="BF12" s="190">
        <v>0</v>
      </c>
      <c r="BG12" s="191">
        <v>0</v>
      </c>
      <c r="BH12" s="196">
        <v>0</v>
      </c>
      <c r="BI12" s="193">
        <v>0</v>
      </c>
      <c r="BJ12" s="191">
        <v>68</v>
      </c>
      <c r="BK12" s="191">
        <v>43</v>
      </c>
      <c r="BL12" s="191">
        <v>22</v>
      </c>
      <c r="BM12" s="191">
        <v>10</v>
      </c>
      <c r="BN12" s="191">
        <v>5</v>
      </c>
      <c r="BO12" s="196">
        <v>148</v>
      </c>
      <c r="BP12" s="195">
        <v>148</v>
      </c>
      <c r="BQ12" s="190">
        <v>10</v>
      </c>
      <c r="BR12" s="191">
        <v>11</v>
      </c>
      <c r="BS12" s="196">
        <v>21</v>
      </c>
      <c r="BT12" s="193">
        <v>0</v>
      </c>
      <c r="BU12" s="191">
        <v>26</v>
      </c>
      <c r="BV12" s="191">
        <v>15</v>
      </c>
      <c r="BW12" s="191">
        <v>12</v>
      </c>
      <c r="BX12" s="191">
        <v>8</v>
      </c>
      <c r="BY12" s="191">
        <v>5</v>
      </c>
      <c r="BZ12" s="196">
        <v>66</v>
      </c>
      <c r="CA12" s="195">
        <v>87</v>
      </c>
      <c r="CB12" s="190">
        <v>0</v>
      </c>
      <c r="CC12" s="191">
        <v>0</v>
      </c>
      <c r="CD12" s="196">
        <v>0</v>
      </c>
      <c r="CE12" s="193">
        <v>0</v>
      </c>
      <c r="CF12" s="191">
        <v>8</v>
      </c>
      <c r="CG12" s="191">
        <v>9</v>
      </c>
      <c r="CH12" s="191">
        <v>16</v>
      </c>
      <c r="CI12" s="191">
        <v>6</v>
      </c>
      <c r="CJ12" s="191">
        <v>6</v>
      </c>
      <c r="CK12" s="196">
        <v>45</v>
      </c>
      <c r="CL12" s="195">
        <v>45</v>
      </c>
      <c r="CM12" s="190">
        <v>0</v>
      </c>
      <c r="CN12" s="191">
        <v>0</v>
      </c>
      <c r="CO12" s="196">
        <v>0</v>
      </c>
      <c r="CP12" s="193">
        <v>0</v>
      </c>
      <c r="CQ12" s="191">
        <v>1</v>
      </c>
      <c r="CR12" s="191">
        <v>1</v>
      </c>
      <c r="CS12" s="191">
        <v>4</v>
      </c>
      <c r="CT12" s="191">
        <v>4</v>
      </c>
      <c r="CU12" s="191">
        <v>0</v>
      </c>
      <c r="CV12" s="196">
        <v>10</v>
      </c>
      <c r="CW12" s="195">
        <v>10</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31</v>
      </c>
      <c r="DU12" s="191">
        <v>38</v>
      </c>
      <c r="DV12" s="196">
        <v>69</v>
      </c>
      <c r="DW12" s="193">
        <v>0</v>
      </c>
      <c r="DX12" s="191">
        <v>97</v>
      </c>
      <c r="DY12" s="191">
        <v>106</v>
      </c>
      <c r="DZ12" s="191">
        <v>74</v>
      </c>
      <c r="EA12" s="191">
        <v>51</v>
      </c>
      <c r="EB12" s="191">
        <v>34</v>
      </c>
      <c r="EC12" s="196">
        <v>362</v>
      </c>
      <c r="ED12" s="195">
        <v>431</v>
      </c>
      <c r="EE12" s="190">
        <v>16</v>
      </c>
      <c r="EF12" s="191">
        <v>7</v>
      </c>
      <c r="EG12" s="196">
        <v>23</v>
      </c>
      <c r="EH12" s="193">
        <v>0</v>
      </c>
      <c r="EI12" s="191">
        <v>31</v>
      </c>
      <c r="EJ12" s="191">
        <v>32</v>
      </c>
      <c r="EK12" s="191">
        <v>27</v>
      </c>
      <c r="EL12" s="191">
        <v>23</v>
      </c>
      <c r="EM12" s="191">
        <v>12</v>
      </c>
      <c r="EN12" s="196">
        <v>125</v>
      </c>
      <c r="EO12" s="195">
        <v>148</v>
      </c>
      <c r="EP12" s="190">
        <v>49</v>
      </c>
      <c r="EQ12" s="191">
        <v>49</v>
      </c>
      <c r="ER12" s="196">
        <v>98</v>
      </c>
      <c r="ES12" s="193">
        <v>0</v>
      </c>
      <c r="ET12" s="191">
        <v>195</v>
      </c>
      <c r="EU12" s="191">
        <v>142</v>
      </c>
      <c r="EV12" s="191">
        <v>90</v>
      </c>
      <c r="EW12" s="191">
        <v>61</v>
      </c>
      <c r="EX12" s="191">
        <v>33</v>
      </c>
      <c r="EY12" s="196">
        <v>521</v>
      </c>
      <c r="EZ12" s="195">
        <v>619</v>
      </c>
    </row>
    <row r="13" spans="2:156" ht="21" customHeight="1" x14ac:dyDescent="0.2">
      <c r="B13" s="106" t="s">
        <v>10</v>
      </c>
      <c r="C13" s="190">
        <v>0</v>
      </c>
      <c r="D13" s="191">
        <v>0</v>
      </c>
      <c r="E13" s="192">
        <v>0</v>
      </c>
      <c r="F13" s="193">
        <v>0</v>
      </c>
      <c r="G13" s="191">
        <v>89</v>
      </c>
      <c r="H13" s="191">
        <v>57</v>
      </c>
      <c r="I13" s="191">
        <v>49</v>
      </c>
      <c r="J13" s="191">
        <v>30</v>
      </c>
      <c r="K13" s="191">
        <v>15</v>
      </c>
      <c r="L13" s="194">
        <v>240</v>
      </c>
      <c r="M13" s="195">
        <v>240</v>
      </c>
      <c r="N13" s="190">
        <v>0</v>
      </c>
      <c r="O13" s="191">
        <v>0</v>
      </c>
      <c r="P13" s="196">
        <v>0</v>
      </c>
      <c r="Q13" s="193">
        <v>0</v>
      </c>
      <c r="R13" s="191">
        <v>0</v>
      </c>
      <c r="S13" s="191">
        <v>2</v>
      </c>
      <c r="T13" s="191">
        <v>3</v>
      </c>
      <c r="U13" s="191">
        <v>7</v>
      </c>
      <c r="V13" s="191">
        <v>5</v>
      </c>
      <c r="W13" s="196">
        <v>17</v>
      </c>
      <c r="X13" s="195">
        <v>17</v>
      </c>
      <c r="Y13" s="190">
        <v>17</v>
      </c>
      <c r="Z13" s="191">
        <v>28</v>
      </c>
      <c r="AA13" s="196">
        <v>45</v>
      </c>
      <c r="AB13" s="193">
        <v>0</v>
      </c>
      <c r="AC13" s="191">
        <v>65</v>
      </c>
      <c r="AD13" s="191">
        <v>49</v>
      </c>
      <c r="AE13" s="191">
        <v>31</v>
      </c>
      <c r="AF13" s="191">
        <v>23</v>
      </c>
      <c r="AG13" s="191">
        <v>9</v>
      </c>
      <c r="AH13" s="196">
        <v>177</v>
      </c>
      <c r="AI13" s="195">
        <v>222</v>
      </c>
      <c r="AJ13" s="190">
        <v>1</v>
      </c>
      <c r="AK13" s="191">
        <v>2</v>
      </c>
      <c r="AL13" s="196">
        <v>3</v>
      </c>
      <c r="AM13" s="193">
        <v>0</v>
      </c>
      <c r="AN13" s="191">
        <v>9</v>
      </c>
      <c r="AO13" s="191">
        <v>9</v>
      </c>
      <c r="AP13" s="191">
        <v>5</v>
      </c>
      <c r="AQ13" s="191">
        <v>2</v>
      </c>
      <c r="AR13" s="191">
        <v>3</v>
      </c>
      <c r="AS13" s="196">
        <v>28</v>
      </c>
      <c r="AT13" s="195">
        <v>31</v>
      </c>
      <c r="AU13" s="190">
        <v>25</v>
      </c>
      <c r="AV13" s="191">
        <v>20</v>
      </c>
      <c r="AW13" s="196">
        <v>45</v>
      </c>
      <c r="AX13" s="193">
        <v>0</v>
      </c>
      <c r="AY13" s="191">
        <v>102</v>
      </c>
      <c r="AZ13" s="191">
        <v>95</v>
      </c>
      <c r="BA13" s="191">
        <v>90</v>
      </c>
      <c r="BB13" s="191">
        <v>74</v>
      </c>
      <c r="BC13" s="191">
        <v>69</v>
      </c>
      <c r="BD13" s="194">
        <v>430</v>
      </c>
      <c r="BE13" s="195">
        <v>475</v>
      </c>
      <c r="BF13" s="190">
        <v>0</v>
      </c>
      <c r="BG13" s="191">
        <v>0</v>
      </c>
      <c r="BH13" s="196">
        <v>0</v>
      </c>
      <c r="BI13" s="193">
        <v>0</v>
      </c>
      <c r="BJ13" s="191">
        <v>135</v>
      </c>
      <c r="BK13" s="191">
        <v>61</v>
      </c>
      <c r="BL13" s="191">
        <v>42</v>
      </c>
      <c r="BM13" s="191">
        <v>14</v>
      </c>
      <c r="BN13" s="191">
        <v>6</v>
      </c>
      <c r="BO13" s="196">
        <v>258</v>
      </c>
      <c r="BP13" s="195">
        <v>258</v>
      </c>
      <c r="BQ13" s="190">
        <v>5</v>
      </c>
      <c r="BR13" s="191">
        <v>5</v>
      </c>
      <c r="BS13" s="196">
        <v>10</v>
      </c>
      <c r="BT13" s="193">
        <v>0</v>
      </c>
      <c r="BU13" s="191">
        <v>20</v>
      </c>
      <c r="BV13" s="191">
        <v>21</v>
      </c>
      <c r="BW13" s="191">
        <v>10</v>
      </c>
      <c r="BX13" s="191">
        <v>2</v>
      </c>
      <c r="BY13" s="191">
        <v>2</v>
      </c>
      <c r="BZ13" s="196">
        <v>55</v>
      </c>
      <c r="CA13" s="195">
        <v>65</v>
      </c>
      <c r="CB13" s="190">
        <v>0</v>
      </c>
      <c r="CC13" s="191">
        <v>4</v>
      </c>
      <c r="CD13" s="196">
        <v>4</v>
      </c>
      <c r="CE13" s="193">
        <v>0</v>
      </c>
      <c r="CF13" s="191">
        <v>15</v>
      </c>
      <c r="CG13" s="191">
        <v>9</v>
      </c>
      <c r="CH13" s="191">
        <v>11</v>
      </c>
      <c r="CI13" s="191">
        <v>11</v>
      </c>
      <c r="CJ13" s="191">
        <v>1</v>
      </c>
      <c r="CK13" s="196">
        <v>47</v>
      </c>
      <c r="CL13" s="195">
        <v>51</v>
      </c>
      <c r="CM13" s="190">
        <v>0</v>
      </c>
      <c r="CN13" s="191">
        <v>0</v>
      </c>
      <c r="CO13" s="196">
        <v>0</v>
      </c>
      <c r="CP13" s="193">
        <v>0</v>
      </c>
      <c r="CQ13" s="191">
        <v>0</v>
      </c>
      <c r="CR13" s="191">
        <v>1</v>
      </c>
      <c r="CS13" s="191">
        <v>0</v>
      </c>
      <c r="CT13" s="191">
        <v>1</v>
      </c>
      <c r="CU13" s="191">
        <v>1</v>
      </c>
      <c r="CV13" s="196">
        <v>3</v>
      </c>
      <c r="CW13" s="195">
        <v>3</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52</v>
      </c>
      <c r="DU13" s="191">
        <v>102</v>
      </c>
      <c r="DV13" s="196">
        <v>154</v>
      </c>
      <c r="DW13" s="193">
        <v>0</v>
      </c>
      <c r="DX13" s="191">
        <v>132</v>
      </c>
      <c r="DY13" s="191">
        <v>120</v>
      </c>
      <c r="DZ13" s="191">
        <v>80</v>
      </c>
      <c r="EA13" s="191">
        <v>51</v>
      </c>
      <c r="EB13" s="191">
        <v>29</v>
      </c>
      <c r="EC13" s="196">
        <v>412</v>
      </c>
      <c r="ED13" s="195">
        <v>566</v>
      </c>
      <c r="EE13" s="190">
        <v>11</v>
      </c>
      <c r="EF13" s="191">
        <v>9</v>
      </c>
      <c r="EG13" s="196">
        <v>20</v>
      </c>
      <c r="EH13" s="193">
        <v>0</v>
      </c>
      <c r="EI13" s="191">
        <v>32</v>
      </c>
      <c r="EJ13" s="191">
        <v>25</v>
      </c>
      <c r="EK13" s="191">
        <v>29</v>
      </c>
      <c r="EL13" s="191">
        <v>29</v>
      </c>
      <c r="EM13" s="191">
        <v>32</v>
      </c>
      <c r="EN13" s="196">
        <v>147</v>
      </c>
      <c r="EO13" s="195">
        <v>167</v>
      </c>
      <c r="EP13" s="190">
        <v>70</v>
      </c>
      <c r="EQ13" s="191">
        <v>117</v>
      </c>
      <c r="ER13" s="196">
        <v>187</v>
      </c>
      <c r="ES13" s="193">
        <v>0</v>
      </c>
      <c r="ET13" s="191">
        <v>267</v>
      </c>
      <c r="EU13" s="191">
        <v>154</v>
      </c>
      <c r="EV13" s="191">
        <v>93</v>
      </c>
      <c r="EW13" s="191">
        <v>58</v>
      </c>
      <c r="EX13" s="191">
        <v>27</v>
      </c>
      <c r="EY13" s="196">
        <v>599</v>
      </c>
      <c r="EZ13" s="195">
        <v>786</v>
      </c>
    </row>
    <row r="14" spans="2:156" ht="21" customHeight="1" x14ac:dyDescent="0.2">
      <c r="B14" s="106" t="s">
        <v>11</v>
      </c>
      <c r="C14" s="190">
        <v>0</v>
      </c>
      <c r="D14" s="191">
        <v>0</v>
      </c>
      <c r="E14" s="192">
        <v>0</v>
      </c>
      <c r="F14" s="193">
        <v>0</v>
      </c>
      <c r="G14" s="191">
        <v>16</v>
      </c>
      <c r="H14" s="191">
        <v>13</v>
      </c>
      <c r="I14" s="191">
        <v>7</v>
      </c>
      <c r="J14" s="191">
        <v>11</v>
      </c>
      <c r="K14" s="191">
        <v>5</v>
      </c>
      <c r="L14" s="194">
        <v>52</v>
      </c>
      <c r="M14" s="195">
        <v>52</v>
      </c>
      <c r="N14" s="190">
        <v>0</v>
      </c>
      <c r="O14" s="191">
        <v>0</v>
      </c>
      <c r="P14" s="196">
        <v>0</v>
      </c>
      <c r="Q14" s="193">
        <v>0</v>
      </c>
      <c r="R14" s="191">
        <v>0</v>
      </c>
      <c r="S14" s="191">
        <v>0</v>
      </c>
      <c r="T14" s="191">
        <v>0</v>
      </c>
      <c r="U14" s="191">
        <v>3</v>
      </c>
      <c r="V14" s="191">
        <v>1</v>
      </c>
      <c r="W14" s="196">
        <v>4</v>
      </c>
      <c r="X14" s="195">
        <v>4</v>
      </c>
      <c r="Y14" s="190">
        <v>3</v>
      </c>
      <c r="Z14" s="191">
        <v>3</v>
      </c>
      <c r="AA14" s="196">
        <v>6</v>
      </c>
      <c r="AB14" s="193">
        <v>0</v>
      </c>
      <c r="AC14" s="191">
        <v>22</v>
      </c>
      <c r="AD14" s="191">
        <v>18</v>
      </c>
      <c r="AE14" s="191">
        <v>7</v>
      </c>
      <c r="AF14" s="191">
        <v>12</v>
      </c>
      <c r="AG14" s="191">
        <v>6</v>
      </c>
      <c r="AH14" s="196">
        <v>65</v>
      </c>
      <c r="AI14" s="195">
        <v>71</v>
      </c>
      <c r="AJ14" s="190">
        <v>0</v>
      </c>
      <c r="AK14" s="191">
        <v>0</v>
      </c>
      <c r="AL14" s="196">
        <v>0</v>
      </c>
      <c r="AM14" s="193">
        <v>0</v>
      </c>
      <c r="AN14" s="191">
        <v>4</v>
      </c>
      <c r="AO14" s="191">
        <v>2</v>
      </c>
      <c r="AP14" s="191">
        <v>0</v>
      </c>
      <c r="AQ14" s="191">
        <v>1</v>
      </c>
      <c r="AR14" s="191">
        <v>1</v>
      </c>
      <c r="AS14" s="196">
        <v>8</v>
      </c>
      <c r="AT14" s="195">
        <v>8</v>
      </c>
      <c r="AU14" s="190">
        <v>4</v>
      </c>
      <c r="AV14" s="191">
        <v>5</v>
      </c>
      <c r="AW14" s="196">
        <v>9</v>
      </c>
      <c r="AX14" s="193">
        <v>0</v>
      </c>
      <c r="AY14" s="191">
        <v>20</v>
      </c>
      <c r="AZ14" s="191">
        <v>28</v>
      </c>
      <c r="BA14" s="191">
        <v>18</v>
      </c>
      <c r="BB14" s="191">
        <v>21</v>
      </c>
      <c r="BC14" s="191">
        <v>14</v>
      </c>
      <c r="BD14" s="194">
        <v>101</v>
      </c>
      <c r="BE14" s="195">
        <v>110</v>
      </c>
      <c r="BF14" s="190">
        <v>0</v>
      </c>
      <c r="BG14" s="191">
        <v>0</v>
      </c>
      <c r="BH14" s="196">
        <v>0</v>
      </c>
      <c r="BI14" s="193">
        <v>0</v>
      </c>
      <c r="BJ14" s="191">
        <v>18</v>
      </c>
      <c r="BK14" s="191">
        <v>16</v>
      </c>
      <c r="BL14" s="191">
        <v>6</v>
      </c>
      <c r="BM14" s="191">
        <v>5</v>
      </c>
      <c r="BN14" s="191">
        <v>3</v>
      </c>
      <c r="BO14" s="196">
        <v>48</v>
      </c>
      <c r="BP14" s="195">
        <v>48</v>
      </c>
      <c r="BQ14" s="190">
        <v>1</v>
      </c>
      <c r="BR14" s="191">
        <v>5</v>
      </c>
      <c r="BS14" s="196">
        <v>6</v>
      </c>
      <c r="BT14" s="193">
        <v>0</v>
      </c>
      <c r="BU14" s="191">
        <v>11</v>
      </c>
      <c r="BV14" s="191">
        <v>6</v>
      </c>
      <c r="BW14" s="191">
        <v>11</v>
      </c>
      <c r="BX14" s="191">
        <v>2</v>
      </c>
      <c r="BY14" s="191">
        <v>1</v>
      </c>
      <c r="BZ14" s="196">
        <v>31</v>
      </c>
      <c r="CA14" s="195">
        <v>37</v>
      </c>
      <c r="CB14" s="190">
        <v>0</v>
      </c>
      <c r="CC14" s="191">
        <v>0</v>
      </c>
      <c r="CD14" s="196">
        <v>0</v>
      </c>
      <c r="CE14" s="193">
        <v>0</v>
      </c>
      <c r="CF14" s="191">
        <v>5</v>
      </c>
      <c r="CG14" s="191">
        <v>4</v>
      </c>
      <c r="CH14" s="191">
        <v>1</v>
      </c>
      <c r="CI14" s="191">
        <v>1</v>
      </c>
      <c r="CJ14" s="191">
        <v>2</v>
      </c>
      <c r="CK14" s="196">
        <v>13</v>
      </c>
      <c r="CL14" s="195">
        <v>13</v>
      </c>
      <c r="CM14" s="190">
        <v>0</v>
      </c>
      <c r="CN14" s="191">
        <v>0</v>
      </c>
      <c r="CO14" s="196">
        <v>0</v>
      </c>
      <c r="CP14" s="193">
        <v>0</v>
      </c>
      <c r="CQ14" s="191">
        <v>0</v>
      </c>
      <c r="CR14" s="191">
        <v>0</v>
      </c>
      <c r="CS14" s="191">
        <v>1</v>
      </c>
      <c r="CT14" s="191">
        <v>0</v>
      </c>
      <c r="CU14" s="191">
        <v>1</v>
      </c>
      <c r="CV14" s="196">
        <v>2</v>
      </c>
      <c r="CW14" s="195">
        <v>2</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19</v>
      </c>
      <c r="DU14" s="191">
        <v>17</v>
      </c>
      <c r="DV14" s="196">
        <v>36</v>
      </c>
      <c r="DW14" s="193">
        <v>0</v>
      </c>
      <c r="DX14" s="191">
        <v>45</v>
      </c>
      <c r="DY14" s="191">
        <v>41</v>
      </c>
      <c r="DZ14" s="191">
        <v>27</v>
      </c>
      <c r="EA14" s="191">
        <v>26</v>
      </c>
      <c r="EB14" s="191">
        <v>8</v>
      </c>
      <c r="EC14" s="196">
        <v>147</v>
      </c>
      <c r="ED14" s="195">
        <v>183</v>
      </c>
      <c r="EE14" s="190">
        <v>3</v>
      </c>
      <c r="EF14" s="191">
        <v>3</v>
      </c>
      <c r="EG14" s="196">
        <v>6</v>
      </c>
      <c r="EH14" s="193">
        <v>0</v>
      </c>
      <c r="EI14" s="191">
        <v>20</v>
      </c>
      <c r="EJ14" s="191">
        <v>12</v>
      </c>
      <c r="EK14" s="191">
        <v>10</v>
      </c>
      <c r="EL14" s="191">
        <v>10</v>
      </c>
      <c r="EM14" s="191">
        <v>10</v>
      </c>
      <c r="EN14" s="196">
        <v>62</v>
      </c>
      <c r="EO14" s="195">
        <v>68</v>
      </c>
      <c r="EP14" s="190">
        <v>24</v>
      </c>
      <c r="EQ14" s="191">
        <v>21</v>
      </c>
      <c r="ER14" s="196">
        <v>45</v>
      </c>
      <c r="ES14" s="193">
        <v>0</v>
      </c>
      <c r="ET14" s="191">
        <v>88</v>
      </c>
      <c r="EU14" s="191">
        <v>54</v>
      </c>
      <c r="EV14" s="191">
        <v>29</v>
      </c>
      <c r="EW14" s="191">
        <v>29</v>
      </c>
      <c r="EX14" s="191">
        <v>10</v>
      </c>
      <c r="EY14" s="196">
        <v>210</v>
      </c>
      <c r="EZ14" s="195">
        <v>255</v>
      </c>
    </row>
    <row r="15" spans="2:156" ht="21" customHeight="1" x14ac:dyDescent="0.2">
      <c r="B15" s="106" t="s">
        <v>12</v>
      </c>
      <c r="C15" s="190">
        <v>0</v>
      </c>
      <c r="D15" s="191">
        <v>0</v>
      </c>
      <c r="E15" s="192">
        <v>0</v>
      </c>
      <c r="F15" s="193">
        <v>0</v>
      </c>
      <c r="G15" s="191">
        <v>39</v>
      </c>
      <c r="H15" s="191">
        <v>37</v>
      </c>
      <c r="I15" s="191">
        <v>19</v>
      </c>
      <c r="J15" s="191">
        <v>16</v>
      </c>
      <c r="K15" s="191">
        <v>16</v>
      </c>
      <c r="L15" s="194">
        <v>127</v>
      </c>
      <c r="M15" s="195">
        <v>127</v>
      </c>
      <c r="N15" s="190">
        <v>0</v>
      </c>
      <c r="O15" s="191">
        <v>0</v>
      </c>
      <c r="P15" s="196">
        <v>0</v>
      </c>
      <c r="Q15" s="193">
        <v>0</v>
      </c>
      <c r="R15" s="191">
        <v>0</v>
      </c>
      <c r="S15" s="191">
        <v>1</v>
      </c>
      <c r="T15" s="191">
        <v>2</v>
      </c>
      <c r="U15" s="191">
        <v>3</v>
      </c>
      <c r="V15" s="191">
        <v>2</v>
      </c>
      <c r="W15" s="196">
        <v>8</v>
      </c>
      <c r="X15" s="195">
        <v>8</v>
      </c>
      <c r="Y15" s="190">
        <v>8</v>
      </c>
      <c r="Z15" s="191">
        <v>28</v>
      </c>
      <c r="AA15" s="196">
        <v>36</v>
      </c>
      <c r="AB15" s="193">
        <v>0</v>
      </c>
      <c r="AC15" s="191">
        <v>25</v>
      </c>
      <c r="AD15" s="191">
        <v>25</v>
      </c>
      <c r="AE15" s="191">
        <v>11</v>
      </c>
      <c r="AF15" s="191">
        <v>21</v>
      </c>
      <c r="AG15" s="191">
        <v>10</v>
      </c>
      <c r="AH15" s="196">
        <v>92</v>
      </c>
      <c r="AI15" s="195">
        <v>128</v>
      </c>
      <c r="AJ15" s="190">
        <v>1</v>
      </c>
      <c r="AK15" s="191">
        <v>2</v>
      </c>
      <c r="AL15" s="196">
        <v>3</v>
      </c>
      <c r="AM15" s="193">
        <v>0</v>
      </c>
      <c r="AN15" s="191">
        <v>1</v>
      </c>
      <c r="AO15" s="191">
        <v>3</v>
      </c>
      <c r="AP15" s="191">
        <v>2</v>
      </c>
      <c r="AQ15" s="191">
        <v>1</v>
      </c>
      <c r="AR15" s="191">
        <v>0</v>
      </c>
      <c r="AS15" s="196">
        <v>7</v>
      </c>
      <c r="AT15" s="195">
        <v>10</v>
      </c>
      <c r="AU15" s="190">
        <v>4</v>
      </c>
      <c r="AV15" s="191">
        <v>11</v>
      </c>
      <c r="AW15" s="196">
        <v>15</v>
      </c>
      <c r="AX15" s="193">
        <v>0</v>
      </c>
      <c r="AY15" s="191">
        <v>26</v>
      </c>
      <c r="AZ15" s="191">
        <v>35</v>
      </c>
      <c r="BA15" s="191">
        <v>23</v>
      </c>
      <c r="BB15" s="191">
        <v>28</v>
      </c>
      <c r="BC15" s="191">
        <v>18</v>
      </c>
      <c r="BD15" s="194">
        <v>130</v>
      </c>
      <c r="BE15" s="195">
        <v>145</v>
      </c>
      <c r="BF15" s="190">
        <v>0</v>
      </c>
      <c r="BG15" s="191">
        <v>0</v>
      </c>
      <c r="BH15" s="196">
        <v>0</v>
      </c>
      <c r="BI15" s="193">
        <v>0</v>
      </c>
      <c r="BJ15" s="191">
        <v>42</v>
      </c>
      <c r="BK15" s="191">
        <v>34</v>
      </c>
      <c r="BL15" s="191">
        <v>16</v>
      </c>
      <c r="BM15" s="191">
        <v>11</v>
      </c>
      <c r="BN15" s="191">
        <v>8</v>
      </c>
      <c r="BO15" s="196">
        <v>111</v>
      </c>
      <c r="BP15" s="195">
        <v>111</v>
      </c>
      <c r="BQ15" s="190">
        <v>9</v>
      </c>
      <c r="BR15" s="191">
        <v>9</v>
      </c>
      <c r="BS15" s="196">
        <v>18</v>
      </c>
      <c r="BT15" s="193">
        <v>0</v>
      </c>
      <c r="BU15" s="191">
        <v>11</v>
      </c>
      <c r="BV15" s="191">
        <v>7</v>
      </c>
      <c r="BW15" s="191">
        <v>14</v>
      </c>
      <c r="BX15" s="191">
        <v>8</v>
      </c>
      <c r="BY15" s="191">
        <v>1</v>
      </c>
      <c r="BZ15" s="196">
        <v>41</v>
      </c>
      <c r="CA15" s="195">
        <v>59</v>
      </c>
      <c r="CB15" s="190">
        <v>0</v>
      </c>
      <c r="CC15" s="191">
        <v>1</v>
      </c>
      <c r="CD15" s="196">
        <v>1</v>
      </c>
      <c r="CE15" s="193">
        <v>0</v>
      </c>
      <c r="CF15" s="191">
        <v>7</v>
      </c>
      <c r="CG15" s="191">
        <v>5</v>
      </c>
      <c r="CH15" s="191">
        <v>7</v>
      </c>
      <c r="CI15" s="191">
        <v>10</v>
      </c>
      <c r="CJ15" s="191">
        <v>3</v>
      </c>
      <c r="CK15" s="196">
        <v>32</v>
      </c>
      <c r="CL15" s="195">
        <v>33</v>
      </c>
      <c r="CM15" s="190">
        <v>0</v>
      </c>
      <c r="CN15" s="191">
        <v>0</v>
      </c>
      <c r="CO15" s="196">
        <v>0</v>
      </c>
      <c r="CP15" s="193">
        <v>0</v>
      </c>
      <c r="CQ15" s="191">
        <v>1</v>
      </c>
      <c r="CR15" s="191">
        <v>0</v>
      </c>
      <c r="CS15" s="191">
        <v>2</v>
      </c>
      <c r="CT15" s="191">
        <v>0</v>
      </c>
      <c r="CU15" s="191">
        <v>0</v>
      </c>
      <c r="CV15" s="196">
        <v>3</v>
      </c>
      <c r="CW15" s="195">
        <v>3</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5</v>
      </c>
      <c r="DU15" s="191">
        <v>64</v>
      </c>
      <c r="DV15" s="196">
        <v>89</v>
      </c>
      <c r="DW15" s="193">
        <v>0</v>
      </c>
      <c r="DX15" s="191">
        <v>41</v>
      </c>
      <c r="DY15" s="191">
        <v>64</v>
      </c>
      <c r="DZ15" s="191">
        <v>36</v>
      </c>
      <c r="EA15" s="191">
        <v>43</v>
      </c>
      <c r="EB15" s="191">
        <v>22</v>
      </c>
      <c r="EC15" s="196">
        <v>206</v>
      </c>
      <c r="ED15" s="195">
        <v>295</v>
      </c>
      <c r="EE15" s="190">
        <v>4</v>
      </c>
      <c r="EF15" s="191">
        <v>5</v>
      </c>
      <c r="EG15" s="196">
        <v>9</v>
      </c>
      <c r="EH15" s="193">
        <v>0</v>
      </c>
      <c r="EI15" s="191">
        <v>10</v>
      </c>
      <c r="EJ15" s="191">
        <v>17</v>
      </c>
      <c r="EK15" s="191">
        <v>13</v>
      </c>
      <c r="EL15" s="191">
        <v>10</v>
      </c>
      <c r="EM15" s="191">
        <v>8</v>
      </c>
      <c r="EN15" s="196">
        <v>58</v>
      </c>
      <c r="EO15" s="195">
        <v>67</v>
      </c>
      <c r="EP15" s="190">
        <v>37</v>
      </c>
      <c r="EQ15" s="191">
        <v>82</v>
      </c>
      <c r="ER15" s="196">
        <v>119</v>
      </c>
      <c r="ES15" s="193">
        <v>0</v>
      </c>
      <c r="ET15" s="191">
        <v>106</v>
      </c>
      <c r="EU15" s="191">
        <v>78</v>
      </c>
      <c r="EV15" s="191">
        <v>43</v>
      </c>
      <c r="EW15" s="191">
        <v>44</v>
      </c>
      <c r="EX15" s="191">
        <v>22</v>
      </c>
      <c r="EY15" s="196">
        <v>293</v>
      </c>
      <c r="EZ15" s="195">
        <v>412</v>
      </c>
    </row>
    <row r="16" spans="2:156" ht="21" customHeight="1" x14ac:dyDescent="0.2">
      <c r="B16" s="106" t="s">
        <v>13</v>
      </c>
      <c r="C16" s="190">
        <v>0</v>
      </c>
      <c r="D16" s="191">
        <v>0</v>
      </c>
      <c r="E16" s="192">
        <v>0</v>
      </c>
      <c r="F16" s="193">
        <v>0</v>
      </c>
      <c r="G16" s="191">
        <v>24</v>
      </c>
      <c r="H16" s="191">
        <v>22</v>
      </c>
      <c r="I16" s="191">
        <v>17</v>
      </c>
      <c r="J16" s="191">
        <v>8</v>
      </c>
      <c r="K16" s="191">
        <v>10</v>
      </c>
      <c r="L16" s="194">
        <v>81</v>
      </c>
      <c r="M16" s="195">
        <v>81</v>
      </c>
      <c r="N16" s="190">
        <v>0</v>
      </c>
      <c r="O16" s="191">
        <v>0</v>
      </c>
      <c r="P16" s="196">
        <v>0</v>
      </c>
      <c r="Q16" s="193">
        <v>0</v>
      </c>
      <c r="R16" s="191">
        <v>0</v>
      </c>
      <c r="S16" s="191">
        <v>1</v>
      </c>
      <c r="T16" s="191">
        <v>0</v>
      </c>
      <c r="U16" s="191">
        <v>1</v>
      </c>
      <c r="V16" s="191">
        <v>2</v>
      </c>
      <c r="W16" s="196">
        <v>4</v>
      </c>
      <c r="X16" s="195">
        <v>4</v>
      </c>
      <c r="Y16" s="190">
        <v>1</v>
      </c>
      <c r="Z16" s="191">
        <v>4</v>
      </c>
      <c r="AA16" s="196">
        <v>5</v>
      </c>
      <c r="AB16" s="193">
        <v>0</v>
      </c>
      <c r="AC16" s="191">
        <v>20</v>
      </c>
      <c r="AD16" s="191">
        <v>16</v>
      </c>
      <c r="AE16" s="191">
        <v>14</v>
      </c>
      <c r="AF16" s="191">
        <v>5</v>
      </c>
      <c r="AG16" s="191">
        <v>4</v>
      </c>
      <c r="AH16" s="196">
        <v>59</v>
      </c>
      <c r="AI16" s="195">
        <v>64</v>
      </c>
      <c r="AJ16" s="190">
        <v>0</v>
      </c>
      <c r="AK16" s="191">
        <v>0</v>
      </c>
      <c r="AL16" s="196">
        <v>0</v>
      </c>
      <c r="AM16" s="193">
        <v>0</v>
      </c>
      <c r="AN16" s="191">
        <v>1</v>
      </c>
      <c r="AO16" s="191">
        <v>3</v>
      </c>
      <c r="AP16" s="191">
        <v>1</v>
      </c>
      <c r="AQ16" s="191">
        <v>1</v>
      </c>
      <c r="AR16" s="191">
        <v>2</v>
      </c>
      <c r="AS16" s="196">
        <v>8</v>
      </c>
      <c r="AT16" s="195">
        <v>8</v>
      </c>
      <c r="AU16" s="190">
        <v>6</v>
      </c>
      <c r="AV16" s="191">
        <v>6</v>
      </c>
      <c r="AW16" s="196">
        <v>12</v>
      </c>
      <c r="AX16" s="193">
        <v>0</v>
      </c>
      <c r="AY16" s="191">
        <v>27</v>
      </c>
      <c r="AZ16" s="191">
        <v>29</v>
      </c>
      <c r="BA16" s="191">
        <v>19</v>
      </c>
      <c r="BB16" s="191">
        <v>17</v>
      </c>
      <c r="BC16" s="191">
        <v>20</v>
      </c>
      <c r="BD16" s="194">
        <v>112</v>
      </c>
      <c r="BE16" s="195">
        <v>124</v>
      </c>
      <c r="BF16" s="190">
        <v>0</v>
      </c>
      <c r="BG16" s="191">
        <v>0</v>
      </c>
      <c r="BH16" s="196">
        <v>0</v>
      </c>
      <c r="BI16" s="193">
        <v>0</v>
      </c>
      <c r="BJ16" s="191">
        <v>24</v>
      </c>
      <c r="BK16" s="191">
        <v>14</v>
      </c>
      <c r="BL16" s="191">
        <v>9</v>
      </c>
      <c r="BM16" s="191">
        <v>2</v>
      </c>
      <c r="BN16" s="191">
        <v>1</v>
      </c>
      <c r="BO16" s="196">
        <v>50</v>
      </c>
      <c r="BP16" s="195">
        <v>50</v>
      </c>
      <c r="BQ16" s="190">
        <v>1</v>
      </c>
      <c r="BR16" s="191">
        <v>0</v>
      </c>
      <c r="BS16" s="196">
        <v>1</v>
      </c>
      <c r="BT16" s="193">
        <v>0</v>
      </c>
      <c r="BU16" s="191">
        <v>3</v>
      </c>
      <c r="BV16" s="191">
        <v>3</v>
      </c>
      <c r="BW16" s="191">
        <v>2</v>
      </c>
      <c r="BX16" s="191">
        <v>4</v>
      </c>
      <c r="BY16" s="191">
        <v>1</v>
      </c>
      <c r="BZ16" s="196">
        <v>13</v>
      </c>
      <c r="CA16" s="195">
        <v>14</v>
      </c>
      <c r="CB16" s="190">
        <v>0</v>
      </c>
      <c r="CC16" s="191">
        <v>0</v>
      </c>
      <c r="CD16" s="196">
        <v>0</v>
      </c>
      <c r="CE16" s="193">
        <v>0</v>
      </c>
      <c r="CF16" s="191">
        <v>0</v>
      </c>
      <c r="CG16" s="191">
        <v>4</v>
      </c>
      <c r="CH16" s="191">
        <v>2</v>
      </c>
      <c r="CI16" s="191">
        <v>2</v>
      </c>
      <c r="CJ16" s="191">
        <v>1</v>
      </c>
      <c r="CK16" s="196">
        <v>9</v>
      </c>
      <c r="CL16" s="195">
        <v>9</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4</v>
      </c>
      <c r="DU16" s="191">
        <v>14</v>
      </c>
      <c r="DV16" s="196">
        <v>18</v>
      </c>
      <c r="DW16" s="193">
        <v>0</v>
      </c>
      <c r="DX16" s="191">
        <v>22</v>
      </c>
      <c r="DY16" s="191">
        <v>41</v>
      </c>
      <c r="DZ16" s="191">
        <v>20</v>
      </c>
      <c r="EA16" s="191">
        <v>12</v>
      </c>
      <c r="EB16" s="191">
        <v>12</v>
      </c>
      <c r="EC16" s="196">
        <v>107</v>
      </c>
      <c r="ED16" s="195">
        <v>125</v>
      </c>
      <c r="EE16" s="190">
        <v>3</v>
      </c>
      <c r="EF16" s="191">
        <v>4</v>
      </c>
      <c r="EG16" s="196">
        <v>7</v>
      </c>
      <c r="EH16" s="193">
        <v>0</v>
      </c>
      <c r="EI16" s="191">
        <v>12</v>
      </c>
      <c r="EJ16" s="191">
        <v>8</v>
      </c>
      <c r="EK16" s="191">
        <v>8</v>
      </c>
      <c r="EL16" s="191">
        <v>10</v>
      </c>
      <c r="EM16" s="191">
        <v>9</v>
      </c>
      <c r="EN16" s="196">
        <v>47</v>
      </c>
      <c r="EO16" s="195">
        <v>54</v>
      </c>
      <c r="EP16" s="190">
        <v>6</v>
      </c>
      <c r="EQ16" s="191">
        <v>16</v>
      </c>
      <c r="ER16" s="196">
        <v>22</v>
      </c>
      <c r="ES16" s="193">
        <v>0</v>
      </c>
      <c r="ET16" s="191">
        <v>61</v>
      </c>
      <c r="EU16" s="191">
        <v>52</v>
      </c>
      <c r="EV16" s="191">
        <v>30</v>
      </c>
      <c r="EW16" s="191">
        <v>13</v>
      </c>
      <c r="EX16" s="191">
        <v>12</v>
      </c>
      <c r="EY16" s="196">
        <v>168</v>
      </c>
      <c r="EZ16" s="195">
        <v>190</v>
      </c>
    </row>
    <row r="17" spans="2:156" ht="21" customHeight="1" x14ac:dyDescent="0.2">
      <c r="B17" s="106" t="s">
        <v>15</v>
      </c>
      <c r="C17" s="190">
        <v>0</v>
      </c>
      <c r="D17" s="191">
        <v>0</v>
      </c>
      <c r="E17" s="192">
        <v>0</v>
      </c>
      <c r="F17" s="193">
        <v>0</v>
      </c>
      <c r="G17" s="191">
        <v>9</v>
      </c>
      <c r="H17" s="191">
        <v>6</v>
      </c>
      <c r="I17" s="191">
        <v>0</v>
      </c>
      <c r="J17" s="191">
        <v>3</v>
      </c>
      <c r="K17" s="191">
        <v>3</v>
      </c>
      <c r="L17" s="194">
        <v>21</v>
      </c>
      <c r="M17" s="195">
        <v>21</v>
      </c>
      <c r="N17" s="190">
        <v>0</v>
      </c>
      <c r="O17" s="191">
        <v>0</v>
      </c>
      <c r="P17" s="196">
        <v>0</v>
      </c>
      <c r="Q17" s="193">
        <v>0</v>
      </c>
      <c r="R17" s="191">
        <v>0</v>
      </c>
      <c r="S17" s="191">
        <v>1</v>
      </c>
      <c r="T17" s="191">
        <v>1</v>
      </c>
      <c r="U17" s="191">
        <v>0</v>
      </c>
      <c r="V17" s="191">
        <v>2</v>
      </c>
      <c r="W17" s="196">
        <v>4</v>
      </c>
      <c r="X17" s="195">
        <v>4</v>
      </c>
      <c r="Y17" s="190">
        <v>0</v>
      </c>
      <c r="Z17" s="191">
        <v>1</v>
      </c>
      <c r="AA17" s="196">
        <v>1</v>
      </c>
      <c r="AB17" s="193">
        <v>0</v>
      </c>
      <c r="AC17" s="191">
        <v>4</v>
      </c>
      <c r="AD17" s="191">
        <v>4</v>
      </c>
      <c r="AE17" s="191">
        <v>1</v>
      </c>
      <c r="AF17" s="191">
        <v>2</v>
      </c>
      <c r="AG17" s="191">
        <v>3</v>
      </c>
      <c r="AH17" s="196">
        <v>14</v>
      </c>
      <c r="AI17" s="195">
        <v>15</v>
      </c>
      <c r="AJ17" s="190">
        <v>0</v>
      </c>
      <c r="AK17" s="191">
        <v>0</v>
      </c>
      <c r="AL17" s="196">
        <v>0</v>
      </c>
      <c r="AM17" s="193">
        <v>0</v>
      </c>
      <c r="AN17" s="191">
        <v>0</v>
      </c>
      <c r="AO17" s="191">
        <v>1</v>
      </c>
      <c r="AP17" s="191">
        <v>0</v>
      </c>
      <c r="AQ17" s="191">
        <v>0</v>
      </c>
      <c r="AR17" s="191">
        <v>1</v>
      </c>
      <c r="AS17" s="196">
        <v>2</v>
      </c>
      <c r="AT17" s="195">
        <v>2</v>
      </c>
      <c r="AU17" s="190">
        <v>0</v>
      </c>
      <c r="AV17" s="191">
        <v>1</v>
      </c>
      <c r="AW17" s="196">
        <v>1</v>
      </c>
      <c r="AX17" s="193">
        <v>0</v>
      </c>
      <c r="AY17" s="191">
        <v>4</v>
      </c>
      <c r="AZ17" s="191">
        <v>6</v>
      </c>
      <c r="BA17" s="191">
        <v>3</v>
      </c>
      <c r="BB17" s="191">
        <v>6</v>
      </c>
      <c r="BC17" s="191">
        <v>4</v>
      </c>
      <c r="BD17" s="194">
        <v>23</v>
      </c>
      <c r="BE17" s="195">
        <v>24</v>
      </c>
      <c r="BF17" s="190">
        <v>0</v>
      </c>
      <c r="BG17" s="191">
        <v>0</v>
      </c>
      <c r="BH17" s="196">
        <v>0</v>
      </c>
      <c r="BI17" s="193">
        <v>0</v>
      </c>
      <c r="BJ17" s="191">
        <v>3</v>
      </c>
      <c r="BK17" s="191">
        <v>3</v>
      </c>
      <c r="BL17" s="191">
        <v>3</v>
      </c>
      <c r="BM17" s="191">
        <v>1</v>
      </c>
      <c r="BN17" s="191">
        <v>0</v>
      </c>
      <c r="BO17" s="196">
        <v>10</v>
      </c>
      <c r="BP17" s="195">
        <v>10</v>
      </c>
      <c r="BQ17" s="190">
        <v>0</v>
      </c>
      <c r="BR17" s="191">
        <v>0</v>
      </c>
      <c r="BS17" s="196">
        <v>0</v>
      </c>
      <c r="BT17" s="193">
        <v>0</v>
      </c>
      <c r="BU17" s="191">
        <v>1</v>
      </c>
      <c r="BV17" s="191">
        <v>2</v>
      </c>
      <c r="BW17" s="191">
        <v>1</v>
      </c>
      <c r="BX17" s="191">
        <v>1</v>
      </c>
      <c r="BY17" s="191">
        <v>1</v>
      </c>
      <c r="BZ17" s="196">
        <v>6</v>
      </c>
      <c r="CA17" s="195">
        <v>6</v>
      </c>
      <c r="CB17" s="190">
        <v>0</v>
      </c>
      <c r="CC17" s="191">
        <v>0</v>
      </c>
      <c r="CD17" s="196">
        <v>0</v>
      </c>
      <c r="CE17" s="193">
        <v>0</v>
      </c>
      <c r="CF17" s="191">
        <v>0</v>
      </c>
      <c r="CG17" s="191">
        <v>4</v>
      </c>
      <c r="CH17" s="191">
        <v>2</v>
      </c>
      <c r="CI17" s="191">
        <v>4</v>
      </c>
      <c r="CJ17" s="191">
        <v>1</v>
      </c>
      <c r="CK17" s="196">
        <v>11</v>
      </c>
      <c r="CL17" s="195">
        <v>11</v>
      </c>
      <c r="CM17" s="190">
        <v>0</v>
      </c>
      <c r="CN17" s="191">
        <v>0</v>
      </c>
      <c r="CO17" s="196">
        <v>0</v>
      </c>
      <c r="CP17" s="193">
        <v>0</v>
      </c>
      <c r="CQ17" s="191">
        <v>0</v>
      </c>
      <c r="CR17" s="191">
        <v>1</v>
      </c>
      <c r="CS17" s="191">
        <v>0</v>
      </c>
      <c r="CT17" s="191">
        <v>0</v>
      </c>
      <c r="CU17" s="191">
        <v>0</v>
      </c>
      <c r="CV17" s="196">
        <v>1</v>
      </c>
      <c r="CW17" s="195">
        <v>1</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1</v>
      </c>
      <c r="DU17" s="191">
        <v>4</v>
      </c>
      <c r="DV17" s="196">
        <v>5</v>
      </c>
      <c r="DW17" s="193">
        <v>0</v>
      </c>
      <c r="DX17" s="191">
        <v>6</v>
      </c>
      <c r="DY17" s="191">
        <v>13</v>
      </c>
      <c r="DZ17" s="191">
        <v>6</v>
      </c>
      <c r="EA17" s="191">
        <v>6</v>
      </c>
      <c r="EB17" s="191">
        <v>4</v>
      </c>
      <c r="EC17" s="196">
        <v>35</v>
      </c>
      <c r="ED17" s="195">
        <v>40</v>
      </c>
      <c r="EE17" s="190">
        <v>1</v>
      </c>
      <c r="EF17" s="191">
        <v>2</v>
      </c>
      <c r="EG17" s="196">
        <v>3</v>
      </c>
      <c r="EH17" s="193">
        <v>0</v>
      </c>
      <c r="EI17" s="191">
        <v>4</v>
      </c>
      <c r="EJ17" s="191">
        <v>4</v>
      </c>
      <c r="EK17" s="191">
        <v>2</v>
      </c>
      <c r="EL17" s="191">
        <v>3</v>
      </c>
      <c r="EM17" s="191">
        <v>3</v>
      </c>
      <c r="EN17" s="196">
        <v>16</v>
      </c>
      <c r="EO17" s="195">
        <v>19</v>
      </c>
      <c r="EP17" s="190">
        <v>1</v>
      </c>
      <c r="EQ17" s="191">
        <v>4</v>
      </c>
      <c r="ER17" s="196">
        <v>5</v>
      </c>
      <c r="ES17" s="193">
        <v>0</v>
      </c>
      <c r="ET17" s="191">
        <v>16</v>
      </c>
      <c r="EU17" s="191">
        <v>18</v>
      </c>
      <c r="EV17" s="191">
        <v>9</v>
      </c>
      <c r="EW17" s="191">
        <v>9</v>
      </c>
      <c r="EX17" s="191">
        <v>4</v>
      </c>
      <c r="EY17" s="196">
        <v>56</v>
      </c>
      <c r="EZ17" s="195">
        <v>61</v>
      </c>
    </row>
    <row r="18" spans="2:156" ht="21" customHeight="1" x14ac:dyDescent="0.2">
      <c r="B18" s="106" t="s">
        <v>16</v>
      </c>
      <c r="C18" s="190">
        <v>0</v>
      </c>
      <c r="D18" s="191">
        <v>0</v>
      </c>
      <c r="E18" s="192">
        <v>0</v>
      </c>
      <c r="F18" s="193">
        <v>0</v>
      </c>
      <c r="G18" s="191">
        <v>5</v>
      </c>
      <c r="H18" s="191">
        <v>25</v>
      </c>
      <c r="I18" s="191">
        <v>7</v>
      </c>
      <c r="J18" s="191">
        <v>4</v>
      </c>
      <c r="K18" s="191">
        <v>1</v>
      </c>
      <c r="L18" s="194">
        <v>42</v>
      </c>
      <c r="M18" s="195">
        <v>42</v>
      </c>
      <c r="N18" s="190">
        <v>0</v>
      </c>
      <c r="O18" s="191">
        <v>0</v>
      </c>
      <c r="P18" s="196">
        <v>0</v>
      </c>
      <c r="Q18" s="193">
        <v>0</v>
      </c>
      <c r="R18" s="191">
        <v>0</v>
      </c>
      <c r="S18" s="191">
        <v>0</v>
      </c>
      <c r="T18" s="191">
        <v>0</v>
      </c>
      <c r="U18" s="191">
        <v>1</v>
      </c>
      <c r="V18" s="191">
        <v>2</v>
      </c>
      <c r="W18" s="196">
        <v>3</v>
      </c>
      <c r="X18" s="195">
        <v>3</v>
      </c>
      <c r="Y18" s="190">
        <v>3</v>
      </c>
      <c r="Z18" s="191">
        <v>5</v>
      </c>
      <c r="AA18" s="196">
        <v>8</v>
      </c>
      <c r="AB18" s="193">
        <v>0</v>
      </c>
      <c r="AC18" s="191">
        <v>5</v>
      </c>
      <c r="AD18" s="191">
        <v>15</v>
      </c>
      <c r="AE18" s="191">
        <v>8</v>
      </c>
      <c r="AF18" s="191">
        <v>9</v>
      </c>
      <c r="AG18" s="191">
        <v>3</v>
      </c>
      <c r="AH18" s="196">
        <v>40</v>
      </c>
      <c r="AI18" s="195">
        <v>48</v>
      </c>
      <c r="AJ18" s="190">
        <v>1</v>
      </c>
      <c r="AK18" s="191">
        <v>0</v>
      </c>
      <c r="AL18" s="196">
        <v>1</v>
      </c>
      <c r="AM18" s="193">
        <v>0</v>
      </c>
      <c r="AN18" s="191">
        <v>0</v>
      </c>
      <c r="AO18" s="191">
        <v>3</v>
      </c>
      <c r="AP18" s="191">
        <v>1</v>
      </c>
      <c r="AQ18" s="191">
        <v>0</v>
      </c>
      <c r="AR18" s="191">
        <v>1</v>
      </c>
      <c r="AS18" s="196">
        <v>5</v>
      </c>
      <c r="AT18" s="195">
        <v>6</v>
      </c>
      <c r="AU18" s="190">
        <v>4</v>
      </c>
      <c r="AV18" s="191">
        <v>0</v>
      </c>
      <c r="AW18" s="196">
        <v>4</v>
      </c>
      <c r="AX18" s="193">
        <v>0</v>
      </c>
      <c r="AY18" s="191">
        <v>13</v>
      </c>
      <c r="AZ18" s="191">
        <v>19</v>
      </c>
      <c r="BA18" s="191">
        <v>14</v>
      </c>
      <c r="BB18" s="191">
        <v>11</v>
      </c>
      <c r="BC18" s="191">
        <v>6</v>
      </c>
      <c r="BD18" s="194">
        <v>63</v>
      </c>
      <c r="BE18" s="195">
        <v>67</v>
      </c>
      <c r="BF18" s="190">
        <v>0</v>
      </c>
      <c r="BG18" s="191">
        <v>0</v>
      </c>
      <c r="BH18" s="196">
        <v>0</v>
      </c>
      <c r="BI18" s="193">
        <v>0</v>
      </c>
      <c r="BJ18" s="191">
        <v>21</v>
      </c>
      <c r="BK18" s="191">
        <v>20</v>
      </c>
      <c r="BL18" s="191">
        <v>6</v>
      </c>
      <c r="BM18" s="191">
        <v>5</v>
      </c>
      <c r="BN18" s="191">
        <v>1</v>
      </c>
      <c r="BO18" s="196">
        <v>53</v>
      </c>
      <c r="BP18" s="195">
        <v>53</v>
      </c>
      <c r="BQ18" s="190">
        <v>2</v>
      </c>
      <c r="BR18" s="191">
        <v>5</v>
      </c>
      <c r="BS18" s="196">
        <v>7</v>
      </c>
      <c r="BT18" s="193">
        <v>0</v>
      </c>
      <c r="BU18" s="191">
        <v>7</v>
      </c>
      <c r="BV18" s="191">
        <v>18</v>
      </c>
      <c r="BW18" s="191">
        <v>7</v>
      </c>
      <c r="BX18" s="191">
        <v>2</v>
      </c>
      <c r="BY18" s="191">
        <v>1</v>
      </c>
      <c r="BZ18" s="196">
        <v>35</v>
      </c>
      <c r="CA18" s="195">
        <v>42</v>
      </c>
      <c r="CB18" s="190">
        <v>0</v>
      </c>
      <c r="CC18" s="191">
        <v>0</v>
      </c>
      <c r="CD18" s="196">
        <v>0</v>
      </c>
      <c r="CE18" s="193">
        <v>0</v>
      </c>
      <c r="CF18" s="191">
        <v>0</v>
      </c>
      <c r="CG18" s="191">
        <v>7</v>
      </c>
      <c r="CH18" s="191">
        <v>1</v>
      </c>
      <c r="CI18" s="191">
        <v>2</v>
      </c>
      <c r="CJ18" s="191">
        <v>0</v>
      </c>
      <c r="CK18" s="196">
        <v>10</v>
      </c>
      <c r="CL18" s="195">
        <v>10</v>
      </c>
      <c r="CM18" s="190">
        <v>0</v>
      </c>
      <c r="CN18" s="191">
        <v>0</v>
      </c>
      <c r="CO18" s="196">
        <v>0</v>
      </c>
      <c r="CP18" s="193">
        <v>0</v>
      </c>
      <c r="CQ18" s="191">
        <v>0</v>
      </c>
      <c r="CR18" s="191">
        <v>2</v>
      </c>
      <c r="CS18" s="191">
        <v>0</v>
      </c>
      <c r="CT18" s="191">
        <v>0</v>
      </c>
      <c r="CU18" s="191">
        <v>0</v>
      </c>
      <c r="CV18" s="196">
        <v>2</v>
      </c>
      <c r="CW18" s="195">
        <v>2</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9</v>
      </c>
      <c r="DU18" s="191">
        <v>20</v>
      </c>
      <c r="DV18" s="196">
        <v>29</v>
      </c>
      <c r="DW18" s="193">
        <v>0</v>
      </c>
      <c r="DX18" s="191">
        <v>14</v>
      </c>
      <c r="DY18" s="191">
        <v>48</v>
      </c>
      <c r="DZ18" s="191">
        <v>22</v>
      </c>
      <c r="EA18" s="191">
        <v>12</v>
      </c>
      <c r="EB18" s="191">
        <v>6</v>
      </c>
      <c r="EC18" s="196">
        <v>102</v>
      </c>
      <c r="ED18" s="195">
        <v>131</v>
      </c>
      <c r="EE18" s="190">
        <v>4</v>
      </c>
      <c r="EF18" s="191">
        <v>0</v>
      </c>
      <c r="EG18" s="196">
        <v>4</v>
      </c>
      <c r="EH18" s="193">
        <v>0</v>
      </c>
      <c r="EI18" s="191">
        <v>8</v>
      </c>
      <c r="EJ18" s="191">
        <v>5</v>
      </c>
      <c r="EK18" s="191">
        <v>11</v>
      </c>
      <c r="EL18" s="191">
        <v>9</v>
      </c>
      <c r="EM18" s="191">
        <v>4</v>
      </c>
      <c r="EN18" s="196">
        <v>37</v>
      </c>
      <c r="EO18" s="195">
        <v>41</v>
      </c>
      <c r="EP18" s="190">
        <v>14</v>
      </c>
      <c r="EQ18" s="191">
        <v>24</v>
      </c>
      <c r="ER18" s="196">
        <v>38</v>
      </c>
      <c r="ES18" s="193">
        <v>0</v>
      </c>
      <c r="ET18" s="191">
        <v>38</v>
      </c>
      <c r="EU18" s="191">
        <v>70</v>
      </c>
      <c r="EV18" s="191">
        <v>26</v>
      </c>
      <c r="EW18" s="191">
        <v>14</v>
      </c>
      <c r="EX18" s="191">
        <v>5</v>
      </c>
      <c r="EY18" s="196">
        <v>153</v>
      </c>
      <c r="EZ18" s="195">
        <v>191</v>
      </c>
    </row>
    <row r="19" spans="2:156" ht="21" customHeight="1" x14ac:dyDescent="0.2">
      <c r="B19" s="106" t="s">
        <v>17</v>
      </c>
      <c r="C19" s="190">
        <v>0</v>
      </c>
      <c r="D19" s="191">
        <v>0</v>
      </c>
      <c r="E19" s="192">
        <v>0</v>
      </c>
      <c r="F19" s="193">
        <v>0</v>
      </c>
      <c r="G19" s="191">
        <v>12</v>
      </c>
      <c r="H19" s="191">
        <v>21</v>
      </c>
      <c r="I19" s="191">
        <v>16</v>
      </c>
      <c r="J19" s="191">
        <v>9</v>
      </c>
      <c r="K19" s="191">
        <v>4</v>
      </c>
      <c r="L19" s="194">
        <v>62</v>
      </c>
      <c r="M19" s="195">
        <v>62</v>
      </c>
      <c r="N19" s="190">
        <v>0</v>
      </c>
      <c r="O19" s="191">
        <v>0</v>
      </c>
      <c r="P19" s="196">
        <v>0</v>
      </c>
      <c r="Q19" s="193">
        <v>0</v>
      </c>
      <c r="R19" s="191">
        <v>0</v>
      </c>
      <c r="S19" s="191">
        <v>1</v>
      </c>
      <c r="T19" s="191">
        <v>2</v>
      </c>
      <c r="U19" s="191">
        <v>3</v>
      </c>
      <c r="V19" s="191">
        <v>1</v>
      </c>
      <c r="W19" s="196">
        <v>7</v>
      </c>
      <c r="X19" s="195">
        <v>7</v>
      </c>
      <c r="Y19" s="190">
        <v>4</v>
      </c>
      <c r="Z19" s="191">
        <v>8</v>
      </c>
      <c r="AA19" s="196">
        <v>12</v>
      </c>
      <c r="AB19" s="193">
        <v>0</v>
      </c>
      <c r="AC19" s="191">
        <v>10</v>
      </c>
      <c r="AD19" s="191">
        <v>28</v>
      </c>
      <c r="AE19" s="191">
        <v>16</v>
      </c>
      <c r="AF19" s="191">
        <v>12</v>
      </c>
      <c r="AG19" s="191">
        <v>4</v>
      </c>
      <c r="AH19" s="196">
        <v>70</v>
      </c>
      <c r="AI19" s="195">
        <v>82</v>
      </c>
      <c r="AJ19" s="190">
        <v>1</v>
      </c>
      <c r="AK19" s="191">
        <v>0</v>
      </c>
      <c r="AL19" s="196">
        <v>1</v>
      </c>
      <c r="AM19" s="193">
        <v>0</v>
      </c>
      <c r="AN19" s="191">
        <v>0</v>
      </c>
      <c r="AO19" s="191">
        <v>4</v>
      </c>
      <c r="AP19" s="191">
        <v>4</v>
      </c>
      <c r="AQ19" s="191">
        <v>2</v>
      </c>
      <c r="AR19" s="191">
        <v>0</v>
      </c>
      <c r="AS19" s="196">
        <v>10</v>
      </c>
      <c r="AT19" s="195">
        <v>11</v>
      </c>
      <c r="AU19" s="190">
        <v>5</v>
      </c>
      <c r="AV19" s="191">
        <v>5</v>
      </c>
      <c r="AW19" s="196">
        <v>10</v>
      </c>
      <c r="AX19" s="193">
        <v>0</v>
      </c>
      <c r="AY19" s="191">
        <v>17</v>
      </c>
      <c r="AZ19" s="191">
        <v>29</v>
      </c>
      <c r="BA19" s="191">
        <v>27</v>
      </c>
      <c r="BB19" s="191">
        <v>24</v>
      </c>
      <c r="BC19" s="191">
        <v>14</v>
      </c>
      <c r="BD19" s="194">
        <v>111</v>
      </c>
      <c r="BE19" s="195">
        <v>121</v>
      </c>
      <c r="BF19" s="190">
        <v>0</v>
      </c>
      <c r="BG19" s="191">
        <v>0</v>
      </c>
      <c r="BH19" s="196">
        <v>0</v>
      </c>
      <c r="BI19" s="193">
        <v>0</v>
      </c>
      <c r="BJ19" s="191">
        <v>17</v>
      </c>
      <c r="BK19" s="191">
        <v>27</v>
      </c>
      <c r="BL19" s="191">
        <v>13</v>
      </c>
      <c r="BM19" s="191">
        <v>12</v>
      </c>
      <c r="BN19" s="191">
        <v>3</v>
      </c>
      <c r="BO19" s="196">
        <v>72</v>
      </c>
      <c r="BP19" s="195">
        <v>72</v>
      </c>
      <c r="BQ19" s="190">
        <v>4</v>
      </c>
      <c r="BR19" s="191">
        <v>4</v>
      </c>
      <c r="BS19" s="196">
        <v>8</v>
      </c>
      <c r="BT19" s="193">
        <v>0</v>
      </c>
      <c r="BU19" s="191">
        <v>5</v>
      </c>
      <c r="BV19" s="191">
        <v>14</v>
      </c>
      <c r="BW19" s="191">
        <v>7</v>
      </c>
      <c r="BX19" s="191">
        <v>5</v>
      </c>
      <c r="BY19" s="191">
        <v>2</v>
      </c>
      <c r="BZ19" s="196">
        <v>33</v>
      </c>
      <c r="CA19" s="195">
        <v>41</v>
      </c>
      <c r="CB19" s="190">
        <v>0</v>
      </c>
      <c r="CC19" s="191">
        <v>2</v>
      </c>
      <c r="CD19" s="196">
        <v>2</v>
      </c>
      <c r="CE19" s="193">
        <v>0</v>
      </c>
      <c r="CF19" s="191">
        <v>2</v>
      </c>
      <c r="CG19" s="191">
        <v>6</v>
      </c>
      <c r="CH19" s="191">
        <v>7</v>
      </c>
      <c r="CI19" s="191">
        <v>3</v>
      </c>
      <c r="CJ19" s="191">
        <v>1</v>
      </c>
      <c r="CK19" s="196">
        <v>19</v>
      </c>
      <c r="CL19" s="195">
        <v>21</v>
      </c>
      <c r="CM19" s="190">
        <v>0</v>
      </c>
      <c r="CN19" s="191">
        <v>0</v>
      </c>
      <c r="CO19" s="196">
        <v>0</v>
      </c>
      <c r="CP19" s="193">
        <v>0</v>
      </c>
      <c r="CQ19" s="191">
        <v>0</v>
      </c>
      <c r="CR19" s="191">
        <v>2</v>
      </c>
      <c r="CS19" s="191">
        <v>0</v>
      </c>
      <c r="CT19" s="191">
        <v>0</v>
      </c>
      <c r="CU19" s="191">
        <v>0</v>
      </c>
      <c r="CV19" s="196">
        <v>2</v>
      </c>
      <c r="CW19" s="195">
        <v>2</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0</v>
      </c>
      <c r="DU19" s="191">
        <v>27</v>
      </c>
      <c r="DV19" s="196">
        <v>37</v>
      </c>
      <c r="DW19" s="193">
        <v>0</v>
      </c>
      <c r="DX19" s="191">
        <v>28</v>
      </c>
      <c r="DY19" s="191">
        <v>58</v>
      </c>
      <c r="DZ19" s="191">
        <v>48</v>
      </c>
      <c r="EA19" s="191">
        <v>30</v>
      </c>
      <c r="EB19" s="191">
        <v>11</v>
      </c>
      <c r="EC19" s="196">
        <v>175</v>
      </c>
      <c r="ED19" s="195">
        <v>212</v>
      </c>
      <c r="EE19" s="190">
        <v>3</v>
      </c>
      <c r="EF19" s="191">
        <v>5</v>
      </c>
      <c r="EG19" s="196">
        <v>8</v>
      </c>
      <c r="EH19" s="193">
        <v>0</v>
      </c>
      <c r="EI19" s="191">
        <v>12</v>
      </c>
      <c r="EJ19" s="191">
        <v>12</v>
      </c>
      <c r="EK19" s="191">
        <v>8</v>
      </c>
      <c r="EL19" s="191">
        <v>11</v>
      </c>
      <c r="EM19" s="191">
        <v>6</v>
      </c>
      <c r="EN19" s="196">
        <v>49</v>
      </c>
      <c r="EO19" s="195">
        <v>57</v>
      </c>
      <c r="EP19" s="190">
        <v>18</v>
      </c>
      <c r="EQ19" s="191">
        <v>34</v>
      </c>
      <c r="ER19" s="196">
        <v>52</v>
      </c>
      <c r="ES19" s="193">
        <v>0</v>
      </c>
      <c r="ET19" s="191">
        <v>57</v>
      </c>
      <c r="EU19" s="191">
        <v>93</v>
      </c>
      <c r="EV19" s="191">
        <v>58</v>
      </c>
      <c r="EW19" s="191">
        <v>31</v>
      </c>
      <c r="EX19" s="191">
        <v>12</v>
      </c>
      <c r="EY19" s="196">
        <v>251</v>
      </c>
      <c r="EZ19" s="195">
        <v>303</v>
      </c>
    </row>
    <row r="20" spans="2:156" ht="21" customHeight="1" x14ac:dyDescent="0.2">
      <c r="B20" s="106" t="s">
        <v>18</v>
      </c>
      <c r="C20" s="190">
        <v>0</v>
      </c>
      <c r="D20" s="191">
        <v>0</v>
      </c>
      <c r="E20" s="192">
        <v>0</v>
      </c>
      <c r="F20" s="193">
        <v>0</v>
      </c>
      <c r="G20" s="191">
        <v>28</v>
      </c>
      <c r="H20" s="191">
        <v>24</v>
      </c>
      <c r="I20" s="191">
        <v>26</v>
      </c>
      <c r="J20" s="191">
        <v>17</v>
      </c>
      <c r="K20" s="191">
        <v>7</v>
      </c>
      <c r="L20" s="194">
        <v>102</v>
      </c>
      <c r="M20" s="195">
        <v>102</v>
      </c>
      <c r="N20" s="190">
        <v>0</v>
      </c>
      <c r="O20" s="191">
        <v>0</v>
      </c>
      <c r="P20" s="196">
        <v>0</v>
      </c>
      <c r="Q20" s="193">
        <v>0</v>
      </c>
      <c r="R20" s="191">
        <v>0</v>
      </c>
      <c r="S20" s="191">
        <v>0</v>
      </c>
      <c r="T20" s="191">
        <v>1</v>
      </c>
      <c r="U20" s="191">
        <v>5</v>
      </c>
      <c r="V20" s="191">
        <v>2</v>
      </c>
      <c r="W20" s="196">
        <v>8</v>
      </c>
      <c r="X20" s="195">
        <v>8</v>
      </c>
      <c r="Y20" s="190">
        <v>7</v>
      </c>
      <c r="Z20" s="191">
        <v>3</v>
      </c>
      <c r="AA20" s="196">
        <v>10</v>
      </c>
      <c r="AB20" s="193">
        <v>0</v>
      </c>
      <c r="AC20" s="191">
        <v>26</v>
      </c>
      <c r="AD20" s="191">
        <v>27</v>
      </c>
      <c r="AE20" s="191">
        <v>24</v>
      </c>
      <c r="AF20" s="191">
        <v>17</v>
      </c>
      <c r="AG20" s="191">
        <v>9</v>
      </c>
      <c r="AH20" s="196">
        <v>103</v>
      </c>
      <c r="AI20" s="195">
        <v>113</v>
      </c>
      <c r="AJ20" s="190">
        <v>1</v>
      </c>
      <c r="AK20" s="191">
        <v>1</v>
      </c>
      <c r="AL20" s="196">
        <v>2</v>
      </c>
      <c r="AM20" s="193">
        <v>0</v>
      </c>
      <c r="AN20" s="191">
        <v>2</v>
      </c>
      <c r="AO20" s="191">
        <v>3</v>
      </c>
      <c r="AP20" s="191">
        <v>4</v>
      </c>
      <c r="AQ20" s="191">
        <v>1</v>
      </c>
      <c r="AR20" s="191">
        <v>0</v>
      </c>
      <c r="AS20" s="196">
        <v>10</v>
      </c>
      <c r="AT20" s="195">
        <v>12</v>
      </c>
      <c r="AU20" s="190">
        <v>4</v>
      </c>
      <c r="AV20" s="191">
        <v>5</v>
      </c>
      <c r="AW20" s="196">
        <v>9</v>
      </c>
      <c r="AX20" s="193">
        <v>0</v>
      </c>
      <c r="AY20" s="191">
        <v>32</v>
      </c>
      <c r="AZ20" s="191">
        <v>39</v>
      </c>
      <c r="BA20" s="191">
        <v>42</v>
      </c>
      <c r="BB20" s="191">
        <v>42</v>
      </c>
      <c r="BC20" s="191">
        <v>27</v>
      </c>
      <c r="BD20" s="194">
        <v>182</v>
      </c>
      <c r="BE20" s="195">
        <v>191</v>
      </c>
      <c r="BF20" s="190">
        <v>0</v>
      </c>
      <c r="BG20" s="191">
        <v>0</v>
      </c>
      <c r="BH20" s="196">
        <v>0</v>
      </c>
      <c r="BI20" s="193">
        <v>0</v>
      </c>
      <c r="BJ20" s="191">
        <v>36</v>
      </c>
      <c r="BK20" s="191">
        <v>41</v>
      </c>
      <c r="BL20" s="191">
        <v>19</v>
      </c>
      <c r="BM20" s="191">
        <v>13</v>
      </c>
      <c r="BN20" s="191">
        <v>6</v>
      </c>
      <c r="BO20" s="196">
        <v>115</v>
      </c>
      <c r="BP20" s="195">
        <v>115</v>
      </c>
      <c r="BQ20" s="190">
        <v>6</v>
      </c>
      <c r="BR20" s="191">
        <v>6</v>
      </c>
      <c r="BS20" s="196">
        <v>12</v>
      </c>
      <c r="BT20" s="193">
        <v>0</v>
      </c>
      <c r="BU20" s="191">
        <v>11</v>
      </c>
      <c r="BV20" s="191">
        <v>15</v>
      </c>
      <c r="BW20" s="191">
        <v>8</v>
      </c>
      <c r="BX20" s="191">
        <v>5</v>
      </c>
      <c r="BY20" s="191">
        <v>1</v>
      </c>
      <c r="BZ20" s="196">
        <v>40</v>
      </c>
      <c r="CA20" s="195">
        <v>52</v>
      </c>
      <c r="CB20" s="190">
        <v>0</v>
      </c>
      <c r="CC20" s="191">
        <v>0</v>
      </c>
      <c r="CD20" s="196">
        <v>0</v>
      </c>
      <c r="CE20" s="193">
        <v>0</v>
      </c>
      <c r="CF20" s="191">
        <v>4</v>
      </c>
      <c r="CG20" s="191">
        <v>5</v>
      </c>
      <c r="CH20" s="191">
        <v>12</v>
      </c>
      <c r="CI20" s="191">
        <v>7</v>
      </c>
      <c r="CJ20" s="191">
        <v>7</v>
      </c>
      <c r="CK20" s="196">
        <v>35</v>
      </c>
      <c r="CL20" s="195">
        <v>35</v>
      </c>
      <c r="CM20" s="190">
        <v>0</v>
      </c>
      <c r="CN20" s="191">
        <v>0</v>
      </c>
      <c r="CO20" s="196">
        <v>0</v>
      </c>
      <c r="CP20" s="193">
        <v>0</v>
      </c>
      <c r="CQ20" s="191">
        <v>0</v>
      </c>
      <c r="CR20" s="191">
        <v>3</v>
      </c>
      <c r="CS20" s="191">
        <v>0</v>
      </c>
      <c r="CT20" s="191">
        <v>0</v>
      </c>
      <c r="CU20" s="191">
        <v>1</v>
      </c>
      <c r="CV20" s="196">
        <v>4</v>
      </c>
      <c r="CW20" s="195">
        <v>4</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3</v>
      </c>
      <c r="DU20" s="191">
        <v>24</v>
      </c>
      <c r="DV20" s="196">
        <v>37</v>
      </c>
      <c r="DW20" s="193">
        <v>0</v>
      </c>
      <c r="DX20" s="191">
        <v>47</v>
      </c>
      <c r="DY20" s="191">
        <v>63</v>
      </c>
      <c r="DZ20" s="191">
        <v>50</v>
      </c>
      <c r="EA20" s="191">
        <v>37</v>
      </c>
      <c r="EB20" s="191">
        <v>21</v>
      </c>
      <c r="EC20" s="196">
        <v>218</v>
      </c>
      <c r="ED20" s="195">
        <v>255</v>
      </c>
      <c r="EE20" s="190">
        <v>3</v>
      </c>
      <c r="EF20" s="191">
        <v>2</v>
      </c>
      <c r="EG20" s="196">
        <v>5</v>
      </c>
      <c r="EH20" s="193">
        <v>0</v>
      </c>
      <c r="EI20" s="191">
        <v>11</v>
      </c>
      <c r="EJ20" s="191">
        <v>11</v>
      </c>
      <c r="EK20" s="191">
        <v>11</v>
      </c>
      <c r="EL20" s="191">
        <v>14</v>
      </c>
      <c r="EM20" s="191">
        <v>15</v>
      </c>
      <c r="EN20" s="196">
        <v>62</v>
      </c>
      <c r="EO20" s="195">
        <v>67</v>
      </c>
      <c r="EP20" s="190">
        <v>25</v>
      </c>
      <c r="EQ20" s="191">
        <v>30</v>
      </c>
      <c r="ER20" s="196">
        <v>55</v>
      </c>
      <c r="ES20" s="193">
        <v>0</v>
      </c>
      <c r="ET20" s="191">
        <v>106</v>
      </c>
      <c r="EU20" s="191">
        <v>92</v>
      </c>
      <c r="EV20" s="191">
        <v>57</v>
      </c>
      <c r="EW20" s="191">
        <v>41</v>
      </c>
      <c r="EX20" s="191">
        <v>20</v>
      </c>
      <c r="EY20" s="196">
        <v>316</v>
      </c>
      <c r="EZ20" s="195">
        <v>371</v>
      </c>
    </row>
    <row r="21" spans="2:156" ht="21" customHeight="1" x14ac:dyDescent="0.2">
      <c r="B21" s="106" t="s">
        <v>19</v>
      </c>
      <c r="C21" s="190">
        <v>0</v>
      </c>
      <c r="D21" s="191">
        <v>0</v>
      </c>
      <c r="E21" s="192">
        <v>0</v>
      </c>
      <c r="F21" s="193">
        <v>0</v>
      </c>
      <c r="G21" s="191">
        <v>9</v>
      </c>
      <c r="H21" s="191">
        <v>12</v>
      </c>
      <c r="I21" s="191">
        <v>3</v>
      </c>
      <c r="J21" s="191">
        <v>2</v>
      </c>
      <c r="K21" s="191">
        <v>2</v>
      </c>
      <c r="L21" s="194">
        <v>28</v>
      </c>
      <c r="M21" s="195">
        <v>28</v>
      </c>
      <c r="N21" s="190">
        <v>0</v>
      </c>
      <c r="O21" s="191">
        <v>0</v>
      </c>
      <c r="P21" s="196">
        <v>0</v>
      </c>
      <c r="Q21" s="193">
        <v>0</v>
      </c>
      <c r="R21" s="191">
        <v>0</v>
      </c>
      <c r="S21" s="191">
        <v>1</v>
      </c>
      <c r="T21" s="191">
        <v>2</v>
      </c>
      <c r="U21" s="191">
        <v>0</v>
      </c>
      <c r="V21" s="191">
        <v>1</v>
      </c>
      <c r="W21" s="196">
        <v>4</v>
      </c>
      <c r="X21" s="195">
        <v>4</v>
      </c>
      <c r="Y21" s="190">
        <v>3</v>
      </c>
      <c r="Z21" s="191">
        <v>4</v>
      </c>
      <c r="AA21" s="196">
        <v>7</v>
      </c>
      <c r="AB21" s="193">
        <v>0</v>
      </c>
      <c r="AC21" s="191">
        <v>11</v>
      </c>
      <c r="AD21" s="191">
        <v>14</v>
      </c>
      <c r="AE21" s="191">
        <v>8</v>
      </c>
      <c r="AF21" s="191">
        <v>3</v>
      </c>
      <c r="AG21" s="191">
        <v>3</v>
      </c>
      <c r="AH21" s="196">
        <v>39</v>
      </c>
      <c r="AI21" s="195">
        <v>46</v>
      </c>
      <c r="AJ21" s="190">
        <v>0</v>
      </c>
      <c r="AK21" s="191">
        <v>0</v>
      </c>
      <c r="AL21" s="196">
        <v>0</v>
      </c>
      <c r="AM21" s="193">
        <v>0</v>
      </c>
      <c r="AN21" s="191">
        <v>1</v>
      </c>
      <c r="AO21" s="191">
        <v>0</v>
      </c>
      <c r="AP21" s="191">
        <v>0</v>
      </c>
      <c r="AQ21" s="191">
        <v>1</v>
      </c>
      <c r="AR21" s="191">
        <v>0</v>
      </c>
      <c r="AS21" s="196">
        <v>2</v>
      </c>
      <c r="AT21" s="195">
        <v>2</v>
      </c>
      <c r="AU21" s="190">
        <v>4</v>
      </c>
      <c r="AV21" s="191">
        <v>4</v>
      </c>
      <c r="AW21" s="196">
        <v>8</v>
      </c>
      <c r="AX21" s="193">
        <v>0</v>
      </c>
      <c r="AY21" s="191">
        <v>13</v>
      </c>
      <c r="AZ21" s="191">
        <v>21</v>
      </c>
      <c r="BA21" s="191">
        <v>15</v>
      </c>
      <c r="BB21" s="191">
        <v>8</v>
      </c>
      <c r="BC21" s="191">
        <v>9</v>
      </c>
      <c r="BD21" s="194">
        <v>66</v>
      </c>
      <c r="BE21" s="195">
        <v>74</v>
      </c>
      <c r="BF21" s="190">
        <v>0</v>
      </c>
      <c r="BG21" s="191">
        <v>0</v>
      </c>
      <c r="BH21" s="196">
        <v>0</v>
      </c>
      <c r="BI21" s="193">
        <v>0</v>
      </c>
      <c r="BJ21" s="191">
        <v>15</v>
      </c>
      <c r="BK21" s="191">
        <v>12</v>
      </c>
      <c r="BL21" s="191">
        <v>2</v>
      </c>
      <c r="BM21" s="191">
        <v>2</v>
      </c>
      <c r="BN21" s="191">
        <v>3</v>
      </c>
      <c r="BO21" s="196">
        <v>34</v>
      </c>
      <c r="BP21" s="195">
        <v>34</v>
      </c>
      <c r="BQ21" s="190">
        <v>3</v>
      </c>
      <c r="BR21" s="191">
        <v>0</v>
      </c>
      <c r="BS21" s="196">
        <v>3</v>
      </c>
      <c r="BT21" s="193">
        <v>0</v>
      </c>
      <c r="BU21" s="191">
        <v>14</v>
      </c>
      <c r="BV21" s="191">
        <v>6</v>
      </c>
      <c r="BW21" s="191">
        <v>3</v>
      </c>
      <c r="BX21" s="191">
        <v>3</v>
      </c>
      <c r="BY21" s="191">
        <v>1</v>
      </c>
      <c r="BZ21" s="196">
        <v>27</v>
      </c>
      <c r="CA21" s="195">
        <v>30</v>
      </c>
      <c r="CB21" s="190">
        <v>0</v>
      </c>
      <c r="CC21" s="191">
        <v>0</v>
      </c>
      <c r="CD21" s="196">
        <v>0</v>
      </c>
      <c r="CE21" s="193">
        <v>0</v>
      </c>
      <c r="CF21" s="191">
        <v>2</v>
      </c>
      <c r="CG21" s="191">
        <v>3</v>
      </c>
      <c r="CH21" s="191">
        <v>2</v>
      </c>
      <c r="CI21" s="191">
        <v>0</v>
      </c>
      <c r="CJ21" s="191">
        <v>0</v>
      </c>
      <c r="CK21" s="196">
        <v>7</v>
      </c>
      <c r="CL21" s="195">
        <v>7</v>
      </c>
      <c r="CM21" s="190">
        <v>0</v>
      </c>
      <c r="CN21" s="191">
        <v>0</v>
      </c>
      <c r="CO21" s="196">
        <v>0</v>
      </c>
      <c r="CP21" s="193">
        <v>0</v>
      </c>
      <c r="CQ21" s="191">
        <v>1</v>
      </c>
      <c r="CR21" s="191">
        <v>0</v>
      </c>
      <c r="CS21" s="191">
        <v>1</v>
      </c>
      <c r="CT21" s="191">
        <v>1</v>
      </c>
      <c r="CU21" s="191">
        <v>0</v>
      </c>
      <c r="CV21" s="196">
        <v>3</v>
      </c>
      <c r="CW21" s="195">
        <v>3</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7</v>
      </c>
      <c r="DU21" s="191">
        <v>7</v>
      </c>
      <c r="DV21" s="196">
        <v>14</v>
      </c>
      <c r="DW21" s="193">
        <v>0</v>
      </c>
      <c r="DX21" s="191">
        <v>25</v>
      </c>
      <c r="DY21" s="191">
        <v>27</v>
      </c>
      <c r="DZ21" s="191">
        <v>14</v>
      </c>
      <c r="EA21" s="191">
        <v>8</v>
      </c>
      <c r="EB21" s="191">
        <v>7</v>
      </c>
      <c r="EC21" s="196">
        <v>81</v>
      </c>
      <c r="ED21" s="195">
        <v>95</v>
      </c>
      <c r="EE21" s="190">
        <v>1</v>
      </c>
      <c r="EF21" s="191">
        <v>1</v>
      </c>
      <c r="EG21" s="196">
        <v>2</v>
      </c>
      <c r="EH21" s="193">
        <v>0</v>
      </c>
      <c r="EI21" s="191">
        <v>3</v>
      </c>
      <c r="EJ21" s="191">
        <v>6</v>
      </c>
      <c r="EK21" s="191">
        <v>6</v>
      </c>
      <c r="EL21" s="191">
        <v>4</v>
      </c>
      <c r="EM21" s="191">
        <v>2</v>
      </c>
      <c r="EN21" s="196">
        <v>21</v>
      </c>
      <c r="EO21" s="195">
        <v>23</v>
      </c>
      <c r="EP21" s="190">
        <v>13</v>
      </c>
      <c r="EQ21" s="191">
        <v>10</v>
      </c>
      <c r="ER21" s="196">
        <v>23</v>
      </c>
      <c r="ES21" s="193">
        <v>0</v>
      </c>
      <c r="ET21" s="191">
        <v>49</v>
      </c>
      <c r="EU21" s="191">
        <v>37</v>
      </c>
      <c r="EV21" s="191">
        <v>16</v>
      </c>
      <c r="EW21" s="191">
        <v>9</v>
      </c>
      <c r="EX21" s="191">
        <v>4</v>
      </c>
      <c r="EY21" s="196">
        <v>115</v>
      </c>
      <c r="EZ21" s="195">
        <v>138</v>
      </c>
    </row>
    <row r="22" spans="2:156" ht="21" customHeight="1" x14ac:dyDescent="0.2">
      <c r="B22" s="106" t="s">
        <v>20</v>
      </c>
      <c r="C22" s="190">
        <v>0</v>
      </c>
      <c r="D22" s="191">
        <v>0</v>
      </c>
      <c r="E22" s="192">
        <v>0</v>
      </c>
      <c r="F22" s="193">
        <v>0</v>
      </c>
      <c r="G22" s="191">
        <v>13</v>
      </c>
      <c r="H22" s="191">
        <v>17</v>
      </c>
      <c r="I22" s="191">
        <v>6</v>
      </c>
      <c r="J22" s="191">
        <v>7</v>
      </c>
      <c r="K22" s="191">
        <v>4</v>
      </c>
      <c r="L22" s="194">
        <v>47</v>
      </c>
      <c r="M22" s="195">
        <v>47</v>
      </c>
      <c r="N22" s="190">
        <v>0</v>
      </c>
      <c r="O22" s="191">
        <v>0</v>
      </c>
      <c r="P22" s="196">
        <v>0</v>
      </c>
      <c r="Q22" s="193">
        <v>0</v>
      </c>
      <c r="R22" s="191">
        <v>1</v>
      </c>
      <c r="S22" s="191">
        <v>0</v>
      </c>
      <c r="T22" s="191">
        <v>0</v>
      </c>
      <c r="U22" s="191">
        <v>3</v>
      </c>
      <c r="V22" s="191">
        <v>1</v>
      </c>
      <c r="W22" s="196">
        <v>5</v>
      </c>
      <c r="X22" s="195">
        <v>5</v>
      </c>
      <c r="Y22" s="190">
        <v>5</v>
      </c>
      <c r="Z22" s="191">
        <v>6</v>
      </c>
      <c r="AA22" s="196">
        <v>11</v>
      </c>
      <c r="AB22" s="193">
        <v>0</v>
      </c>
      <c r="AC22" s="191">
        <v>14</v>
      </c>
      <c r="AD22" s="191">
        <v>18</v>
      </c>
      <c r="AE22" s="191">
        <v>7</v>
      </c>
      <c r="AF22" s="191">
        <v>6</v>
      </c>
      <c r="AG22" s="191">
        <v>0</v>
      </c>
      <c r="AH22" s="196">
        <v>45</v>
      </c>
      <c r="AI22" s="195">
        <v>56</v>
      </c>
      <c r="AJ22" s="190">
        <v>0</v>
      </c>
      <c r="AK22" s="191">
        <v>5</v>
      </c>
      <c r="AL22" s="196">
        <v>5</v>
      </c>
      <c r="AM22" s="193">
        <v>0</v>
      </c>
      <c r="AN22" s="191">
        <v>7</v>
      </c>
      <c r="AO22" s="191">
        <v>5</v>
      </c>
      <c r="AP22" s="191">
        <v>0</v>
      </c>
      <c r="AQ22" s="191">
        <v>1</v>
      </c>
      <c r="AR22" s="191">
        <v>2</v>
      </c>
      <c r="AS22" s="196">
        <v>15</v>
      </c>
      <c r="AT22" s="195">
        <v>20</v>
      </c>
      <c r="AU22" s="190">
        <v>2</v>
      </c>
      <c r="AV22" s="191">
        <v>5</v>
      </c>
      <c r="AW22" s="196">
        <v>7</v>
      </c>
      <c r="AX22" s="193">
        <v>0</v>
      </c>
      <c r="AY22" s="191">
        <v>11</v>
      </c>
      <c r="AZ22" s="191">
        <v>22</v>
      </c>
      <c r="BA22" s="191">
        <v>11</v>
      </c>
      <c r="BB22" s="191">
        <v>12</v>
      </c>
      <c r="BC22" s="191">
        <v>12</v>
      </c>
      <c r="BD22" s="194">
        <v>68</v>
      </c>
      <c r="BE22" s="195">
        <v>75</v>
      </c>
      <c r="BF22" s="190">
        <v>0</v>
      </c>
      <c r="BG22" s="191">
        <v>0</v>
      </c>
      <c r="BH22" s="196">
        <v>0</v>
      </c>
      <c r="BI22" s="193">
        <v>0</v>
      </c>
      <c r="BJ22" s="191">
        <v>18</v>
      </c>
      <c r="BK22" s="191">
        <v>15</v>
      </c>
      <c r="BL22" s="191">
        <v>11</v>
      </c>
      <c r="BM22" s="191">
        <v>4</v>
      </c>
      <c r="BN22" s="191">
        <v>3</v>
      </c>
      <c r="BO22" s="196">
        <v>51</v>
      </c>
      <c r="BP22" s="195">
        <v>51</v>
      </c>
      <c r="BQ22" s="190">
        <v>0</v>
      </c>
      <c r="BR22" s="191">
        <v>2</v>
      </c>
      <c r="BS22" s="196">
        <v>2</v>
      </c>
      <c r="BT22" s="193">
        <v>0</v>
      </c>
      <c r="BU22" s="191">
        <v>5</v>
      </c>
      <c r="BV22" s="191">
        <v>12</v>
      </c>
      <c r="BW22" s="191">
        <v>5</v>
      </c>
      <c r="BX22" s="191">
        <v>5</v>
      </c>
      <c r="BY22" s="191">
        <v>0</v>
      </c>
      <c r="BZ22" s="196">
        <v>27</v>
      </c>
      <c r="CA22" s="195">
        <v>29</v>
      </c>
      <c r="CB22" s="190">
        <v>0</v>
      </c>
      <c r="CC22" s="191">
        <v>2</v>
      </c>
      <c r="CD22" s="196">
        <v>2</v>
      </c>
      <c r="CE22" s="193">
        <v>0</v>
      </c>
      <c r="CF22" s="191">
        <v>3</v>
      </c>
      <c r="CG22" s="191">
        <v>6</v>
      </c>
      <c r="CH22" s="191">
        <v>6</v>
      </c>
      <c r="CI22" s="191">
        <v>2</v>
      </c>
      <c r="CJ22" s="191">
        <v>2</v>
      </c>
      <c r="CK22" s="196">
        <v>19</v>
      </c>
      <c r="CL22" s="195">
        <v>21</v>
      </c>
      <c r="CM22" s="190">
        <v>0</v>
      </c>
      <c r="CN22" s="191">
        <v>0</v>
      </c>
      <c r="CO22" s="196">
        <v>0</v>
      </c>
      <c r="CP22" s="193">
        <v>0</v>
      </c>
      <c r="CQ22" s="191">
        <v>1</v>
      </c>
      <c r="CR22" s="191">
        <v>1</v>
      </c>
      <c r="CS22" s="191">
        <v>0</v>
      </c>
      <c r="CT22" s="191">
        <v>0</v>
      </c>
      <c r="CU22" s="191">
        <v>0</v>
      </c>
      <c r="CV22" s="196">
        <v>2</v>
      </c>
      <c r="CW22" s="195">
        <v>2</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9</v>
      </c>
      <c r="DU22" s="191">
        <v>20</v>
      </c>
      <c r="DV22" s="196">
        <v>29</v>
      </c>
      <c r="DW22" s="193">
        <v>0</v>
      </c>
      <c r="DX22" s="191">
        <v>31</v>
      </c>
      <c r="DY22" s="191">
        <v>32</v>
      </c>
      <c r="DZ22" s="191">
        <v>20</v>
      </c>
      <c r="EA22" s="191">
        <v>16</v>
      </c>
      <c r="EB22" s="191">
        <v>9</v>
      </c>
      <c r="EC22" s="196">
        <v>108</v>
      </c>
      <c r="ED22" s="195">
        <v>137</v>
      </c>
      <c r="EE22" s="190">
        <v>2</v>
      </c>
      <c r="EF22" s="191">
        <v>2</v>
      </c>
      <c r="EG22" s="196">
        <v>4</v>
      </c>
      <c r="EH22" s="193">
        <v>0</v>
      </c>
      <c r="EI22" s="191">
        <v>5</v>
      </c>
      <c r="EJ22" s="191">
        <v>6</v>
      </c>
      <c r="EK22" s="191">
        <v>5</v>
      </c>
      <c r="EL22" s="191">
        <v>4</v>
      </c>
      <c r="EM22" s="191">
        <v>4</v>
      </c>
      <c r="EN22" s="196">
        <v>24</v>
      </c>
      <c r="EO22" s="195">
        <v>28</v>
      </c>
      <c r="EP22" s="190">
        <v>12</v>
      </c>
      <c r="EQ22" s="191">
        <v>27</v>
      </c>
      <c r="ER22" s="196">
        <v>39</v>
      </c>
      <c r="ES22" s="193">
        <v>0</v>
      </c>
      <c r="ET22" s="191">
        <v>56</v>
      </c>
      <c r="EU22" s="191">
        <v>54</v>
      </c>
      <c r="EV22" s="191">
        <v>22</v>
      </c>
      <c r="EW22" s="191">
        <v>18</v>
      </c>
      <c r="EX22" s="191">
        <v>9</v>
      </c>
      <c r="EY22" s="196">
        <v>159</v>
      </c>
      <c r="EZ22" s="195">
        <v>198</v>
      </c>
    </row>
    <row r="23" spans="2:156" ht="21" customHeight="1" x14ac:dyDescent="0.2">
      <c r="B23" s="106" t="s">
        <v>21</v>
      </c>
      <c r="C23" s="190">
        <v>0</v>
      </c>
      <c r="D23" s="191">
        <v>0</v>
      </c>
      <c r="E23" s="192">
        <v>0</v>
      </c>
      <c r="F23" s="193">
        <v>0</v>
      </c>
      <c r="G23" s="191">
        <v>15</v>
      </c>
      <c r="H23" s="191">
        <v>13</v>
      </c>
      <c r="I23" s="191">
        <v>3</v>
      </c>
      <c r="J23" s="191">
        <v>5</v>
      </c>
      <c r="K23" s="191">
        <v>5</v>
      </c>
      <c r="L23" s="194">
        <v>41</v>
      </c>
      <c r="M23" s="195">
        <v>41</v>
      </c>
      <c r="N23" s="190">
        <v>0</v>
      </c>
      <c r="O23" s="191">
        <v>0</v>
      </c>
      <c r="P23" s="196">
        <v>0</v>
      </c>
      <c r="Q23" s="193">
        <v>0</v>
      </c>
      <c r="R23" s="191">
        <v>0</v>
      </c>
      <c r="S23" s="191">
        <v>0</v>
      </c>
      <c r="T23" s="191">
        <v>0</v>
      </c>
      <c r="U23" s="191">
        <v>1</v>
      </c>
      <c r="V23" s="191">
        <v>5</v>
      </c>
      <c r="W23" s="196">
        <v>6</v>
      </c>
      <c r="X23" s="195">
        <v>6</v>
      </c>
      <c r="Y23" s="190">
        <v>0</v>
      </c>
      <c r="Z23" s="191">
        <v>0</v>
      </c>
      <c r="AA23" s="196">
        <v>0</v>
      </c>
      <c r="AB23" s="193">
        <v>0</v>
      </c>
      <c r="AC23" s="191">
        <v>11</v>
      </c>
      <c r="AD23" s="191">
        <v>8</v>
      </c>
      <c r="AE23" s="191">
        <v>7</v>
      </c>
      <c r="AF23" s="191">
        <v>3</v>
      </c>
      <c r="AG23" s="191">
        <v>5</v>
      </c>
      <c r="AH23" s="196">
        <v>34</v>
      </c>
      <c r="AI23" s="195">
        <v>34</v>
      </c>
      <c r="AJ23" s="190">
        <v>0</v>
      </c>
      <c r="AK23" s="191">
        <v>1</v>
      </c>
      <c r="AL23" s="196">
        <v>1</v>
      </c>
      <c r="AM23" s="193">
        <v>0</v>
      </c>
      <c r="AN23" s="191">
        <v>0</v>
      </c>
      <c r="AO23" s="191">
        <v>0</v>
      </c>
      <c r="AP23" s="191">
        <v>1</v>
      </c>
      <c r="AQ23" s="191">
        <v>0</v>
      </c>
      <c r="AR23" s="191">
        <v>1</v>
      </c>
      <c r="AS23" s="196">
        <v>2</v>
      </c>
      <c r="AT23" s="195">
        <v>3</v>
      </c>
      <c r="AU23" s="190">
        <v>3</v>
      </c>
      <c r="AV23" s="191">
        <v>6</v>
      </c>
      <c r="AW23" s="196">
        <v>9</v>
      </c>
      <c r="AX23" s="193">
        <v>0</v>
      </c>
      <c r="AY23" s="191">
        <v>16</v>
      </c>
      <c r="AZ23" s="191">
        <v>16</v>
      </c>
      <c r="BA23" s="191">
        <v>11</v>
      </c>
      <c r="BB23" s="191">
        <v>17</v>
      </c>
      <c r="BC23" s="191">
        <v>12</v>
      </c>
      <c r="BD23" s="194">
        <v>72</v>
      </c>
      <c r="BE23" s="195">
        <v>81</v>
      </c>
      <c r="BF23" s="190">
        <v>0</v>
      </c>
      <c r="BG23" s="191">
        <v>0</v>
      </c>
      <c r="BH23" s="196">
        <v>0</v>
      </c>
      <c r="BI23" s="193">
        <v>0</v>
      </c>
      <c r="BJ23" s="191">
        <v>16</v>
      </c>
      <c r="BK23" s="191">
        <v>12</v>
      </c>
      <c r="BL23" s="191">
        <v>4</v>
      </c>
      <c r="BM23" s="191">
        <v>3</v>
      </c>
      <c r="BN23" s="191">
        <v>2</v>
      </c>
      <c r="BO23" s="196">
        <v>37</v>
      </c>
      <c r="BP23" s="195">
        <v>37</v>
      </c>
      <c r="BQ23" s="190">
        <v>0</v>
      </c>
      <c r="BR23" s="191">
        <v>1</v>
      </c>
      <c r="BS23" s="196">
        <v>1</v>
      </c>
      <c r="BT23" s="193">
        <v>0</v>
      </c>
      <c r="BU23" s="191">
        <v>1</v>
      </c>
      <c r="BV23" s="191">
        <v>3</v>
      </c>
      <c r="BW23" s="191">
        <v>3</v>
      </c>
      <c r="BX23" s="191">
        <v>0</v>
      </c>
      <c r="BY23" s="191">
        <v>1</v>
      </c>
      <c r="BZ23" s="196">
        <v>8</v>
      </c>
      <c r="CA23" s="195">
        <v>9</v>
      </c>
      <c r="CB23" s="190">
        <v>0</v>
      </c>
      <c r="CC23" s="191">
        <v>0</v>
      </c>
      <c r="CD23" s="196">
        <v>0</v>
      </c>
      <c r="CE23" s="193">
        <v>0</v>
      </c>
      <c r="CF23" s="191">
        <v>2</v>
      </c>
      <c r="CG23" s="191">
        <v>1</v>
      </c>
      <c r="CH23" s="191">
        <v>2</v>
      </c>
      <c r="CI23" s="191">
        <v>0</v>
      </c>
      <c r="CJ23" s="191">
        <v>0</v>
      </c>
      <c r="CK23" s="196">
        <v>5</v>
      </c>
      <c r="CL23" s="195">
        <v>5</v>
      </c>
      <c r="CM23" s="190">
        <v>0</v>
      </c>
      <c r="CN23" s="191">
        <v>0</v>
      </c>
      <c r="CO23" s="196">
        <v>0</v>
      </c>
      <c r="CP23" s="193">
        <v>0</v>
      </c>
      <c r="CQ23" s="191">
        <v>0</v>
      </c>
      <c r="CR23" s="191">
        <v>0</v>
      </c>
      <c r="CS23" s="191">
        <v>1</v>
      </c>
      <c r="CT23" s="191">
        <v>0</v>
      </c>
      <c r="CU23" s="191">
        <v>0</v>
      </c>
      <c r="CV23" s="196">
        <v>1</v>
      </c>
      <c r="CW23" s="195">
        <v>1</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9</v>
      </c>
      <c r="DU23" s="191">
        <v>11</v>
      </c>
      <c r="DV23" s="196">
        <v>20</v>
      </c>
      <c r="DW23" s="193">
        <v>0</v>
      </c>
      <c r="DX23" s="191">
        <v>15</v>
      </c>
      <c r="DY23" s="191">
        <v>23</v>
      </c>
      <c r="DZ23" s="191">
        <v>12</v>
      </c>
      <c r="EA23" s="191">
        <v>8</v>
      </c>
      <c r="EB23" s="191">
        <v>6</v>
      </c>
      <c r="EC23" s="196">
        <v>64</v>
      </c>
      <c r="ED23" s="195">
        <v>84</v>
      </c>
      <c r="EE23" s="190">
        <v>3</v>
      </c>
      <c r="EF23" s="191">
        <v>1</v>
      </c>
      <c r="EG23" s="196">
        <v>4</v>
      </c>
      <c r="EH23" s="193">
        <v>0</v>
      </c>
      <c r="EI23" s="191">
        <v>6</v>
      </c>
      <c r="EJ23" s="191">
        <v>2</v>
      </c>
      <c r="EK23" s="191">
        <v>9</v>
      </c>
      <c r="EL23" s="191">
        <v>10</v>
      </c>
      <c r="EM23" s="191">
        <v>3</v>
      </c>
      <c r="EN23" s="196">
        <v>30</v>
      </c>
      <c r="EO23" s="195">
        <v>34</v>
      </c>
      <c r="EP23" s="190">
        <v>9</v>
      </c>
      <c r="EQ23" s="191">
        <v>13</v>
      </c>
      <c r="ER23" s="196">
        <v>22</v>
      </c>
      <c r="ES23" s="193">
        <v>0</v>
      </c>
      <c r="ET23" s="191">
        <v>45</v>
      </c>
      <c r="EU23" s="191">
        <v>32</v>
      </c>
      <c r="EV23" s="191">
        <v>15</v>
      </c>
      <c r="EW23" s="191">
        <v>11</v>
      </c>
      <c r="EX23" s="191">
        <v>7</v>
      </c>
      <c r="EY23" s="196">
        <v>110</v>
      </c>
      <c r="EZ23" s="195">
        <v>132</v>
      </c>
    </row>
    <row r="24" spans="2:156" ht="21" customHeight="1" x14ac:dyDescent="0.2">
      <c r="B24" s="106" t="s">
        <v>22</v>
      </c>
      <c r="C24" s="190">
        <v>0</v>
      </c>
      <c r="D24" s="191">
        <v>0</v>
      </c>
      <c r="E24" s="192">
        <v>0</v>
      </c>
      <c r="F24" s="193">
        <v>0</v>
      </c>
      <c r="G24" s="191">
        <v>4</v>
      </c>
      <c r="H24" s="191">
        <v>1</v>
      </c>
      <c r="I24" s="191">
        <v>2</v>
      </c>
      <c r="J24" s="191">
        <v>2</v>
      </c>
      <c r="K24" s="191">
        <v>3</v>
      </c>
      <c r="L24" s="194">
        <v>12</v>
      </c>
      <c r="M24" s="195">
        <v>12</v>
      </c>
      <c r="N24" s="190">
        <v>0</v>
      </c>
      <c r="O24" s="191">
        <v>0</v>
      </c>
      <c r="P24" s="196">
        <v>0</v>
      </c>
      <c r="Q24" s="193">
        <v>0</v>
      </c>
      <c r="R24" s="191">
        <v>0</v>
      </c>
      <c r="S24" s="191">
        <v>0</v>
      </c>
      <c r="T24" s="191">
        <v>0</v>
      </c>
      <c r="U24" s="191">
        <v>0</v>
      </c>
      <c r="V24" s="191">
        <v>5</v>
      </c>
      <c r="W24" s="196">
        <v>5</v>
      </c>
      <c r="X24" s="195">
        <v>5</v>
      </c>
      <c r="Y24" s="190">
        <v>0</v>
      </c>
      <c r="Z24" s="191">
        <v>0</v>
      </c>
      <c r="AA24" s="196">
        <v>0</v>
      </c>
      <c r="AB24" s="193">
        <v>0</v>
      </c>
      <c r="AC24" s="191">
        <v>5</v>
      </c>
      <c r="AD24" s="191">
        <v>1</v>
      </c>
      <c r="AE24" s="191">
        <v>2</v>
      </c>
      <c r="AF24" s="191">
        <v>2</v>
      </c>
      <c r="AG24" s="191">
        <v>5</v>
      </c>
      <c r="AH24" s="196">
        <v>15</v>
      </c>
      <c r="AI24" s="195">
        <v>15</v>
      </c>
      <c r="AJ24" s="190">
        <v>0</v>
      </c>
      <c r="AK24" s="191">
        <v>0</v>
      </c>
      <c r="AL24" s="196">
        <v>0</v>
      </c>
      <c r="AM24" s="193">
        <v>0</v>
      </c>
      <c r="AN24" s="191">
        <v>2</v>
      </c>
      <c r="AO24" s="191">
        <v>1</v>
      </c>
      <c r="AP24" s="191">
        <v>0</v>
      </c>
      <c r="AQ24" s="191">
        <v>2</v>
      </c>
      <c r="AR24" s="191">
        <v>0</v>
      </c>
      <c r="AS24" s="196">
        <v>5</v>
      </c>
      <c r="AT24" s="195">
        <v>5</v>
      </c>
      <c r="AU24" s="190">
        <v>0</v>
      </c>
      <c r="AV24" s="191">
        <v>1</v>
      </c>
      <c r="AW24" s="196">
        <v>1</v>
      </c>
      <c r="AX24" s="193">
        <v>0</v>
      </c>
      <c r="AY24" s="191">
        <v>1</v>
      </c>
      <c r="AZ24" s="191">
        <v>3</v>
      </c>
      <c r="BA24" s="191">
        <v>5</v>
      </c>
      <c r="BB24" s="191">
        <v>5</v>
      </c>
      <c r="BC24" s="191">
        <v>3</v>
      </c>
      <c r="BD24" s="194">
        <v>17</v>
      </c>
      <c r="BE24" s="195">
        <v>18</v>
      </c>
      <c r="BF24" s="190">
        <v>0</v>
      </c>
      <c r="BG24" s="191">
        <v>0</v>
      </c>
      <c r="BH24" s="196">
        <v>0</v>
      </c>
      <c r="BI24" s="193">
        <v>0</v>
      </c>
      <c r="BJ24" s="191">
        <v>3</v>
      </c>
      <c r="BK24" s="191">
        <v>8</v>
      </c>
      <c r="BL24" s="191">
        <v>3</v>
      </c>
      <c r="BM24" s="191">
        <v>7</v>
      </c>
      <c r="BN24" s="191">
        <v>2</v>
      </c>
      <c r="BO24" s="196">
        <v>23</v>
      </c>
      <c r="BP24" s="195">
        <v>23</v>
      </c>
      <c r="BQ24" s="190">
        <v>3</v>
      </c>
      <c r="BR24" s="191">
        <v>1</v>
      </c>
      <c r="BS24" s="196">
        <v>4</v>
      </c>
      <c r="BT24" s="193">
        <v>0</v>
      </c>
      <c r="BU24" s="191">
        <v>2</v>
      </c>
      <c r="BV24" s="191">
        <v>4</v>
      </c>
      <c r="BW24" s="191">
        <v>0</v>
      </c>
      <c r="BX24" s="191">
        <v>0</v>
      </c>
      <c r="BY24" s="191">
        <v>0</v>
      </c>
      <c r="BZ24" s="196">
        <v>6</v>
      </c>
      <c r="CA24" s="195">
        <v>10</v>
      </c>
      <c r="CB24" s="190">
        <v>0</v>
      </c>
      <c r="CC24" s="191">
        <v>0</v>
      </c>
      <c r="CD24" s="196">
        <v>0</v>
      </c>
      <c r="CE24" s="193">
        <v>0</v>
      </c>
      <c r="CF24" s="191">
        <v>0</v>
      </c>
      <c r="CG24" s="191">
        <v>1</v>
      </c>
      <c r="CH24" s="191">
        <v>3</v>
      </c>
      <c r="CI24" s="191">
        <v>1</v>
      </c>
      <c r="CJ24" s="191">
        <v>0</v>
      </c>
      <c r="CK24" s="196">
        <v>5</v>
      </c>
      <c r="CL24" s="195">
        <v>5</v>
      </c>
      <c r="CM24" s="190">
        <v>0</v>
      </c>
      <c r="CN24" s="191">
        <v>0</v>
      </c>
      <c r="CO24" s="196">
        <v>0</v>
      </c>
      <c r="CP24" s="193">
        <v>0</v>
      </c>
      <c r="CQ24" s="191">
        <v>0</v>
      </c>
      <c r="CR24" s="191">
        <v>0</v>
      </c>
      <c r="CS24" s="191">
        <v>1</v>
      </c>
      <c r="CT24" s="191">
        <v>0</v>
      </c>
      <c r="CU24" s="191">
        <v>0</v>
      </c>
      <c r="CV24" s="196">
        <v>1</v>
      </c>
      <c r="CW24" s="195">
        <v>1</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6</v>
      </c>
      <c r="DV24" s="196">
        <v>10</v>
      </c>
      <c r="DW24" s="193">
        <v>0</v>
      </c>
      <c r="DX24" s="191">
        <v>9</v>
      </c>
      <c r="DY24" s="191">
        <v>12</v>
      </c>
      <c r="DZ24" s="191">
        <v>6</v>
      </c>
      <c r="EA24" s="191">
        <v>8</v>
      </c>
      <c r="EB24" s="191">
        <v>6</v>
      </c>
      <c r="EC24" s="196">
        <v>41</v>
      </c>
      <c r="ED24" s="195">
        <v>51</v>
      </c>
      <c r="EE24" s="190">
        <v>0</v>
      </c>
      <c r="EF24" s="191">
        <v>0</v>
      </c>
      <c r="EG24" s="196">
        <v>0</v>
      </c>
      <c r="EH24" s="193">
        <v>0</v>
      </c>
      <c r="EI24" s="191">
        <v>3</v>
      </c>
      <c r="EJ24" s="191">
        <v>2</v>
      </c>
      <c r="EK24" s="191">
        <v>3</v>
      </c>
      <c r="EL24" s="191">
        <v>2</v>
      </c>
      <c r="EM24" s="191">
        <v>2</v>
      </c>
      <c r="EN24" s="196">
        <v>12</v>
      </c>
      <c r="EO24" s="195">
        <v>12</v>
      </c>
      <c r="EP24" s="190">
        <v>6</v>
      </c>
      <c r="EQ24" s="191">
        <v>7</v>
      </c>
      <c r="ER24" s="196">
        <v>13</v>
      </c>
      <c r="ES24" s="193">
        <v>0</v>
      </c>
      <c r="ET24" s="191">
        <v>21</v>
      </c>
      <c r="EU24" s="191">
        <v>18</v>
      </c>
      <c r="EV24" s="191">
        <v>8</v>
      </c>
      <c r="EW24" s="191">
        <v>7</v>
      </c>
      <c r="EX24" s="191">
        <v>6</v>
      </c>
      <c r="EY24" s="196">
        <v>60</v>
      </c>
      <c r="EZ24" s="195">
        <v>73</v>
      </c>
    </row>
    <row r="25" spans="2:156" ht="21" customHeight="1" x14ac:dyDescent="0.2">
      <c r="B25" s="106" t="s">
        <v>23</v>
      </c>
      <c r="C25" s="190">
        <v>0</v>
      </c>
      <c r="D25" s="191">
        <v>0</v>
      </c>
      <c r="E25" s="192">
        <v>0</v>
      </c>
      <c r="F25" s="193">
        <v>0</v>
      </c>
      <c r="G25" s="191">
        <v>0</v>
      </c>
      <c r="H25" s="191">
        <v>4</v>
      </c>
      <c r="I25" s="191">
        <v>8</v>
      </c>
      <c r="J25" s="191">
        <v>4</v>
      </c>
      <c r="K25" s="191">
        <v>2</v>
      </c>
      <c r="L25" s="194">
        <v>18</v>
      </c>
      <c r="M25" s="195">
        <v>18</v>
      </c>
      <c r="N25" s="190">
        <v>0</v>
      </c>
      <c r="O25" s="191">
        <v>0</v>
      </c>
      <c r="P25" s="196">
        <v>0</v>
      </c>
      <c r="Q25" s="193">
        <v>0</v>
      </c>
      <c r="R25" s="191">
        <v>0</v>
      </c>
      <c r="S25" s="191">
        <v>1</v>
      </c>
      <c r="T25" s="191">
        <v>0</v>
      </c>
      <c r="U25" s="191">
        <v>0</v>
      </c>
      <c r="V25" s="191">
        <v>0</v>
      </c>
      <c r="W25" s="196">
        <v>1</v>
      </c>
      <c r="X25" s="195">
        <v>1</v>
      </c>
      <c r="Y25" s="190">
        <v>4</v>
      </c>
      <c r="Z25" s="191">
        <v>3</v>
      </c>
      <c r="AA25" s="196">
        <v>7</v>
      </c>
      <c r="AB25" s="193">
        <v>0</v>
      </c>
      <c r="AC25" s="191">
        <v>2</v>
      </c>
      <c r="AD25" s="191">
        <v>11</v>
      </c>
      <c r="AE25" s="191">
        <v>6</v>
      </c>
      <c r="AF25" s="191">
        <v>2</v>
      </c>
      <c r="AG25" s="191">
        <v>2</v>
      </c>
      <c r="AH25" s="196">
        <v>23</v>
      </c>
      <c r="AI25" s="195">
        <v>30</v>
      </c>
      <c r="AJ25" s="190">
        <v>1</v>
      </c>
      <c r="AK25" s="191">
        <v>1</v>
      </c>
      <c r="AL25" s="196">
        <v>2</v>
      </c>
      <c r="AM25" s="193">
        <v>0</v>
      </c>
      <c r="AN25" s="191">
        <v>0</v>
      </c>
      <c r="AO25" s="191">
        <v>0</v>
      </c>
      <c r="AP25" s="191">
        <v>0</v>
      </c>
      <c r="AQ25" s="191">
        <v>0</v>
      </c>
      <c r="AR25" s="191">
        <v>0</v>
      </c>
      <c r="AS25" s="196">
        <v>0</v>
      </c>
      <c r="AT25" s="195">
        <v>2</v>
      </c>
      <c r="AU25" s="190">
        <v>0</v>
      </c>
      <c r="AV25" s="191">
        <v>0</v>
      </c>
      <c r="AW25" s="196">
        <v>0</v>
      </c>
      <c r="AX25" s="193">
        <v>0</v>
      </c>
      <c r="AY25" s="191">
        <v>6</v>
      </c>
      <c r="AZ25" s="191">
        <v>6</v>
      </c>
      <c r="BA25" s="191">
        <v>8</v>
      </c>
      <c r="BB25" s="191">
        <v>12</v>
      </c>
      <c r="BC25" s="191">
        <v>9</v>
      </c>
      <c r="BD25" s="194">
        <v>41</v>
      </c>
      <c r="BE25" s="195">
        <v>41</v>
      </c>
      <c r="BF25" s="190">
        <v>0</v>
      </c>
      <c r="BG25" s="191">
        <v>0</v>
      </c>
      <c r="BH25" s="196">
        <v>0</v>
      </c>
      <c r="BI25" s="193">
        <v>0</v>
      </c>
      <c r="BJ25" s="191">
        <v>10</v>
      </c>
      <c r="BK25" s="191">
        <v>10</v>
      </c>
      <c r="BL25" s="191">
        <v>7</v>
      </c>
      <c r="BM25" s="191">
        <v>2</v>
      </c>
      <c r="BN25" s="191">
        <v>2</v>
      </c>
      <c r="BO25" s="196">
        <v>31</v>
      </c>
      <c r="BP25" s="195">
        <v>31</v>
      </c>
      <c r="BQ25" s="190">
        <v>1</v>
      </c>
      <c r="BR25" s="191">
        <v>1</v>
      </c>
      <c r="BS25" s="196">
        <v>2</v>
      </c>
      <c r="BT25" s="193">
        <v>0</v>
      </c>
      <c r="BU25" s="191">
        <v>1</v>
      </c>
      <c r="BV25" s="191">
        <v>0</v>
      </c>
      <c r="BW25" s="191">
        <v>3</v>
      </c>
      <c r="BX25" s="191">
        <v>2</v>
      </c>
      <c r="BY25" s="191">
        <v>1</v>
      </c>
      <c r="BZ25" s="196">
        <v>7</v>
      </c>
      <c r="CA25" s="195">
        <v>9</v>
      </c>
      <c r="CB25" s="190">
        <v>0</v>
      </c>
      <c r="CC25" s="191">
        <v>0</v>
      </c>
      <c r="CD25" s="196">
        <v>0</v>
      </c>
      <c r="CE25" s="193">
        <v>0</v>
      </c>
      <c r="CF25" s="191">
        <v>3</v>
      </c>
      <c r="CG25" s="191">
        <v>3</v>
      </c>
      <c r="CH25" s="191">
        <v>4</v>
      </c>
      <c r="CI25" s="191">
        <v>1</v>
      </c>
      <c r="CJ25" s="191">
        <v>0</v>
      </c>
      <c r="CK25" s="196">
        <v>11</v>
      </c>
      <c r="CL25" s="195">
        <v>11</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4</v>
      </c>
      <c r="DU25" s="191">
        <v>8</v>
      </c>
      <c r="DV25" s="196">
        <v>12</v>
      </c>
      <c r="DW25" s="193">
        <v>0</v>
      </c>
      <c r="DX25" s="191">
        <v>10</v>
      </c>
      <c r="DY25" s="191">
        <v>19</v>
      </c>
      <c r="DZ25" s="191">
        <v>14</v>
      </c>
      <c r="EA25" s="191">
        <v>7</v>
      </c>
      <c r="EB25" s="191">
        <v>5</v>
      </c>
      <c r="EC25" s="196">
        <v>55</v>
      </c>
      <c r="ED25" s="195">
        <v>67</v>
      </c>
      <c r="EE25" s="190">
        <v>0</v>
      </c>
      <c r="EF25" s="191">
        <v>0</v>
      </c>
      <c r="EG25" s="196">
        <v>0</v>
      </c>
      <c r="EH25" s="193">
        <v>0</v>
      </c>
      <c r="EI25" s="191">
        <v>3</v>
      </c>
      <c r="EJ25" s="191">
        <v>2</v>
      </c>
      <c r="EK25" s="191">
        <v>0</v>
      </c>
      <c r="EL25" s="191">
        <v>9</v>
      </c>
      <c r="EM25" s="191">
        <v>6</v>
      </c>
      <c r="EN25" s="196">
        <v>20</v>
      </c>
      <c r="EO25" s="195">
        <v>20</v>
      </c>
      <c r="EP25" s="190">
        <v>8</v>
      </c>
      <c r="EQ25" s="191">
        <v>9</v>
      </c>
      <c r="ER25" s="196">
        <v>17</v>
      </c>
      <c r="ES25" s="193">
        <v>0</v>
      </c>
      <c r="ET25" s="191">
        <v>17</v>
      </c>
      <c r="EU25" s="191">
        <v>27</v>
      </c>
      <c r="EV25" s="191">
        <v>19</v>
      </c>
      <c r="EW25" s="191">
        <v>5</v>
      </c>
      <c r="EX25" s="191">
        <v>6</v>
      </c>
      <c r="EY25" s="196">
        <v>74</v>
      </c>
      <c r="EZ25" s="195">
        <v>91</v>
      </c>
    </row>
    <row r="26" spans="2:156" ht="21" customHeight="1" x14ac:dyDescent="0.2">
      <c r="B26" s="106" t="s">
        <v>24</v>
      </c>
      <c r="C26" s="190">
        <v>0</v>
      </c>
      <c r="D26" s="191">
        <v>0</v>
      </c>
      <c r="E26" s="192">
        <v>0</v>
      </c>
      <c r="F26" s="193">
        <v>0</v>
      </c>
      <c r="G26" s="191">
        <v>6</v>
      </c>
      <c r="H26" s="191">
        <v>8</v>
      </c>
      <c r="I26" s="191">
        <v>3</v>
      </c>
      <c r="J26" s="191">
        <v>4</v>
      </c>
      <c r="K26" s="191">
        <v>2</v>
      </c>
      <c r="L26" s="194">
        <v>23</v>
      </c>
      <c r="M26" s="195">
        <v>23</v>
      </c>
      <c r="N26" s="190">
        <v>0</v>
      </c>
      <c r="O26" s="191">
        <v>0</v>
      </c>
      <c r="P26" s="196">
        <v>0</v>
      </c>
      <c r="Q26" s="193">
        <v>0</v>
      </c>
      <c r="R26" s="191">
        <v>0</v>
      </c>
      <c r="S26" s="191">
        <v>1</v>
      </c>
      <c r="T26" s="191">
        <v>1</v>
      </c>
      <c r="U26" s="191">
        <v>0</v>
      </c>
      <c r="V26" s="191">
        <v>2</v>
      </c>
      <c r="W26" s="196">
        <v>4</v>
      </c>
      <c r="X26" s="195">
        <v>4</v>
      </c>
      <c r="Y26" s="190">
        <v>1</v>
      </c>
      <c r="Z26" s="191">
        <v>5</v>
      </c>
      <c r="AA26" s="196">
        <v>6</v>
      </c>
      <c r="AB26" s="193">
        <v>0</v>
      </c>
      <c r="AC26" s="191">
        <v>4</v>
      </c>
      <c r="AD26" s="191">
        <v>6</v>
      </c>
      <c r="AE26" s="191">
        <v>3</v>
      </c>
      <c r="AF26" s="191">
        <v>6</v>
      </c>
      <c r="AG26" s="191">
        <v>4</v>
      </c>
      <c r="AH26" s="196">
        <v>23</v>
      </c>
      <c r="AI26" s="195">
        <v>29</v>
      </c>
      <c r="AJ26" s="190">
        <v>0</v>
      </c>
      <c r="AK26" s="191">
        <v>0</v>
      </c>
      <c r="AL26" s="196">
        <v>0</v>
      </c>
      <c r="AM26" s="193">
        <v>0</v>
      </c>
      <c r="AN26" s="191">
        <v>0</v>
      </c>
      <c r="AO26" s="191">
        <v>0</v>
      </c>
      <c r="AP26" s="191">
        <v>0</v>
      </c>
      <c r="AQ26" s="191">
        <v>0</v>
      </c>
      <c r="AR26" s="191">
        <v>1</v>
      </c>
      <c r="AS26" s="196">
        <v>1</v>
      </c>
      <c r="AT26" s="195">
        <v>1</v>
      </c>
      <c r="AU26" s="190">
        <v>2</v>
      </c>
      <c r="AV26" s="191">
        <v>2</v>
      </c>
      <c r="AW26" s="196">
        <v>4</v>
      </c>
      <c r="AX26" s="193">
        <v>0</v>
      </c>
      <c r="AY26" s="191">
        <v>11</v>
      </c>
      <c r="AZ26" s="191">
        <v>9</v>
      </c>
      <c r="BA26" s="191">
        <v>9</v>
      </c>
      <c r="BB26" s="191">
        <v>11</v>
      </c>
      <c r="BC26" s="191">
        <v>10</v>
      </c>
      <c r="BD26" s="194">
        <v>50</v>
      </c>
      <c r="BE26" s="195">
        <v>54</v>
      </c>
      <c r="BF26" s="190">
        <v>0</v>
      </c>
      <c r="BG26" s="191">
        <v>0</v>
      </c>
      <c r="BH26" s="196">
        <v>0</v>
      </c>
      <c r="BI26" s="193">
        <v>0</v>
      </c>
      <c r="BJ26" s="191">
        <v>11</v>
      </c>
      <c r="BK26" s="191">
        <v>7</v>
      </c>
      <c r="BL26" s="191">
        <v>2</v>
      </c>
      <c r="BM26" s="191">
        <v>1</v>
      </c>
      <c r="BN26" s="191">
        <v>1</v>
      </c>
      <c r="BO26" s="196">
        <v>22</v>
      </c>
      <c r="BP26" s="195">
        <v>22</v>
      </c>
      <c r="BQ26" s="190">
        <v>2</v>
      </c>
      <c r="BR26" s="191">
        <v>1</v>
      </c>
      <c r="BS26" s="196">
        <v>3</v>
      </c>
      <c r="BT26" s="193">
        <v>0</v>
      </c>
      <c r="BU26" s="191">
        <v>5</v>
      </c>
      <c r="BV26" s="191">
        <v>3</v>
      </c>
      <c r="BW26" s="191">
        <v>1</v>
      </c>
      <c r="BX26" s="191">
        <v>2</v>
      </c>
      <c r="BY26" s="191">
        <v>2</v>
      </c>
      <c r="BZ26" s="196">
        <v>13</v>
      </c>
      <c r="CA26" s="195">
        <v>16</v>
      </c>
      <c r="CB26" s="190">
        <v>0</v>
      </c>
      <c r="CC26" s="191">
        <v>1</v>
      </c>
      <c r="CD26" s="196">
        <v>1</v>
      </c>
      <c r="CE26" s="193">
        <v>0</v>
      </c>
      <c r="CF26" s="191">
        <v>0</v>
      </c>
      <c r="CG26" s="191">
        <v>0</v>
      </c>
      <c r="CH26" s="191">
        <v>3</v>
      </c>
      <c r="CI26" s="191">
        <v>0</v>
      </c>
      <c r="CJ26" s="191">
        <v>1</v>
      </c>
      <c r="CK26" s="196">
        <v>4</v>
      </c>
      <c r="CL26" s="195">
        <v>5</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5</v>
      </c>
      <c r="DU26" s="191">
        <v>11</v>
      </c>
      <c r="DV26" s="196">
        <v>16</v>
      </c>
      <c r="DW26" s="193">
        <v>0</v>
      </c>
      <c r="DX26" s="191">
        <v>9</v>
      </c>
      <c r="DY26" s="191">
        <v>16</v>
      </c>
      <c r="DZ26" s="191">
        <v>8</v>
      </c>
      <c r="EA26" s="191">
        <v>10</v>
      </c>
      <c r="EB26" s="191">
        <v>5</v>
      </c>
      <c r="EC26" s="196">
        <v>48</v>
      </c>
      <c r="ED26" s="195">
        <v>64</v>
      </c>
      <c r="EE26" s="190">
        <v>2</v>
      </c>
      <c r="EF26" s="191">
        <v>3</v>
      </c>
      <c r="EG26" s="196">
        <v>5</v>
      </c>
      <c r="EH26" s="193">
        <v>0</v>
      </c>
      <c r="EI26" s="191">
        <v>6</v>
      </c>
      <c r="EJ26" s="191">
        <v>6</v>
      </c>
      <c r="EK26" s="191">
        <v>4</v>
      </c>
      <c r="EL26" s="191">
        <v>4</v>
      </c>
      <c r="EM26" s="191">
        <v>4</v>
      </c>
      <c r="EN26" s="196">
        <v>24</v>
      </c>
      <c r="EO26" s="195">
        <v>29</v>
      </c>
      <c r="EP26" s="190">
        <v>8</v>
      </c>
      <c r="EQ26" s="191">
        <v>15</v>
      </c>
      <c r="ER26" s="196">
        <v>23</v>
      </c>
      <c r="ES26" s="193">
        <v>0</v>
      </c>
      <c r="ET26" s="191">
        <v>22</v>
      </c>
      <c r="EU26" s="191">
        <v>19</v>
      </c>
      <c r="EV26" s="191">
        <v>10</v>
      </c>
      <c r="EW26" s="191">
        <v>9</v>
      </c>
      <c r="EX26" s="191">
        <v>5</v>
      </c>
      <c r="EY26" s="196">
        <v>65</v>
      </c>
      <c r="EZ26" s="195">
        <v>88</v>
      </c>
    </row>
    <row r="27" spans="2:156" ht="21" customHeight="1" x14ac:dyDescent="0.2">
      <c r="B27" s="106" t="s">
        <v>25</v>
      </c>
      <c r="C27" s="190">
        <v>0</v>
      </c>
      <c r="D27" s="191">
        <v>0</v>
      </c>
      <c r="E27" s="192">
        <v>0</v>
      </c>
      <c r="F27" s="193">
        <v>0</v>
      </c>
      <c r="G27" s="191">
        <v>1</v>
      </c>
      <c r="H27" s="191">
        <v>0</v>
      </c>
      <c r="I27" s="191">
        <v>4</v>
      </c>
      <c r="J27" s="191">
        <v>1</v>
      </c>
      <c r="K27" s="191">
        <v>1</v>
      </c>
      <c r="L27" s="194">
        <v>7</v>
      </c>
      <c r="M27" s="195">
        <v>7</v>
      </c>
      <c r="N27" s="190">
        <v>0</v>
      </c>
      <c r="O27" s="191">
        <v>0</v>
      </c>
      <c r="P27" s="196">
        <v>0</v>
      </c>
      <c r="Q27" s="193">
        <v>0</v>
      </c>
      <c r="R27" s="191">
        <v>0</v>
      </c>
      <c r="S27" s="191">
        <v>0</v>
      </c>
      <c r="T27" s="191">
        <v>1</v>
      </c>
      <c r="U27" s="191">
        <v>0</v>
      </c>
      <c r="V27" s="191">
        <v>1</v>
      </c>
      <c r="W27" s="196">
        <v>2</v>
      </c>
      <c r="X27" s="195">
        <v>2</v>
      </c>
      <c r="Y27" s="190">
        <v>3</v>
      </c>
      <c r="Z27" s="191">
        <v>5</v>
      </c>
      <c r="AA27" s="196">
        <v>8</v>
      </c>
      <c r="AB27" s="193">
        <v>0</v>
      </c>
      <c r="AC27" s="191">
        <v>1</v>
      </c>
      <c r="AD27" s="191">
        <v>0</v>
      </c>
      <c r="AE27" s="191">
        <v>3</v>
      </c>
      <c r="AF27" s="191">
        <v>0</v>
      </c>
      <c r="AG27" s="191">
        <v>1</v>
      </c>
      <c r="AH27" s="196">
        <v>5</v>
      </c>
      <c r="AI27" s="195">
        <v>13</v>
      </c>
      <c r="AJ27" s="190">
        <v>0</v>
      </c>
      <c r="AK27" s="191">
        <v>0</v>
      </c>
      <c r="AL27" s="196">
        <v>0</v>
      </c>
      <c r="AM27" s="193">
        <v>0</v>
      </c>
      <c r="AN27" s="191">
        <v>0</v>
      </c>
      <c r="AO27" s="191">
        <v>0</v>
      </c>
      <c r="AP27" s="191">
        <v>0</v>
      </c>
      <c r="AQ27" s="191">
        <v>0</v>
      </c>
      <c r="AR27" s="191">
        <v>0</v>
      </c>
      <c r="AS27" s="196">
        <v>0</v>
      </c>
      <c r="AT27" s="195">
        <v>0</v>
      </c>
      <c r="AU27" s="190">
        <v>2</v>
      </c>
      <c r="AV27" s="191">
        <v>1</v>
      </c>
      <c r="AW27" s="196">
        <v>3</v>
      </c>
      <c r="AX27" s="193">
        <v>0</v>
      </c>
      <c r="AY27" s="191">
        <v>2</v>
      </c>
      <c r="AZ27" s="191">
        <v>2</v>
      </c>
      <c r="BA27" s="191">
        <v>4</v>
      </c>
      <c r="BB27" s="191">
        <v>2</v>
      </c>
      <c r="BC27" s="191">
        <v>2</v>
      </c>
      <c r="BD27" s="194">
        <v>12</v>
      </c>
      <c r="BE27" s="195">
        <v>15</v>
      </c>
      <c r="BF27" s="190">
        <v>0</v>
      </c>
      <c r="BG27" s="191">
        <v>0</v>
      </c>
      <c r="BH27" s="196">
        <v>0</v>
      </c>
      <c r="BI27" s="193">
        <v>0</v>
      </c>
      <c r="BJ27" s="191">
        <v>1</v>
      </c>
      <c r="BK27" s="191">
        <v>3</v>
      </c>
      <c r="BL27" s="191">
        <v>3</v>
      </c>
      <c r="BM27" s="191">
        <v>0</v>
      </c>
      <c r="BN27" s="191">
        <v>0</v>
      </c>
      <c r="BO27" s="196">
        <v>7</v>
      </c>
      <c r="BP27" s="195">
        <v>7</v>
      </c>
      <c r="BQ27" s="190">
        <v>0</v>
      </c>
      <c r="BR27" s="191">
        <v>0</v>
      </c>
      <c r="BS27" s="196">
        <v>0</v>
      </c>
      <c r="BT27" s="193">
        <v>0</v>
      </c>
      <c r="BU27" s="191">
        <v>2</v>
      </c>
      <c r="BV27" s="191">
        <v>2</v>
      </c>
      <c r="BW27" s="191">
        <v>1</v>
      </c>
      <c r="BX27" s="191">
        <v>0</v>
      </c>
      <c r="BY27" s="191">
        <v>0</v>
      </c>
      <c r="BZ27" s="196">
        <v>5</v>
      </c>
      <c r="CA27" s="195">
        <v>5</v>
      </c>
      <c r="CB27" s="190">
        <v>0</v>
      </c>
      <c r="CC27" s="191">
        <v>0</v>
      </c>
      <c r="CD27" s="196">
        <v>0</v>
      </c>
      <c r="CE27" s="193">
        <v>0</v>
      </c>
      <c r="CF27" s="191">
        <v>1</v>
      </c>
      <c r="CG27" s="191">
        <v>1</v>
      </c>
      <c r="CH27" s="191">
        <v>1</v>
      </c>
      <c r="CI27" s="191">
        <v>0</v>
      </c>
      <c r="CJ27" s="191">
        <v>0</v>
      </c>
      <c r="CK27" s="196">
        <v>3</v>
      </c>
      <c r="CL27" s="195">
        <v>3</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6</v>
      </c>
      <c r="DU27" s="191">
        <v>8</v>
      </c>
      <c r="DV27" s="196">
        <v>14</v>
      </c>
      <c r="DW27" s="193">
        <v>0</v>
      </c>
      <c r="DX27" s="191">
        <v>2</v>
      </c>
      <c r="DY27" s="191">
        <v>4</v>
      </c>
      <c r="DZ27" s="191">
        <v>8</v>
      </c>
      <c r="EA27" s="191">
        <v>1</v>
      </c>
      <c r="EB27" s="191">
        <v>3</v>
      </c>
      <c r="EC27" s="196">
        <v>18</v>
      </c>
      <c r="ED27" s="195">
        <v>32</v>
      </c>
      <c r="EE27" s="190">
        <v>0</v>
      </c>
      <c r="EF27" s="191">
        <v>0</v>
      </c>
      <c r="EG27" s="196">
        <v>0</v>
      </c>
      <c r="EH27" s="193">
        <v>0</v>
      </c>
      <c r="EI27" s="191">
        <v>1</v>
      </c>
      <c r="EJ27" s="191">
        <v>2</v>
      </c>
      <c r="EK27" s="191">
        <v>2</v>
      </c>
      <c r="EL27" s="191">
        <v>1</v>
      </c>
      <c r="EM27" s="191">
        <v>0</v>
      </c>
      <c r="EN27" s="196">
        <v>6</v>
      </c>
      <c r="EO27" s="195">
        <v>6</v>
      </c>
      <c r="EP27" s="190">
        <v>9</v>
      </c>
      <c r="EQ27" s="191">
        <v>11</v>
      </c>
      <c r="ER27" s="196">
        <v>20</v>
      </c>
      <c r="ES27" s="193">
        <v>0</v>
      </c>
      <c r="ET27" s="191">
        <v>6</v>
      </c>
      <c r="EU27" s="191">
        <v>7</v>
      </c>
      <c r="EV27" s="191">
        <v>9</v>
      </c>
      <c r="EW27" s="191">
        <v>1</v>
      </c>
      <c r="EX27" s="191">
        <v>3</v>
      </c>
      <c r="EY27" s="196">
        <v>26</v>
      </c>
      <c r="EZ27" s="195">
        <v>46</v>
      </c>
    </row>
    <row r="28" spans="2:156" ht="21" customHeight="1" x14ac:dyDescent="0.2">
      <c r="B28" s="106" t="s">
        <v>26</v>
      </c>
      <c r="C28" s="190">
        <v>0</v>
      </c>
      <c r="D28" s="191">
        <v>0</v>
      </c>
      <c r="E28" s="192">
        <v>0</v>
      </c>
      <c r="F28" s="193">
        <v>0</v>
      </c>
      <c r="G28" s="191">
        <v>3</v>
      </c>
      <c r="H28" s="191">
        <v>5</v>
      </c>
      <c r="I28" s="191">
        <v>4</v>
      </c>
      <c r="J28" s="191">
        <v>0</v>
      </c>
      <c r="K28" s="191">
        <v>3</v>
      </c>
      <c r="L28" s="194">
        <v>15</v>
      </c>
      <c r="M28" s="195">
        <v>15</v>
      </c>
      <c r="N28" s="190">
        <v>0</v>
      </c>
      <c r="O28" s="191">
        <v>0</v>
      </c>
      <c r="P28" s="196">
        <v>0</v>
      </c>
      <c r="Q28" s="193">
        <v>0</v>
      </c>
      <c r="R28" s="191">
        <v>0</v>
      </c>
      <c r="S28" s="191">
        <v>0</v>
      </c>
      <c r="T28" s="191">
        <v>0</v>
      </c>
      <c r="U28" s="191">
        <v>0</v>
      </c>
      <c r="V28" s="191">
        <v>1</v>
      </c>
      <c r="W28" s="196">
        <v>1</v>
      </c>
      <c r="X28" s="195">
        <v>1</v>
      </c>
      <c r="Y28" s="190">
        <v>0</v>
      </c>
      <c r="Z28" s="191">
        <v>1</v>
      </c>
      <c r="AA28" s="196">
        <v>1</v>
      </c>
      <c r="AB28" s="193">
        <v>0</v>
      </c>
      <c r="AC28" s="191">
        <v>4</v>
      </c>
      <c r="AD28" s="191">
        <v>4</v>
      </c>
      <c r="AE28" s="191">
        <v>2</v>
      </c>
      <c r="AF28" s="191">
        <v>0</v>
      </c>
      <c r="AG28" s="191">
        <v>4</v>
      </c>
      <c r="AH28" s="196">
        <v>14</v>
      </c>
      <c r="AI28" s="195">
        <v>15</v>
      </c>
      <c r="AJ28" s="190">
        <v>0</v>
      </c>
      <c r="AK28" s="191">
        <v>1</v>
      </c>
      <c r="AL28" s="196">
        <v>1</v>
      </c>
      <c r="AM28" s="193">
        <v>0</v>
      </c>
      <c r="AN28" s="191">
        <v>1</v>
      </c>
      <c r="AO28" s="191">
        <v>0</v>
      </c>
      <c r="AP28" s="191">
        <v>1</v>
      </c>
      <c r="AQ28" s="191">
        <v>0</v>
      </c>
      <c r="AR28" s="191">
        <v>0</v>
      </c>
      <c r="AS28" s="196">
        <v>2</v>
      </c>
      <c r="AT28" s="195">
        <v>3</v>
      </c>
      <c r="AU28" s="190">
        <v>2</v>
      </c>
      <c r="AV28" s="191">
        <v>0</v>
      </c>
      <c r="AW28" s="196">
        <v>2</v>
      </c>
      <c r="AX28" s="193">
        <v>0</v>
      </c>
      <c r="AY28" s="191">
        <v>8</v>
      </c>
      <c r="AZ28" s="191">
        <v>2</v>
      </c>
      <c r="BA28" s="191">
        <v>8</v>
      </c>
      <c r="BB28" s="191">
        <v>3</v>
      </c>
      <c r="BC28" s="191">
        <v>5</v>
      </c>
      <c r="BD28" s="194">
        <v>26</v>
      </c>
      <c r="BE28" s="195">
        <v>28</v>
      </c>
      <c r="BF28" s="190">
        <v>0</v>
      </c>
      <c r="BG28" s="191">
        <v>0</v>
      </c>
      <c r="BH28" s="196">
        <v>0</v>
      </c>
      <c r="BI28" s="193">
        <v>0</v>
      </c>
      <c r="BJ28" s="191">
        <v>9</v>
      </c>
      <c r="BK28" s="191">
        <v>2</v>
      </c>
      <c r="BL28" s="191">
        <v>2</v>
      </c>
      <c r="BM28" s="191">
        <v>0</v>
      </c>
      <c r="BN28" s="191">
        <v>1</v>
      </c>
      <c r="BO28" s="196">
        <v>14</v>
      </c>
      <c r="BP28" s="195">
        <v>14</v>
      </c>
      <c r="BQ28" s="190">
        <v>0</v>
      </c>
      <c r="BR28" s="191">
        <v>0</v>
      </c>
      <c r="BS28" s="196">
        <v>0</v>
      </c>
      <c r="BT28" s="193">
        <v>0</v>
      </c>
      <c r="BU28" s="191">
        <v>0</v>
      </c>
      <c r="BV28" s="191">
        <v>3</v>
      </c>
      <c r="BW28" s="191">
        <v>1</v>
      </c>
      <c r="BX28" s="191">
        <v>0</v>
      </c>
      <c r="BY28" s="191">
        <v>0</v>
      </c>
      <c r="BZ28" s="196">
        <v>4</v>
      </c>
      <c r="CA28" s="195">
        <v>4</v>
      </c>
      <c r="CB28" s="190">
        <v>0</v>
      </c>
      <c r="CC28" s="191">
        <v>0</v>
      </c>
      <c r="CD28" s="196">
        <v>0</v>
      </c>
      <c r="CE28" s="193">
        <v>0</v>
      </c>
      <c r="CF28" s="191">
        <v>2</v>
      </c>
      <c r="CG28" s="191">
        <v>1</v>
      </c>
      <c r="CH28" s="191">
        <v>0</v>
      </c>
      <c r="CI28" s="191">
        <v>0</v>
      </c>
      <c r="CJ28" s="191">
        <v>0</v>
      </c>
      <c r="CK28" s="196">
        <v>3</v>
      </c>
      <c r="CL28" s="195">
        <v>3</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5</v>
      </c>
      <c r="DV28" s="196">
        <v>6</v>
      </c>
      <c r="DW28" s="193">
        <v>0</v>
      </c>
      <c r="DX28" s="191">
        <v>4</v>
      </c>
      <c r="DY28" s="191">
        <v>11</v>
      </c>
      <c r="DZ28" s="191">
        <v>5</v>
      </c>
      <c r="EA28" s="191">
        <v>0</v>
      </c>
      <c r="EB28" s="191">
        <v>4</v>
      </c>
      <c r="EC28" s="196">
        <v>24</v>
      </c>
      <c r="ED28" s="195">
        <v>30</v>
      </c>
      <c r="EE28" s="190">
        <v>1</v>
      </c>
      <c r="EF28" s="191">
        <v>1</v>
      </c>
      <c r="EG28" s="196">
        <v>2</v>
      </c>
      <c r="EH28" s="193">
        <v>0</v>
      </c>
      <c r="EI28" s="191">
        <v>7</v>
      </c>
      <c r="EJ28" s="191">
        <v>2</v>
      </c>
      <c r="EK28" s="191">
        <v>3</v>
      </c>
      <c r="EL28" s="191">
        <v>3</v>
      </c>
      <c r="EM28" s="191">
        <v>3</v>
      </c>
      <c r="EN28" s="196">
        <v>18</v>
      </c>
      <c r="EO28" s="195">
        <v>20</v>
      </c>
      <c r="EP28" s="190">
        <v>1</v>
      </c>
      <c r="EQ28" s="191">
        <v>7</v>
      </c>
      <c r="ER28" s="196">
        <v>8</v>
      </c>
      <c r="ES28" s="193">
        <v>0</v>
      </c>
      <c r="ET28" s="191">
        <v>17</v>
      </c>
      <c r="EU28" s="191">
        <v>12</v>
      </c>
      <c r="EV28" s="191">
        <v>6</v>
      </c>
      <c r="EW28" s="191">
        <v>0</v>
      </c>
      <c r="EX28" s="191">
        <v>4</v>
      </c>
      <c r="EY28" s="196">
        <v>39</v>
      </c>
      <c r="EZ28" s="195">
        <v>47</v>
      </c>
    </row>
    <row r="29" spans="2:156" ht="21" customHeight="1" x14ac:dyDescent="0.2">
      <c r="B29" s="106" t="s">
        <v>27</v>
      </c>
      <c r="C29" s="190">
        <v>0</v>
      </c>
      <c r="D29" s="191">
        <v>0</v>
      </c>
      <c r="E29" s="192">
        <v>0</v>
      </c>
      <c r="F29" s="193">
        <v>0</v>
      </c>
      <c r="G29" s="191">
        <v>2</v>
      </c>
      <c r="H29" s="191">
        <v>4</v>
      </c>
      <c r="I29" s="191">
        <v>4</v>
      </c>
      <c r="J29" s="191">
        <v>1</v>
      </c>
      <c r="K29" s="191">
        <v>0</v>
      </c>
      <c r="L29" s="194">
        <v>11</v>
      </c>
      <c r="M29" s="195">
        <v>11</v>
      </c>
      <c r="N29" s="190">
        <v>0</v>
      </c>
      <c r="O29" s="191">
        <v>0</v>
      </c>
      <c r="P29" s="196">
        <v>0</v>
      </c>
      <c r="Q29" s="193">
        <v>0</v>
      </c>
      <c r="R29" s="191">
        <v>0</v>
      </c>
      <c r="S29" s="191">
        <v>0</v>
      </c>
      <c r="T29" s="191">
        <v>1</v>
      </c>
      <c r="U29" s="191">
        <v>2</v>
      </c>
      <c r="V29" s="191">
        <v>0</v>
      </c>
      <c r="W29" s="196">
        <v>3</v>
      </c>
      <c r="X29" s="195">
        <v>3</v>
      </c>
      <c r="Y29" s="190">
        <v>1</v>
      </c>
      <c r="Z29" s="191">
        <v>5</v>
      </c>
      <c r="AA29" s="196">
        <v>6</v>
      </c>
      <c r="AB29" s="193">
        <v>0</v>
      </c>
      <c r="AC29" s="191">
        <v>0</v>
      </c>
      <c r="AD29" s="191">
        <v>3</v>
      </c>
      <c r="AE29" s="191">
        <v>5</v>
      </c>
      <c r="AF29" s="191">
        <v>3</v>
      </c>
      <c r="AG29" s="191">
        <v>0</v>
      </c>
      <c r="AH29" s="196">
        <v>11</v>
      </c>
      <c r="AI29" s="195">
        <v>17</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4</v>
      </c>
      <c r="AZ29" s="191">
        <v>4</v>
      </c>
      <c r="BA29" s="191">
        <v>5</v>
      </c>
      <c r="BB29" s="191">
        <v>3</v>
      </c>
      <c r="BC29" s="191">
        <v>2</v>
      </c>
      <c r="BD29" s="194">
        <v>18</v>
      </c>
      <c r="BE29" s="195">
        <v>18</v>
      </c>
      <c r="BF29" s="190">
        <v>0</v>
      </c>
      <c r="BG29" s="191">
        <v>0</v>
      </c>
      <c r="BH29" s="196">
        <v>0</v>
      </c>
      <c r="BI29" s="193">
        <v>0</v>
      </c>
      <c r="BJ29" s="191">
        <v>5</v>
      </c>
      <c r="BK29" s="191">
        <v>3</v>
      </c>
      <c r="BL29" s="191">
        <v>3</v>
      </c>
      <c r="BM29" s="191">
        <v>2</v>
      </c>
      <c r="BN29" s="191">
        <v>0</v>
      </c>
      <c r="BO29" s="196">
        <v>13</v>
      </c>
      <c r="BP29" s="195">
        <v>13</v>
      </c>
      <c r="BQ29" s="190">
        <v>1</v>
      </c>
      <c r="BR29" s="191">
        <v>1</v>
      </c>
      <c r="BS29" s="196">
        <v>2</v>
      </c>
      <c r="BT29" s="193">
        <v>0</v>
      </c>
      <c r="BU29" s="191">
        <v>2</v>
      </c>
      <c r="BV29" s="191">
        <v>2</v>
      </c>
      <c r="BW29" s="191">
        <v>1</v>
      </c>
      <c r="BX29" s="191">
        <v>0</v>
      </c>
      <c r="BY29" s="191">
        <v>0</v>
      </c>
      <c r="BZ29" s="196">
        <v>5</v>
      </c>
      <c r="CA29" s="195">
        <v>7</v>
      </c>
      <c r="CB29" s="190">
        <v>0</v>
      </c>
      <c r="CC29" s="191">
        <v>0</v>
      </c>
      <c r="CD29" s="196">
        <v>0</v>
      </c>
      <c r="CE29" s="193">
        <v>0</v>
      </c>
      <c r="CF29" s="191">
        <v>1</v>
      </c>
      <c r="CG29" s="191">
        <v>0</v>
      </c>
      <c r="CH29" s="191">
        <v>1</v>
      </c>
      <c r="CI29" s="191">
        <v>2</v>
      </c>
      <c r="CJ29" s="191">
        <v>0</v>
      </c>
      <c r="CK29" s="196">
        <v>4</v>
      </c>
      <c r="CL29" s="195">
        <v>4</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4</v>
      </c>
      <c r="DU29" s="191">
        <v>10</v>
      </c>
      <c r="DV29" s="196">
        <v>14</v>
      </c>
      <c r="DW29" s="193">
        <v>0</v>
      </c>
      <c r="DX29" s="191">
        <v>1</v>
      </c>
      <c r="DY29" s="191">
        <v>9</v>
      </c>
      <c r="DZ29" s="191">
        <v>9</v>
      </c>
      <c r="EA29" s="191">
        <v>3</v>
      </c>
      <c r="EB29" s="191">
        <v>0</v>
      </c>
      <c r="EC29" s="196">
        <v>22</v>
      </c>
      <c r="ED29" s="195">
        <v>36</v>
      </c>
      <c r="EE29" s="190">
        <v>0</v>
      </c>
      <c r="EF29" s="191">
        <v>0</v>
      </c>
      <c r="EG29" s="196">
        <v>0</v>
      </c>
      <c r="EH29" s="193">
        <v>0</v>
      </c>
      <c r="EI29" s="191">
        <v>4</v>
      </c>
      <c r="EJ29" s="191">
        <v>3</v>
      </c>
      <c r="EK29" s="191">
        <v>2</v>
      </c>
      <c r="EL29" s="191">
        <v>2</v>
      </c>
      <c r="EM29" s="191">
        <v>2</v>
      </c>
      <c r="EN29" s="196">
        <v>13</v>
      </c>
      <c r="EO29" s="195">
        <v>13</v>
      </c>
      <c r="EP29" s="190">
        <v>6</v>
      </c>
      <c r="EQ29" s="191">
        <v>13</v>
      </c>
      <c r="ER29" s="196">
        <v>19</v>
      </c>
      <c r="ES29" s="193">
        <v>0</v>
      </c>
      <c r="ET29" s="191">
        <v>10</v>
      </c>
      <c r="EU29" s="191">
        <v>12</v>
      </c>
      <c r="EV29" s="191">
        <v>11</v>
      </c>
      <c r="EW29" s="191">
        <v>3</v>
      </c>
      <c r="EX29" s="191">
        <v>0</v>
      </c>
      <c r="EY29" s="196">
        <v>36</v>
      </c>
      <c r="EZ29" s="195">
        <v>55</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v>
      </c>
      <c r="AE30" s="191">
        <v>1</v>
      </c>
      <c r="AF30" s="191">
        <v>0</v>
      </c>
      <c r="AG30" s="191">
        <v>0</v>
      </c>
      <c r="AH30" s="196">
        <v>2</v>
      </c>
      <c r="AI30" s="195">
        <v>2</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1</v>
      </c>
      <c r="BA30" s="191">
        <v>2</v>
      </c>
      <c r="BB30" s="191">
        <v>2</v>
      </c>
      <c r="BC30" s="191">
        <v>1</v>
      </c>
      <c r="BD30" s="194">
        <v>7</v>
      </c>
      <c r="BE30" s="195">
        <v>7</v>
      </c>
      <c r="BF30" s="190">
        <v>0</v>
      </c>
      <c r="BG30" s="191">
        <v>0</v>
      </c>
      <c r="BH30" s="196">
        <v>0</v>
      </c>
      <c r="BI30" s="193">
        <v>0</v>
      </c>
      <c r="BJ30" s="191">
        <v>0</v>
      </c>
      <c r="BK30" s="191">
        <v>2</v>
      </c>
      <c r="BL30" s="191">
        <v>2</v>
      </c>
      <c r="BM30" s="191">
        <v>0</v>
      </c>
      <c r="BN30" s="191">
        <v>0</v>
      </c>
      <c r="BO30" s="196">
        <v>4</v>
      </c>
      <c r="BP30" s="195">
        <v>4</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1</v>
      </c>
      <c r="DY30" s="191">
        <v>3</v>
      </c>
      <c r="DZ30" s="191">
        <v>2</v>
      </c>
      <c r="EA30" s="191">
        <v>1</v>
      </c>
      <c r="EB30" s="191">
        <v>0</v>
      </c>
      <c r="EC30" s="196">
        <v>7</v>
      </c>
      <c r="ED30" s="195">
        <v>8</v>
      </c>
      <c r="EE30" s="190">
        <v>0</v>
      </c>
      <c r="EF30" s="191">
        <v>0</v>
      </c>
      <c r="EG30" s="196">
        <v>0</v>
      </c>
      <c r="EH30" s="193">
        <v>0</v>
      </c>
      <c r="EI30" s="191">
        <v>0</v>
      </c>
      <c r="EJ30" s="191">
        <v>0</v>
      </c>
      <c r="EK30" s="191">
        <v>1</v>
      </c>
      <c r="EL30" s="191">
        <v>1</v>
      </c>
      <c r="EM30" s="191">
        <v>1</v>
      </c>
      <c r="EN30" s="196">
        <v>3</v>
      </c>
      <c r="EO30" s="195">
        <v>3</v>
      </c>
      <c r="EP30" s="190">
        <v>0</v>
      </c>
      <c r="EQ30" s="191">
        <v>1</v>
      </c>
      <c r="ER30" s="196">
        <v>1</v>
      </c>
      <c r="ES30" s="193">
        <v>0</v>
      </c>
      <c r="ET30" s="191">
        <v>7</v>
      </c>
      <c r="EU30" s="191">
        <v>4</v>
      </c>
      <c r="EV30" s="191">
        <v>3</v>
      </c>
      <c r="EW30" s="191">
        <v>1</v>
      </c>
      <c r="EX30" s="191">
        <v>0</v>
      </c>
      <c r="EY30" s="196">
        <v>15</v>
      </c>
      <c r="EZ30" s="195">
        <v>16</v>
      </c>
    </row>
    <row r="31" spans="2:156" ht="21" customHeight="1" x14ac:dyDescent="0.2">
      <c r="B31" s="106" t="s">
        <v>29</v>
      </c>
      <c r="C31" s="190">
        <v>0</v>
      </c>
      <c r="D31" s="191">
        <v>0</v>
      </c>
      <c r="E31" s="192">
        <v>0</v>
      </c>
      <c r="F31" s="193">
        <v>0</v>
      </c>
      <c r="G31" s="191">
        <v>2</v>
      </c>
      <c r="H31" s="191">
        <v>3</v>
      </c>
      <c r="I31" s="191">
        <v>0</v>
      </c>
      <c r="J31" s="191">
        <v>1</v>
      </c>
      <c r="K31" s="191">
        <v>0</v>
      </c>
      <c r="L31" s="194">
        <v>6</v>
      </c>
      <c r="M31" s="195">
        <v>6</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1</v>
      </c>
      <c r="AE31" s="191">
        <v>3</v>
      </c>
      <c r="AF31" s="191">
        <v>0</v>
      </c>
      <c r="AG31" s="191">
        <v>0</v>
      </c>
      <c r="AH31" s="196">
        <v>7</v>
      </c>
      <c r="AI31" s="195">
        <v>9</v>
      </c>
      <c r="AJ31" s="190">
        <v>0</v>
      </c>
      <c r="AK31" s="191">
        <v>1</v>
      </c>
      <c r="AL31" s="196">
        <v>1</v>
      </c>
      <c r="AM31" s="193">
        <v>0</v>
      </c>
      <c r="AN31" s="191">
        <v>0</v>
      </c>
      <c r="AO31" s="191">
        <v>0</v>
      </c>
      <c r="AP31" s="191">
        <v>0</v>
      </c>
      <c r="AQ31" s="191">
        <v>1</v>
      </c>
      <c r="AR31" s="191">
        <v>0</v>
      </c>
      <c r="AS31" s="196">
        <v>1</v>
      </c>
      <c r="AT31" s="195">
        <v>2</v>
      </c>
      <c r="AU31" s="190">
        <v>0</v>
      </c>
      <c r="AV31" s="191">
        <v>0</v>
      </c>
      <c r="AW31" s="196">
        <v>0</v>
      </c>
      <c r="AX31" s="193">
        <v>0</v>
      </c>
      <c r="AY31" s="191">
        <v>3</v>
      </c>
      <c r="AZ31" s="191">
        <v>2</v>
      </c>
      <c r="BA31" s="191">
        <v>0</v>
      </c>
      <c r="BB31" s="191">
        <v>2</v>
      </c>
      <c r="BC31" s="191">
        <v>0</v>
      </c>
      <c r="BD31" s="194">
        <v>7</v>
      </c>
      <c r="BE31" s="195">
        <v>7</v>
      </c>
      <c r="BF31" s="190">
        <v>0</v>
      </c>
      <c r="BG31" s="191">
        <v>0</v>
      </c>
      <c r="BH31" s="196">
        <v>0</v>
      </c>
      <c r="BI31" s="193">
        <v>0</v>
      </c>
      <c r="BJ31" s="191">
        <v>2</v>
      </c>
      <c r="BK31" s="191">
        <v>0</v>
      </c>
      <c r="BL31" s="191">
        <v>0</v>
      </c>
      <c r="BM31" s="191">
        <v>0</v>
      </c>
      <c r="BN31" s="191">
        <v>0</v>
      </c>
      <c r="BO31" s="196">
        <v>2</v>
      </c>
      <c r="BP31" s="195">
        <v>2</v>
      </c>
      <c r="BQ31" s="190">
        <v>0</v>
      </c>
      <c r="BR31" s="191">
        <v>0</v>
      </c>
      <c r="BS31" s="196">
        <v>0</v>
      </c>
      <c r="BT31" s="193">
        <v>0</v>
      </c>
      <c r="BU31" s="191">
        <v>1</v>
      </c>
      <c r="BV31" s="191">
        <v>0</v>
      </c>
      <c r="BW31" s="191">
        <v>1</v>
      </c>
      <c r="BX31" s="191">
        <v>1</v>
      </c>
      <c r="BY31" s="191">
        <v>0</v>
      </c>
      <c r="BZ31" s="196">
        <v>3</v>
      </c>
      <c r="CA31" s="195">
        <v>3</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0</v>
      </c>
      <c r="DU31" s="191">
        <v>3</v>
      </c>
      <c r="DV31" s="196">
        <v>3</v>
      </c>
      <c r="DW31" s="193">
        <v>0</v>
      </c>
      <c r="DX31" s="191">
        <v>1</v>
      </c>
      <c r="DY31" s="191">
        <v>5</v>
      </c>
      <c r="DZ31" s="191">
        <v>3</v>
      </c>
      <c r="EA31" s="191">
        <v>2</v>
      </c>
      <c r="EB31" s="191">
        <v>0</v>
      </c>
      <c r="EC31" s="196">
        <v>11</v>
      </c>
      <c r="ED31" s="195">
        <v>14</v>
      </c>
      <c r="EE31" s="190">
        <v>1</v>
      </c>
      <c r="EF31" s="191">
        <v>0</v>
      </c>
      <c r="EG31" s="196">
        <v>1</v>
      </c>
      <c r="EH31" s="193">
        <v>0</v>
      </c>
      <c r="EI31" s="191">
        <v>0</v>
      </c>
      <c r="EJ31" s="191">
        <v>1</v>
      </c>
      <c r="EK31" s="191">
        <v>0</v>
      </c>
      <c r="EL31" s="191">
        <v>1</v>
      </c>
      <c r="EM31" s="191">
        <v>1</v>
      </c>
      <c r="EN31" s="196">
        <v>3</v>
      </c>
      <c r="EO31" s="195">
        <v>4</v>
      </c>
      <c r="EP31" s="190">
        <v>1</v>
      </c>
      <c r="EQ31" s="191">
        <v>4</v>
      </c>
      <c r="ER31" s="196">
        <v>5</v>
      </c>
      <c r="ES31" s="193">
        <v>0</v>
      </c>
      <c r="ET31" s="191">
        <v>6</v>
      </c>
      <c r="EU31" s="191">
        <v>4</v>
      </c>
      <c r="EV31" s="191">
        <v>3</v>
      </c>
      <c r="EW31" s="191">
        <v>2</v>
      </c>
      <c r="EX31" s="191">
        <v>0</v>
      </c>
      <c r="EY31" s="196">
        <v>15</v>
      </c>
      <c r="EZ31" s="195">
        <v>20</v>
      </c>
    </row>
    <row r="32" spans="2:156" ht="21" customHeight="1" x14ac:dyDescent="0.2">
      <c r="B32" s="106" t="s">
        <v>30</v>
      </c>
      <c r="C32" s="190">
        <v>0</v>
      </c>
      <c r="D32" s="191">
        <v>0</v>
      </c>
      <c r="E32" s="192">
        <v>0</v>
      </c>
      <c r="F32" s="193">
        <v>0</v>
      </c>
      <c r="G32" s="191">
        <v>2</v>
      </c>
      <c r="H32" s="191">
        <v>2</v>
      </c>
      <c r="I32" s="191">
        <v>1</v>
      </c>
      <c r="J32" s="191">
        <v>1</v>
      </c>
      <c r="K32" s="191">
        <v>0</v>
      </c>
      <c r="L32" s="194">
        <v>6</v>
      </c>
      <c r="M32" s="195">
        <v>6</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1</v>
      </c>
      <c r="AD32" s="191">
        <v>1</v>
      </c>
      <c r="AE32" s="191">
        <v>1</v>
      </c>
      <c r="AF32" s="191">
        <v>0</v>
      </c>
      <c r="AG32" s="191">
        <v>0</v>
      </c>
      <c r="AH32" s="196">
        <v>3</v>
      </c>
      <c r="AI32" s="195">
        <v>3</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4</v>
      </c>
      <c r="AZ32" s="191">
        <v>2</v>
      </c>
      <c r="BA32" s="191">
        <v>2</v>
      </c>
      <c r="BB32" s="191">
        <v>0</v>
      </c>
      <c r="BC32" s="191">
        <v>0</v>
      </c>
      <c r="BD32" s="194">
        <v>8</v>
      </c>
      <c r="BE32" s="195">
        <v>8</v>
      </c>
      <c r="BF32" s="190">
        <v>0</v>
      </c>
      <c r="BG32" s="191">
        <v>0</v>
      </c>
      <c r="BH32" s="196">
        <v>0</v>
      </c>
      <c r="BI32" s="193">
        <v>0</v>
      </c>
      <c r="BJ32" s="191">
        <v>1</v>
      </c>
      <c r="BK32" s="191">
        <v>1</v>
      </c>
      <c r="BL32" s="191">
        <v>1</v>
      </c>
      <c r="BM32" s="191">
        <v>0</v>
      </c>
      <c r="BN32" s="191">
        <v>0</v>
      </c>
      <c r="BO32" s="196">
        <v>3</v>
      </c>
      <c r="BP32" s="195">
        <v>3</v>
      </c>
      <c r="BQ32" s="190">
        <v>0</v>
      </c>
      <c r="BR32" s="191">
        <v>0</v>
      </c>
      <c r="BS32" s="196">
        <v>0</v>
      </c>
      <c r="BT32" s="193">
        <v>0</v>
      </c>
      <c r="BU32" s="191">
        <v>2</v>
      </c>
      <c r="BV32" s="191">
        <v>0</v>
      </c>
      <c r="BW32" s="191">
        <v>0</v>
      </c>
      <c r="BX32" s="191">
        <v>2</v>
      </c>
      <c r="BY32" s="191">
        <v>0</v>
      </c>
      <c r="BZ32" s="196">
        <v>4</v>
      </c>
      <c r="CA32" s="195">
        <v>4</v>
      </c>
      <c r="CB32" s="190">
        <v>0</v>
      </c>
      <c r="CC32" s="191">
        <v>0</v>
      </c>
      <c r="CD32" s="196">
        <v>0</v>
      </c>
      <c r="CE32" s="193">
        <v>0</v>
      </c>
      <c r="CF32" s="191">
        <v>0</v>
      </c>
      <c r="CG32" s="191">
        <v>0</v>
      </c>
      <c r="CH32" s="191">
        <v>0</v>
      </c>
      <c r="CI32" s="191">
        <v>1</v>
      </c>
      <c r="CJ32" s="191">
        <v>0</v>
      </c>
      <c r="CK32" s="196">
        <v>1</v>
      </c>
      <c r="CL32" s="195">
        <v>1</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1</v>
      </c>
      <c r="DU32" s="191">
        <v>0</v>
      </c>
      <c r="DV32" s="196">
        <v>1</v>
      </c>
      <c r="DW32" s="193">
        <v>0</v>
      </c>
      <c r="DX32" s="191">
        <v>0</v>
      </c>
      <c r="DY32" s="191">
        <v>3</v>
      </c>
      <c r="DZ32" s="191">
        <v>2</v>
      </c>
      <c r="EA32" s="191">
        <v>3</v>
      </c>
      <c r="EB32" s="191">
        <v>0</v>
      </c>
      <c r="EC32" s="196">
        <v>8</v>
      </c>
      <c r="ED32" s="195">
        <v>9</v>
      </c>
      <c r="EE32" s="190">
        <v>0</v>
      </c>
      <c r="EF32" s="191">
        <v>0</v>
      </c>
      <c r="EG32" s="196">
        <v>0</v>
      </c>
      <c r="EH32" s="193">
        <v>0</v>
      </c>
      <c r="EI32" s="191">
        <v>1</v>
      </c>
      <c r="EJ32" s="191">
        <v>1</v>
      </c>
      <c r="EK32" s="191">
        <v>2</v>
      </c>
      <c r="EL32" s="191">
        <v>0</v>
      </c>
      <c r="EM32" s="191">
        <v>0</v>
      </c>
      <c r="EN32" s="196">
        <v>4</v>
      </c>
      <c r="EO32" s="195">
        <v>4</v>
      </c>
      <c r="EP32" s="190">
        <v>1</v>
      </c>
      <c r="EQ32" s="191">
        <v>0</v>
      </c>
      <c r="ER32" s="196">
        <v>1</v>
      </c>
      <c r="ES32" s="193">
        <v>0</v>
      </c>
      <c r="ET32" s="191">
        <v>4</v>
      </c>
      <c r="EU32" s="191">
        <v>3</v>
      </c>
      <c r="EV32" s="191">
        <v>2</v>
      </c>
      <c r="EW32" s="191">
        <v>4</v>
      </c>
      <c r="EX32" s="191">
        <v>0</v>
      </c>
      <c r="EY32" s="196">
        <v>13</v>
      </c>
      <c r="EZ32" s="195">
        <v>14</v>
      </c>
    </row>
    <row r="33" spans="2:156" ht="21" customHeight="1" x14ac:dyDescent="0.2">
      <c r="B33" s="106" t="s">
        <v>31</v>
      </c>
      <c r="C33" s="190">
        <v>0</v>
      </c>
      <c r="D33" s="191">
        <v>0</v>
      </c>
      <c r="E33" s="192">
        <v>0</v>
      </c>
      <c r="F33" s="193">
        <v>0</v>
      </c>
      <c r="G33" s="191">
        <v>1</v>
      </c>
      <c r="H33" s="191">
        <v>0</v>
      </c>
      <c r="I33" s="191">
        <v>0</v>
      </c>
      <c r="J33" s="191">
        <v>0</v>
      </c>
      <c r="K33" s="191">
        <v>0</v>
      </c>
      <c r="L33" s="194">
        <v>1</v>
      </c>
      <c r="M33" s="195">
        <v>1</v>
      </c>
      <c r="N33" s="190">
        <v>0</v>
      </c>
      <c r="O33" s="191">
        <v>0</v>
      </c>
      <c r="P33" s="196">
        <v>0</v>
      </c>
      <c r="Q33" s="193">
        <v>0</v>
      </c>
      <c r="R33" s="191">
        <v>0</v>
      </c>
      <c r="S33" s="191">
        <v>0</v>
      </c>
      <c r="T33" s="191">
        <v>0</v>
      </c>
      <c r="U33" s="191">
        <v>0</v>
      </c>
      <c r="V33" s="191">
        <v>1</v>
      </c>
      <c r="W33" s="196">
        <v>1</v>
      </c>
      <c r="X33" s="195">
        <v>1</v>
      </c>
      <c r="Y33" s="190">
        <v>0</v>
      </c>
      <c r="Z33" s="191">
        <v>0</v>
      </c>
      <c r="AA33" s="196">
        <v>0</v>
      </c>
      <c r="AB33" s="193">
        <v>0</v>
      </c>
      <c r="AC33" s="191">
        <v>2</v>
      </c>
      <c r="AD33" s="191">
        <v>0</v>
      </c>
      <c r="AE33" s="191">
        <v>2</v>
      </c>
      <c r="AF33" s="191">
        <v>0</v>
      </c>
      <c r="AG33" s="191">
        <v>1</v>
      </c>
      <c r="AH33" s="196">
        <v>5</v>
      </c>
      <c r="AI33" s="195">
        <v>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1</v>
      </c>
      <c r="BA33" s="191">
        <v>1</v>
      </c>
      <c r="BB33" s="191">
        <v>0</v>
      </c>
      <c r="BC33" s="191">
        <v>1</v>
      </c>
      <c r="BD33" s="194">
        <v>3</v>
      </c>
      <c r="BE33" s="195">
        <v>3</v>
      </c>
      <c r="BF33" s="190">
        <v>0</v>
      </c>
      <c r="BG33" s="191">
        <v>0</v>
      </c>
      <c r="BH33" s="196">
        <v>0</v>
      </c>
      <c r="BI33" s="193">
        <v>0</v>
      </c>
      <c r="BJ33" s="191">
        <v>3</v>
      </c>
      <c r="BK33" s="191">
        <v>1</v>
      </c>
      <c r="BL33" s="191">
        <v>3</v>
      </c>
      <c r="BM33" s="191">
        <v>0</v>
      </c>
      <c r="BN33" s="191">
        <v>0</v>
      </c>
      <c r="BO33" s="196">
        <v>7</v>
      </c>
      <c r="BP33" s="195">
        <v>7</v>
      </c>
      <c r="BQ33" s="190">
        <v>0</v>
      </c>
      <c r="BR33" s="191">
        <v>0</v>
      </c>
      <c r="BS33" s="196">
        <v>0</v>
      </c>
      <c r="BT33" s="193">
        <v>0</v>
      </c>
      <c r="BU33" s="191">
        <v>1</v>
      </c>
      <c r="BV33" s="191">
        <v>0</v>
      </c>
      <c r="BW33" s="191">
        <v>1</v>
      </c>
      <c r="BX33" s="191">
        <v>0</v>
      </c>
      <c r="BY33" s="191">
        <v>0</v>
      </c>
      <c r="BZ33" s="196">
        <v>2</v>
      </c>
      <c r="CA33" s="195">
        <v>2</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1</v>
      </c>
      <c r="DV33" s="196">
        <v>2</v>
      </c>
      <c r="DW33" s="193">
        <v>0</v>
      </c>
      <c r="DX33" s="191">
        <v>3</v>
      </c>
      <c r="DY33" s="191">
        <v>2</v>
      </c>
      <c r="DZ33" s="191">
        <v>4</v>
      </c>
      <c r="EA33" s="191">
        <v>0</v>
      </c>
      <c r="EB33" s="191">
        <v>3</v>
      </c>
      <c r="EC33" s="196">
        <v>12</v>
      </c>
      <c r="ED33" s="195">
        <v>14</v>
      </c>
      <c r="EE33" s="190">
        <v>0</v>
      </c>
      <c r="EF33" s="191">
        <v>0</v>
      </c>
      <c r="EG33" s="196">
        <v>0</v>
      </c>
      <c r="EH33" s="193">
        <v>0</v>
      </c>
      <c r="EI33" s="191">
        <v>0</v>
      </c>
      <c r="EJ33" s="191">
        <v>1</v>
      </c>
      <c r="EK33" s="191">
        <v>0</v>
      </c>
      <c r="EL33" s="191">
        <v>0</v>
      </c>
      <c r="EM33" s="191">
        <v>0</v>
      </c>
      <c r="EN33" s="196">
        <v>1</v>
      </c>
      <c r="EO33" s="195">
        <v>1</v>
      </c>
      <c r="EP33" s="190">
        <v>1</v>
      </c>
      <c r="EQ33" s="191">
        <v>1</v>
      </c>
      <c r="ER33" s="196">
        <v>2</v>
      </c>
      <c r="ES33" s="193">
        <v>0</v>
      </c>
      <c r="ET33" s="191">
        <v>7</v>
      </c>
      <c r="EU33" s="191">
        <v>3</v>
      </c>
      <c r="EV33" s="191">
        <v>5</v>
      </c>
      <c r="EW33" s="191">
        <v>0</v>
      </c>
      <c r="EX33" s="191">
        <v>2</v>
      </c>
      <c r="EY33" s="196">
        <v>17</v>
      </c>
      <c r="EZ33" s="195">
        <v>19</v>
      </c>
    </row>
    <row r="34" spans="2:156" ht="21" customHeight="1" x14ac:dyDescent="0.2">
      <c r="B34" s="106" t="s">
        <v>32</v>
      </c>
      <c r="C34" s="190">
        <v>0</v>
      </c>
      <c r="D34" s="191">
        <v>0</v>
      </c>
      <c r="E34" s="192">
        <v>0</v>
      </c>
      <c r="F34" s="193">
        <v>0</v>
      </c>
      <c r="G34" s="191">
        <v>1</v>
      </c>
      <c r="H34" s="191">
        <v>1</v>
      </c>
      <c r="I34" s="191">
        <v>1</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1</v>
      </c>
      <c r="Z34" s="191">
        <v>2</v>
      </c>
      <c r="AA34" s="196">
        <v>3</v>
      </c>
      <c r="AB34" s="193">
        <v>0</v>
      </c>
      <c r="AC34" s="191">
        <v>1</v>
      </c>
      <c r="AD34" s="191">
        <v>2</v>
      </c>
      <c r="AE34" s="191">
        <v>1</v>
      </c>
      <c r="AF34" s="191">
        <v>0</v>
      </c>
      <c r="AG34" s="191">
        <v>1</v>
      </c>
      <c r="AH34" s="196">
        <v>5</v>
      </c>
      <c r="AI34" s="195">
        <v>8</v>
      </c>
      <c r="AJ34" s="190">
        <v>0</v>
      </c>
      <c r="AK34" s="191">
        <v>0</v>
      </c>
      <c r="AL34" s="196">
        <v>0</v>
      </c>
      <c r="AM34" s="193">
        <v>0</v>
      </c>
      <c r="AN34" s="191">
        <v>0</v>
      </c>
      <c r="AO34" s="191">
        <v>1</v>
      </c>
      <c r="AP34" s="191">
        <v>0</v>
      </c>
      <c r="AQ34" s="191">
        <v>1</v>
      </c>
      <c r="AR34" s="191">
        <v>0</v>
      </c>
      <c r="AS34" s="196">
        <v>2</v>
      </c>
      <c r="AT34" s="195">
        <v>2</v>
      </c>
      <c r="AU34" s="190">
        <v>0</v>
      </c>
      <c r="AV34" s="191">
        <v>0</v>
      </c>
      <c r="AW34" s="196">
        <v>0</v>
      </c>
      <c r="AX34" s="193">
        <v>0</v>
      </c>
      <c r="AY34" s="191">
        <v>0</v>
      </c>
      <c r="AZ34" s="191">
        <v>3</v>
      </c>
      <c r="BA34" s="191">
        <v>2</v>
      </c>
      <c r="BB34" s="191">
        <v>2</v>
      </c>
      <c r="BC34" s="191">
        <v>2</v>
      </c>
      <c r="BD34" s="194">
        <v>9</v>
      </c>
      <c r="BE34" s="195">
        <v>9</v>
      </c>
      <c r="BF34" s="190">
        <v>0</v>
      </c>
      <c r="BG34" s="191">
        <v>0</v>
      </c>
      <c r="BH34" s="196">
        <v>0</v>
      </c>
      <c r="BI34" s="193">
        <v>0</v>
      </c>
      <c r="BJ34" s="191">
        <v>3</v>
      </c>
      <c r="BK34" s="191">
        <v>4</v>
      </c>
      <c r="BL34" s="191">
        <v>1</v>
      </c>
      <c r="BM34" s="191">
        <v>2</v>
      </c>
      <c r="BN34" s="191">
        <v>1</v>
      </c>
      <c r="BO34" s="196">
        <v>11</v>
      </c>
      <c r="BP34" s="195">
        <v>11</v>
      </c>
      <c r="BQ34" s="190">
        <v>0</v>
      </c>
      <c r="BR34" s="191">
        <v>0</v>
      </c>
      <c r="BS34" s="196">
        <v>0</v>
      </c>
      <c r="BT34" s="193">
        <v>0</v>
      </c>
      <c r="BU34" s="191">
        <v>0</v>
      </c>
      <c r="BV34" s="191">
        <v>1</v>
      </c>
      <c r="BW34" s="191">
        <v>0</v>
      </c>
      <c r="BX34" s="191">
        <v>2</v>
      </c>
      <c r="BY34" s="191">
        <v>1</v>
      </c>
      <c r="BZ34" s="196">
        <v>4</v>
      </c>
      <c r="CA34" s="195">
        <v>4</v>
      </c>
      <c r="CB34" s="190">
        <v>0</v>
      </c>
      <c r="CC34" s="191">
        <v>0</v>
      </c>
      <c r="CD34" s="196">
        <v>0</v>
      </c>
      <c r="CE34" s="193">
        <v>0</v>
      </c>
      <c r="CF34" s="191">
        <v>0</v>
      </c>
      <c r="CG34" s="191">
        <v>1</v>
      </c>
      <c r="CH34" s="191">
        <v>0</v>
      </c>
      <c r="CI34" s="191">
        <v>1</v>
      </c>
      <c r="CJ34" s="191">
        <v>1</v>
      </c>
      <c r="CK34" s="196">
        <v>3</v>
      </c>
      <c r="CL34" s="195">
        <v>3</v>
      </c>
      <c r="CM34" s="190">
        <v>0</v>
      </c>
      <c r="CN34" s="191">
        <v>0</v>
      </c>
      <c r="CO34" s="196">
        <v>0</v>
      </c>
      <c r="CP34" s="193">
        <v>0</v>
      </c>
      <c r="CQ34" s="191">
        <v>0</v>
      </c>
      <c r="CR34" s="191">
        <v>0</v>
      </c>
      <c r="CS34" s="191">
        <v>0</v>
      </c>
      <c r="CT34" s="191">
        <v>0</v>
      </c>
      <c r="CU34" s="191">
        <v>1</v>
      </c>
      <c r="CV34" s="196">
        <v>1</v>
      </c>
      <c r="CW34" s="195">
        <v>1</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3</v>
      </c>
      <c r="DU34" s="191">
        <v>2</v>
      </c>
      <c r="DV34" s="196">
        <v>5</v>
      </c>
      <c r="DW34" s="193">
        <v>0</v>
      </c>
      <c r="DX34" s="191">
        <v>2</v>
      </c>
      <c r="DY34" s="191">
        <v>6</v>
      </c>
      <c r="DZ34" s="191">
        <v>3</v>
      </c>
      <c r="EA34" s="191">
        <v>2</v>
      </c>
      <c r="EB34" s="191">
        <v>1</v>
      </c>
      <c r="EC34" s="196">
        <v>14</v>
      </c>
      <c r="ED34" s="195">
        <v>19</v>
      </c>
      <c r="EE34" s="190">
        <v>0</v>
      </c>
      <c r="EF34" s="191">
        <v>0</v>
      </c>
      <c r="EG34" s="196">
        <v>0</v>
      </c>
      <c r="EH34" s="193">
        <v>0</v>
      </c>
      <c r="EI34" s="191">
        <v>1</v>
      </c>
      <c r="EJ34" s="191">
        <v>0</v>
      </c>
      <c r="EK34" s="191">
        <v>1</v>
      </c>
      <c r="EL34" s="191">
        <v>2</v>
      </c>
      <c r="EM34" s="191">
        <v>2</v>
      </c>
      <c r="EN34" s="196">
        <v>6</v>
      </c>
      <c r="EO34" s="195">
        <v>6</v>
      </c>
      <c r="EP34" s="190">
        <v>3</v>
      </c>
      <c r="EQ34" s="191">
        <v>3</v>
      </c>
      <c r="ER34" s="196">
        <v>6</v>
      </c>
      <c r="ES34" s="193">
        <v>0</v>
      </c>
      <c r="ET34" s="191">
        <v>9</v>
      </c>
      <c r="EU34" s="191">
        <v>7</v>
      </c>
      <c r="EV34" s="191">
        <v>3</v>
      </c>
      <c r="EW34" s="191">
        <v>2</v>
      </c>
      <c r="EX34" s="191">
        <v>1</v>
      </c>
      <c r="EY34" s="196">
        <v>22</v>
      </c>
      <c r="EZ34" s="195">
        <v>28</v>
      </c>
    </row>
    <row r="35" spans="2:156" ht="21" customHeight="1" x14ac:dyDescent="0.2">
      <c r="B35" s="106" t="s">
        <v>33</v>
      </c>
      <c r="C35" s="190">
        <v>0</v>
      </c>
      <c r="D35" s="191">
        <v>0</v>
      </c>
      <c r="E35" s="192">
        <v>0</v>
      </c>
      <c r="F35" s="193">
        <v>0</v>
      </c>
      <c r="G35" s="191">
        <v>2</v>
      </c>
      <c r="H35" s="191">
        <v>0</v>
      </c>
      <c r="I35" s="191">
        <v>1</v>
      </c>
      <c r="J35" s="191">
        <v>0</v>
      </c>
      <c r="K35" s="191">
        <v>1</v>
      </c>
      <c r="L35" s="194">
        <v>4</v>
      </c>
      <c r="M35" s="195">
        <v>4</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2</v>
      </c>
      <c r="AE35" s="191">
        <v>0</v>
      </c>
      <c r="AF35" s="191">
        <v>0</v>
      </c>
      <c r="AG35" s="191">
        <v>1</v>
      </c>
      <c r="AH35" s="196">
        <v>5</v>
      </c>
      <c r="AI35" s="195">
        <v>5</v>
      </c>
      <c r="AJ35" s="190">
        <v>0</v>
      </c>
      <c r="AK35" s="191">
        <v>1</v>
      </c>
      <c r="AL35" s="196">
        <v>1</v>
      </c>
      <c r="AM35" s="193">
        <v>0</v>
      </c>
      <c r="AN35" s="191">
        <v>2</v>
      </c>
      <c r="AO35" s="191">
        <v>1</v>
      </c>
      <c r="AP35" s="191">
        <v>1</v>
      </c>
      <c r="AQ35" s="191">
        <v>1</v>
      </c>
      <c r="AR35" s="191">
        <v>0</v>
      </c>
      <c r="AS35" s="196">
        <v>5</v>
      </c>
      <c r="AT35" s="195">
        <v>6</v>
      </c>
      <c r="AU35" s="190">
        <v>0</v>
      </c>
      <c r="AV35" s="191">
        <v>1</v>
      </c>
      <c r="AW35" s="196">
        <v>1</v>
      </c>
      <c r="AX35" s="193">
        <v>0</v>
      </c>
      <c r="AY35" s="191">
        <v>2</v>
      </c>
      <c r="AZ35" s="191">
        <v>1</v>
      </c>
      <c r="BA35" s="191">
        <v>5</v>
      </c>
      <c r="BB35" s="191">
        <v>1</v>
      </c>
      <c r="BC35" s="191">
        <v>2</v>
      </c>
      <c r="BD35" s="194">
        <v>11</v>
      </c>
      <c r="BE35" s="195">
        <v>12</v>
      </c>
      <c r="BF35" s="190">
        <v>0</v>
      </c>
      <c r="BG35" s="191">
        <v>0</v>
      </c>
      <c r="BH35" s="196">
        <v>0</v>
      </c>
      <c r="BI35" s="193">
        <v>0</v>
      </c>
      <c r="BJ35" s="191">
        <v>2</v>
      </c>
      <c r="BK35" s="191">
        <v>0</v>
      </c>
      <c r="BL35" s="191">
        <v>0</v>
      </c>
      <c r="BM35" s="191">
        <v>0</v>
      </c>
      <c r="BN35" s="191">
        <v>1</v>
      </c>
      <c r="BO35" s="196">
        <v>3</v>
      </c>
      <c r="BP35" s="195">
        <v>3</v>
      </c>
      <c r="BQ35" s="190">
        <v>1</v>
      </c>
      <c r="BR35" s="191">
        <v>0</v>
      </c>
      <c r="BS35" s="196">
        <v>1</v>
      </c>
      <c r="BT35" s="193">
        <v>0</v>
      </c>
      <c r="BU35" s="191">
        <v>1</v>
      </c>
      <c r="BV35" s="191">
        <v>0</v>
      </c>
      <c r="BW35" s="191">
        <v>1</v>
      </c>
      <c r="BX35" s="191">
        <v>0</v>
      </c>
      <c r="BY35" s="191">
        <v>0</v>
      </c>
      <c r="BZ35" s="196">
        <v>2</v>
      </c>
      <c r="CA35" s="195">
        <v>3</v>
      </c>
      <c r="CB35" s="190">
        <v>0</v>
      </c>
      <c r="CC35" s="191">
        <v>0</v>
      </c>
      <c r="CD35" s="196">
        <v>0</v>
      </c>
      <c r="CE35" s="193">
        <v>0</v>
      </c>
      <c r="CF35" s="191">
        <v>0</v>
      </c>
      <c r="CG35" s="191">
        <v>0</v>
      </c>
      <c r="CH35" s="191">
        <v>0</v>
      </c>
      <c r="CI35" s="191">
        <v>1</v>
      </c>
      <c r="CJ35" s="191">
        <v>0</v>
      </c>
      <c r="CK35" s="196">
        <v>1</v>
      </c>
      <c r="CL35" s="195">
        <v>1</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0</v>
      </c>
      <c r="DU35" s="191">
        <v>2</v>
      </c>
      <c r="DV35" s="196">
        <v>2</v>
      </c>
      <c r="DW35" s="193">
        <v>0</v>
      </c>
      <c r="DX35" s="191">
        <v>4</v>
      </c>
      <c r="DY35" s="191">
        <v>3</v>
      </c>
      <c r="DZ35" s="191">
        <v>1</v>
      </c>
      <c r="EA35" s="191">
        <v>2</v>
      </c>
      <c r="EB35" s="191">
        <v>2</v>
      </c>
      <c r="EC35" s="196">
        <v>12</v>
      </c>
      <c r="ED35" s="195">
        <v>14</v>
      </c>
      <c r="EE35" s="190">
        <v>0</v>
      </c>
      <c r="EF35" s="191">
        <v>1</v>
      </c>
      <c r="EG35" s="196">
        <v>1</v>
      </c>
      <c r="EH35" s="193">
        <v>0</v>
      </c>
      <c r="EI35" s="191">
        <v>2</v>
      </c>
      <c r="EJ35" s="191">
        <v>0</v>
      </c>
      <c r="EK35" s="191">
        <v>4</v>
      </c>
      <c r="EL35" s="191">
        <v>2</v>
      </c>
      <c r="EM35" s="191">
        <v>1</v>
      </c>
      <c r="EN35" s="196">
        <v>9</v>
      </c>
      <c r="EO35" s="195">
        <v>10</v>
      </c>
      <c r="EP35" s="190">
        <v>1</v>
      </c>
      <c r="EQ35" s="191">
        <v>2</v>
      </c>
      <c r="ER35" s="196">
        <v>3</v>
      </c>
      <c r="ES35" s="193">
        <v>0</v>
      </c>
      <c r="ET35" s="191">
        <v>9</v>
      </c>
      <c r="EU35" s="191">
        <v>3</v>
      </c>
      <c r="EV35" s="191">
        <v>2</v>
      </c>
      <c r="EW35" s="191">
        <v>2</v>
      </c>
      <c r="EX35" s="191">
        <v>2</v>
      </c>
      <c r="EY35" s="196">
        <v>18</v>
      </c>
      <c r="EZ35" s="195">
        <v>21</v>
      </c>
    </row>
    <row r="36" spans="2:156" ht="21" customHeight="1" x14ac:dyDescent="0.2">
      <c r="B36" s="106" t="s">
        <v>34</v>
      </c>
      <c r="C36" s="190">
        <v>0</v>
      </c>
      <c r="D36" s="191">
        <v>0</v>
      </c>
      <c r="E36" s="192">
        <v>0</v>
      </c>
      <c r="F36" s="193">
        <v>0</v>
      </c>
      <c r="G36" s="191">
        <v>1</v>
      </c>
      <c r="H36" s="191">
        <v>0</v>
      </c>
      <c r="I36" s="191">
        <v>0</v>
      </c>
      <c r="J36" s="191">
        <v>0</v>
      </c>
      <c r="K36" s="191">
        <v>0</v>
      </c>
      <c r="L36" s="194">
        <v>1</v>
      </c>
      <c r="M36" s="195">
        <v>1</v>
      </c>
      <c r="N36" s="190">
        <v>0</v>
      </c>
      <c r="O36" s="191">
        <v>0</v>
      </c>
      <c r="P36" s="196">
        <v>0</v>
      </c>
      <c r="Q36" s="193">
        <v>0</v>
      </c>
      <c r="R36" s="191">
        <v>0</v>
      </c>
      <c r="S36" s="191">
        <v>0</v>
      </c>
      <c r="T36" s="191">
        <v>0</v>
      </c>
      <c r="U36" s="191">
        <v>0</v>
      </c>
      <c r="V36" s="191">
        <v>0</v>
      </c>
      <c r="W36" s="196">
        <v>0</v>
      </c>
      <c r="X36" s="195">
        <v>0</v>
      </c>
      <c r="Y36" s="190">
        <v>0</v>
      </c>
      <c r="Z36" s="191">
        <v>1</v>
      </c>
      <c r="AA36" s="196">
        <v>1</v>
      </c>
      <c r="AB36" s="193">
        <v>0</v>
      </c>
      <c r="AC36" s="191">
        <v>1</v>
      </c>
      <c r="AD36" s="191">
        <v>0</v>
      </c>
      <c r="AE36" s="191">
        <v>0</v>
      </c>
      <c r="AF36" s="191">
        <v>0</v>
      </c>
      <c r="AG36" s="191">
        <v>0</v>
      </c>
      <c r="AH36" s="196">
        <v>1</v>
      </c>
      <c r="AI36" s="195">
        <v>2</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0</v>
      </c>
      <c r="BA36" s="191">
        <v>1</v>
      </c>
      <c r="BB36" s="191">
        <v>0</v>
      </c>
      <c r="BC36" s="191">
        <v>0</v>
      </c>
      <c r="BD36" s="194">
        <v>3</v>
      </c>
      <c r="BE36" s="195">
        <v>3</v>
      </c>
      <c r="BF36" s="190">
        <v>0</v>
      </c>
      <c r="BG36" s="191">
        <v>0</v>
      </c>
      <c r="BH36" s="196">
        <v>0</v>
      </c>
      <c r="BI36" s="193">
        <v>0</v>
      </c>
      <c r="BJ36" s="191">
        <v>0</v>
      </c>
      <c r="BK36" s="191">
        <v>1</v>
      </c>
      <c r="BL36" s="191">
        <v>1</v>
      </c>
      <c r="BM36" s="191">
        <v>1</v>
      </c>
      <c r="BN36" s="191">
        <v>0</v>
      </c>
      <c r="BO36" s="196">
        <v>3</v>
      </c>
      <c r="BP36" s="195">
        <v>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0</v>
      </c>
      <c r="DU36" s="191">
        <v>1</v>
      </c>
      <c r="DV36" s="196">
        <v>1</v>
      </c>
      <c r="DW36" s="193">
        <v>0</v>
      </c>
      <c r="DX36" s="191">
        <v>1</v>
      </c>
      <c r="DY36" s="191">
        <v>1</v>
      </c>
      <c r="DZ36" s="191">
        <v>0</v>
      </c>
      <c r="EA36" s="191">
        <v>1</v>
      </c>
      <c r="EB36" s="191">
        <v>0</v>
      </c>
      <c r="EC36" s="196">
        <v>3</v>
      </c>
      <c r="ED36" s="195">
        <v>4</v>
      </c>
      <c r="EE36" s="190">
        <v>0</v>
      </c>
      <c r="EF36" s="191">
        <v>0</v>
      </c>
      <c r="EG36" s="196">
        <v>0</v>
      </c>
      <c r="EH36" s="193">
        <v>0</v>
      </c>
      <c r="EI36" s="191">
        <v>0</v>
      </c>
      <c r="EJ36" s="191">
        <v>0</v>
      </c>
      <c r="EK36" s="191">
        <v>2</v>
      </c>
      <c r="EL36" s="191">
        <v>0</v>
      </c>
      <c r="EM36" s="191">
        <v>0</v>
      </c>
      <c r="EN36" s="196">
        <v>2</v>
      </c>
      <c r="EO36" s="195">
        <v>2</v>
      </c>
      <c r="EP36" s="190">
        <v>0</v>
      </c>
      <c r="EQ36" s="191">
        <v>1</v>
      </c>
      <c r="ER36" s="196">
        <v>1</v>
      </c>
      <c r="ES36" s="193">
        <v>0</v>
      </c>
      <c r="ET36" s="191">
        <v>3</v>
      </c>
      <c r="EU36" s="191">
        <v>1</v>
      </c>
      <c r="EV36" s="191">
        <v>1</v>
      </c>
      <c r="EW36" s="191">
        <v>1</v>
      </c>
      <c r="EX36" s="191">
        <v>0</v>
      </c>
      <c r="EY36" s="196">
        <v>6</v>
      </c>
      <c r="EZ36" s="195">
        <v>7</v>
      </c>
    </row>
    <row r="37" spans="2:156" ht="21" customHeight="1" x14ac:dyDescent="0.2">
      <c r="B37" s="106" t="s">
        <v>35</v>
      </c>
      <c r="C37" s="190">
        <v>0</v>
      </c>
      <c r="D37" s="191">
        <v>0</v>
      </c>
      <c r="E37" s="192">
        <v>0</v>
      </c>
      <c r="F37" s="193">
        <v>0</v>
      </c>
      <c r="G37" s="191">
        <v>1</v>
      </c>
      <c r="H37" s="191">
        <v>5</v>
      </c>
      <c r="I37" s="191">
        <v>1</v>
      </c>
      <c r="J37" s="191">
        <v>0</v>
      </c>
      <c r="K37" s="191">
        <v>0</v>
      </c>
      <c r="L37" s="194">
        <v>7</v>
      </c>
      <c r="M37" s="195">
        <v>7</v>
      </c>
      <c r="N37" s="190">
        <v>0</v>
      </c>
      <c r="O37" s="191">
        <v>0</v>
      </c>
      <c r="P37" s="196">
        <v>0</v>
      </c>
      <c r="Q37" s="193">
        <v>0</v>
      </c>
      <c r="R37" s="191">
        <v>0</v>
      </c>
      <c r="S37" s="191">
        <v>0</v>
      </c>
      <c r="T37" s="191">
        <v>0</v>
      </c>
      <c r="U37" s="191">
        <v>0</v>
      </c>
      <c r="V37" s="191">
        <v>0</v>
      </c>
      <c r="W37" s="196">
        <v>0</v>
      </c>
      <c r="X37" s="195">
        <v>0</v>
      </c>
      <c r="Y37" s="190">
        <v>1</v>
      </c>
      <c r="Z37" s="191">
        <v>3</v>
      </c>
      <c r="AA37" s="196">
        <v>4</v>
      </c>
      <c r="AB37" s="193">
        <v>0</v>
      </c>
      <c r="AC37" s="191">
        <v>3</v>
      </c>
      <c r="AD37" s="191">
        <v>5</v>
      </c>
      <c r="AE37" s="191">
        <v>2</v>
      </c>
      <c r="AF37" s="191">
        <v>0</v>
      </c>
      <c r="AG37" s="191">
        <v>1</v>
      </c>
      <c r="AH37" s="196">
        <v>11</v>
      </c>
      <c r="AI37" s="195">
        <v>15</v>
      </c>
      <c r="AJ37" s="190">
        <v>1</v>
      </c>
      <c r="AK37" s="191">
        <v>1</v>
      </c>
      <c r="AL37" s="196">
        <v>2</v>
      </c>
      <c r="AM37" s="193">
        <v>0</v>
      </c>
      <c r="AN37" s="191">
        <v>1</v>
      </c>
      <c r="AO37" s="191">
        <v>1</v>
      </c>
      <c r="AP37" s="191">
        <v>0</v>
      </c>
      <c r="AQ37" s="191">
        <v>0</v>
      </c>
      <c r="AR37" s="191">
        <v>0</v>
      </c>
      <c r="AS37" s="196">
        <v>2</v>
      </c>
      <c r="AT37" s="195">
        <v>4</v>
      </c>
      <c r="AU37" s="190">
        <v>2</v>
      </c>
      <c r="AV37" s="191">
        <v>3</v>
      </c>
      <c r="AW37" s="196">
        <v>5</v>
      </c>
      <c r="AX37" s="193">
        <v>0</v>
      </c>
      <c r="AY37" s="191">
        <v>4</v>
      </c>
      <c r="AZ37" s="191">
        <v>2</v>
      </c>
      <c r="BA37" s="191">
        <v>5</v>
      </c>
      <c r="BB37" s="191">
        <v>2</v>
      </c>
      <c r="BC37" s="191">
        <v>2</v>
      </c>
      <c r="BD37" s="194">
        <v>15</v>
      </c>
      <c r="BE37" s="195">
        <v>20</v>
      </c>
      <c r="BF37" s="190">
        <v>0</v>
      </c>
      <c r="BG37" s="191">
        <v>0</v>
      </c>
      <c r="BH37" s="196">
        <v>0</v>
      </c>
      <c r="BI37" s="193">
        <v>0</v>
      </c>
      <c r="BJ37" s="191">
        <v>2</v>
      </c>
      <c r="BK37" s="191">
        <v>2</v>
      </c>
      <c r="BL37" s="191">
        <v>0</v>
      </c>
      <c r="BM37" s="191">
        <v>0</v>
      </c>
      <c r="BN37" s="191">
        <v>1</v>
      </c>
      <c r="BO37" s="196">
        <v>5</v>
      </c>
      <c r="BP37" s="195">
        <v>5</v>
      </c>
      <c r="BQ37" s="190">
        <v>0</v>
      </c>
      <c r="BR37" s="191">
        <v>2</v>
      </c>
      <c r="BS37" s="196">
        <v>2</v>
      </c>
      <c r="BT37" s="193">
        <v>0</v>
      </c>
      <c r="BU37" s="191">
        <v>3</v>
      </c>
      <c r="BV37" s="191">
        <v>3</v>
      </c>
      <c r="BW37" s="191">
        <v>3</v>
      </c>
      <c r="BX37" s="191">
        <v>0</v>
      </c>
      <c r="BY37" s="191">
        <v>0</v>
      </c>
      <c r="BZ37" s="196">
        <v>9</v>
      </c>
      <c r="CA37" s="195">
        <v>11</v>
      </c>
      <c r="CB37" s="190">
        <v>0</v>
      </c>
      <c r="CC37" s="191">
        <v>0</v>
      </c>
      <c r="CD37" s="196">
        <v>0</v>
      </c>
      <c r="CE37" s="193">
        <v>0</v>
      </c>
      <c r="CF37" s="191">
        <v>1</v>
      </c>
      <c r="CG37" s="191">
        <v>0</v>
      </c>
      <c r="CH37" s="191">
        <v>1</v>
      </c>
      <c r="CI37" s="191">
        <v>0</v>
      </c>
      <c r="CJ37" s="191">
        <v>1</v>
      </c>
      <c r="CK37" s="196">
        <v>3</v>
      </c>
      <c r="CL37" s="195">
        <v>3</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4</v>
      </c>
      <c r="DU37" s="191">
        <v>5</v>
      </c>
      <c r="DV37" s="196">
        <v>9</v>
      </c>
      <c r="DW37" s="193">
        <v>0</v>
      </c>
      <c r="DX37" s="191">
        <v>4</v>
      </c>
      <c r="DY37" s="191">
        <v>10</v>
      </c>
      <c r="DZ37" s="191">
        <v>2</v>
      </c>
      <c r="EA37" s="191">
        <v>0</v>
      </c>
      <c r="EB37" s="191">
        <v>1</v>
      </c>
      <c r="EC37" s="196">
        <v>17</v>
      </c>
      <c r="ED37" s="195">
        <v>26</v>
      </c>
      <c r="EE37" s="190">
        <v>3</v>
      </c>
      <c r="EF37" s="191">
        <v>1</v>
      </c>
      <c r="EG37" s="196">
        <v>4</v>
      </c>
      <c r="EH37" s="193">
        <v>0</v>
      </c>
      <c r="EI37" s="191">
        <v>2</v>
      </c>
      <c r="EJ37" s="191">
        <v>0</v>
      </c>
      <c r="EK37" s="191">
        <v>3</v>
      </c>
      <c r="EL37" s="191">
        <v>2</v>
      </c>
      <c r="EM37" s="191">
        <v>1</v>
      </c>
      <c r="EN37" s="196">
        <v>8</v>
      </c>
      <c r="EO37" s="195">
        <v>12</v>
      </c>
      <c r="EP37" s="190">
        <v>7</v>
      </c>
      <c r="EQ37" s="191">
        <v>8</v>
      </c>
      <c r="ER37" s="196">
        <v>15</v>
      </c>
      <c r="ES37" s="193">
        <v>0</v>
      </c>
      <c r="ET37" s="191">
        <v>10</v>
      </c>
      <c r="EU37" s="191">
        <v>10</v>
      </c>
      <c r="EV37" s="191">
        <v>3</v>
      </c>
      <c r="EW37" s="191">
        <v>0</v>
      </c>
      <c r="EX37" s="191">
        <v>1</v>
      </c>
      <c r="EY37" s="196">
        <v>24</v>
      </c>
      <c r="EZ37" s="195">
        <v>39</v>
      </c>
    </row>
    <row r="38" spans="2:156" ht="21" customHeight="1" x14ac:dyDescent="0.2">
      <c r="B38" s="106" t="s">
        <v>36</v>
      </c>
      <c r="C38" s="190">
        <v>0</v>
      </c>
      <c r="D38" s="191">
        <v>0</v>
      </c>
      <c r="E38" s="192">
        <v>0</v>
      </c>
      <c r="F38" s="193">
        <v>0</v>
      </c>
      <c r="G38" s="191">
        <v>1</v>
      </c>
      <c r="H38" s="191">
        <v>2</v>
      </c>
      <c r="I38" s="191">
        <v>1</v>
      </c>
      <c r="J38" s="191">
        <v>0</v>
      </c>
      <c r="K38" s="191">
        <v>1</v>
      </c>
      <c r="L38" s="194">
        <v>5</v>
      </c>
      <c r="M38" s="195">
        <v>5</v>
      </c>
      <c r="N38" s="190">
        <v>0</v>
      </c>
      <c r="O38" s="191">
        <v>0</v>
      </c>
      <c r="P38" s="196">
        <v>0</v>
      </c>
      <c r="Q38" s="193">
        <v>0</v>
      </c>
      <c r="R38" s="191">
        <v>0</v>
      </c>
      <c r="S38" s="191">
        <v>0</v>
      </c>
      <c r="T38" s="191">
        <v>0</v>
      </c>
      <c r="U38" s="191">
        <v>0</v>
      </c>
      <c r="V38" s="191">
        <v>0</v>
      </c>
      <c r="W38" s="196">
        <v>0</v>
      </c>
      <c r="X38" s="195">
        <v>0</v>
      </c>
      <c r="Y38" s="190">
        <v>1</v>
      </c>
      <c r="Z38" s="191">
        <v>2</v>
      </c>
      <c r="AA38" s="196">
        <v>3</v>
      </c>
      <c r="AB38" s="193">
        <v>0</v>
      </c>
      <c r="AC38" s="191">
        <v>0</v>
      </c>
      <c r="AD38" s="191">
        <v>2</v>
      </c>
      <c r="AE38" s="191">
        <v>1</v>
      </c>
      <c r="AF38" s="191">
        <v>1</v>
      </c>
      <c r="AG38" s="191">
        <v>1</v>
      </c>
      <c r="AH38" s="196">
        <v>5</v>
      </c>
      <c r="AI38" s="195">
        <v>8</v>
      </c>
      <c r="AJ38" s="190">
        <v>0</v>
      </c>
      <c r="AK38" s="191">
        <v>0</v>
      </c>
      <c r="AL38" s="196">
        <v>0</v>
      </c>
      <c r="AM38" s="193">
        <v>0</v>
      </c>
      <c r="AN38" s="191">
        <v>1</v>
      </c>
      <c r="AO38" s="191">
        <v>1</v>
      </c>
      <c r="AP38" s="191">
        <v>0</v>
      </c>
      <c r="AQ38" s="191">
        <v>0</v>
      </c>
      <c r="AR38" s="191">
        <v>0</v>
      </c>
      <c r="AS38" s="196">
        <v>2</v>
      </c>
      <c r="AT38" s="195">
        <v>2</v>
      </c>
      <c r="AU38" s="190">
        <v>0</v>
      </c>
      <c r="AV38" s="191">
        <v>0</v>
      </c>
      <c r="AW38" s="196">
        <v>0</v>
      </c>
      <c r="AX38" s="193">
        <v>0</v>
      </c>
      <c r="AY38" s="191">
        <v>3</v>
      </c>
      <c r="AZ38" s="191">
        <v>4</v>
      </c>
      <c r="BA38" s="191">
        <v>4</v>
      </c>
      <c r="BB38" s="191">
        <v>3</v>
      </c>
      <c r="BC38" s="191">
        <v>2</v>
      </c>
      <c r="BD38" s="194">
        <v>16</v>
      </c>
      <c r="BE38" s="195">
        <v>16</v>
      </c>
      <c r="BF38" s="190">
        <v>0</v>
      </c>
      <c r="BG38" s="191">
        <v>0</v>
      </c>
      <c r="BH38" s="196">
        <v>0</v>
      </c>
      <c r="BI38" s="193">
        <v>0</v>
      </c>
      <c r="BJ38" s="191">
        <v>1</v>
      </c>
      <c r="BK38" s="191">
        <v>4</v>
      </c>
      <c r="BL38" s="191">
        <v>1</v>
      </c>
      <c r="BM38" s="191">
        <v>2</v>
      </c>
      <c r="BN38" s="191">
        <v>0</v>
      </c>
      <c r="BO38" s="196">
        <v>8</v>
      </c>
      <c r="BP38" s="195">
        <v>8</v>
      </c>
      <c r="BQ38" s="190">
        <v>0</v>
      </c>
      <c r="BR38" s="191">
        <v>0</v>
      </c>
      <c r="BS38" s="196">
        <v>0</v>
      </c>
      <c r="BT38" s="193">
        <v>0</v>
      </c>
      <c r="BU38" s="191">
        <v>0</v>
      </c>
      <c r="BV38" s="191">
        <v>0</v>
      </c>
      <c r="BW38" s="191">
        <v>0</v>
      </c>
      <c r="BX38" s="191">
        <v>1</v>
      </c>
      <c r="BY38" s="191">
        <v>0</v>
      </c>
      <c r="BZ38" s="196">
        <v>1</v>
      </c>
      <c r="CA38" s="195">
        <v>1</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3</v>
      </c>
      <c r="DV38" s="196">
        <v>3</v>
      </c>
      <c r="DW38" s="193">
        <v>0</v>
      </c>
      <c r="DX38" s="191">
        <v>2</v>
      </c>
      <c r="DY38" s="191">
        <v>12</v>
      </c>
      <c r="DZ38" s="191">
        <v>2</v>
      </c>
      <c r="EA38" s="191">
        <v>3</v>
      </c>
      <c r="EB38" s="191">
        <v>1</v>
      </c>
      <c r="EC38" s="196">
        <v>20</v>
      </c>
      <c r="ED38" s="195">
        <v>23</v>
      </c>
      <c r="EE38" s="190">
        <v>0</v>
      </c>
      <c r="EF38" s="191">
        <v>0</v>
      </c>
      <c r="EG38" s="196">
        <v>0</v>
      </c>
      <c r="EH38" s="193">
        <v>0</v>
      </c>
      <c r="EI38" s="191">
        <v>2</v>
      </c>
      <c r="EJ38" s="191">
        <v>1</v>
      </c>
      <c r="EK38" s="191">
        <v>2</v>
      </c>
      <c r="EL38" s="191">
        <v>2</v>
      </c>
      <c r="EM38" s="191">
        <v>0</v>
      </c>
      <c r="EN38" s="196">
        <v>7</v>
      </c>
      <c r="EO38" s="195">
        <v>7</v>
      </c>
      <c r="EP38" s="190">
        <v>1</v>
      </c>
      <c r="EQ38" s="191">
        <v>5</v>
      </c>
      <c r="ER38" s="196">
        <v>6</v>
      </c>
      <c r="ES38" s="193">
        <v>0</v>
      </c>
      <c r="ET38" s="191">
        <v>4</v>
      </c>
      <c r="EU38" s="191">
        <v>12</v>
      </c>
      <c r="EV38" s="191">
        <v>3</v>
      </c>
      <c r="EW38" s="191">
        <v>3</v>
      </c>
      <c r="EX38" s="191">
        <v>1</v>
      </c>
      <c r="EY38" s="196">
        <v>23</v>
      </c>
      <c r="EZ38" s="195">
        <v>29</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1</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0</v>
      </c>
      <c r="BL39" s="198">
        <v>0</v>
      </c>
      <c r="BM39" s="198">
        <v>1</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0</v>
      </c>
      <c r="DZ39" s="198">
        <v>0</v>
      </c>
      <c r="EA39" s="198">
        <v>1</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0</v>
      </c>
      <c r="EV39" s="198">
        <v>0</v>
      </c>
      <c r="EW39" s="198">
        <v>1</v>
      </c>
      <c r="EX39" s="198">
        <v>1</v>
      </c>
      <c r="EY39" s="203">
        <v>2</v>
      </c>
      <c r="EZ39" s="202">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7</v>
      </c>
      <c r="M1" s="445">
        <f>IF(L1&lt;3,L1+12-2,L1-2)</f>
        <v>5</v>
      </c>
      <c r="N1" s="445"/>
    </row>
    <row r="2" spans="2:112" ht="24" customHeight="1" thickBot="1" x14ac:dyDescent="0.25">
      <c r="B2" s="142" t="s">
        <v>136</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04</v>
      </c>
      <c r="CN3" s="480"/>
      <c r="CO3" s="480"/>
      <c r="CP3" s="480"/>
      <c r="CQ3" s="480"/>
      <c r="CR3" s="480"/>
      <c r="CS3" s="480"/>
      <c r="CT3" s="480"/>
      <c r="CU3" s="480"/>
      <c r="CV3" s="480"/>
      <c r="CW3" s="481"/>
      <c r="CX3" s="479" t="s">
        <v>157</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223601</v>
      </c>
      <c r="H6" s="184">
        <v>374191</v>
      </c>
      <c r="I6" s="184">
        <v>394198</v>
      </c>
      <c r="J6" s="184">
        <v>478665</v>
      </c>
      <c r="K6" s="184">
        <v>448913</v>
      </c>
      <c r="L6" s="187">
        <v>1919568</v>
      </c>
      <c r="M6" s="188">
        <v>1919568</v>
      </c>
      <c r="N6" s="183">
        <v>5</v>
      </c>
      <c r="O6" s="184">
        <v>103</v>
      </c>
      <c r="P6" s="189">
        <v>108</v>
      </c>
      <c r="Q6" s="186">
        <v>0</v>
      </c>
      <c r="R6" s="184">
        <v>420</v>
      </c>
      <c r="S6" s="184">
        <v>1860</v>
      </c>
      <c r="T6" s="184">
        <v>3683</v>
      </c>
      <c r="U6" s="184">
        <v>10149</v>
      </c>
      <c r="V6" s="184">
        <v>18924</v>
      </c>
      <c r="W6" s="189">
        <v>35036</v>
      </c>
      <c r="X6" s="188">
        <v>35144</v>
      </c>
      <c r="Y6" s="183">
        <v>14941</v>
      </c>
      <c r="Z6" s="184">
        <v>50140</v>
      </c>
      <c r="AA6" s="189">
        <v>65081</v>
      </c>
      <c r="AB6" s="186">
        <v>0</v>
      </c>
      <c r="AC6" s="184">
        <v>120096</v>
      </c>
      <c r="AD6" s="184">
        <v>200615</v>
      </c>
      <c r="AE6" s="184">
        <v>124084</v>
      </c>
      <c r="AF6" s="184">
        <v>103195</v>
      </c>
      <c r="AG6" s="184">
        <v>83437</v>
      </c>
      <c r="AH6" s="189">
        <v>631427</v>
      </c>
      <c r="AI6" s="188">
        <v>696508</v>
      </c>
      <c r="AJ6" s="183">
        <v>2520</v>
      </c>
      <c r="AK6" s="184">
        <v>10058</v>
      </c>
      <c r="AL6" s="189">
        <v>12578</v>
      </c>
      <c r="AM6" s="186">
        <v>0</v>
      </c>
      <c r="AN6" s="184">
        <v>15049</v>
      </c>
      <c r="AO6" s="184">
        <v>24251</v>
      </c>
      <c r="AP6" s="184">
        <v>14441</v>
      </c>
      <c r="AQ6" s="184">
        <v>12354</v>
      </c>
      <c r="AR6" s="184">
        <v>8690</v>
      </c>
      <c r="AS6" s="189">
        <v>74785</v>
      </c>
      <c r="AT6" s="188">
        <v>87363</v>
      </c>
      <c r="AU6" s="183">
        <v>2</v>
      </c>
      <c r="AV6" s="184">
        <v>0</v>
      </c>
      <c r="AW6" s="189">
        <v>2</v>
      </c>
      <c r="AX6" s="186">
        <v>0</v>
      </c>
      <c r="AY6" s="184">
        <v>197846</v>
      </c>
      <c r="AZ6" s="184">
        <v>209986</v>
      </c>
      <c r="BA6" s="184">
        <v>125078</v>
      </c>
      <c r="BB6" s="184">
        <v>69767</v>
      </c>
      <c r="BC6" s="184">
        <v>33303</v>
      </c>
      <c r="BD6" s="187">
        <v>635980</v>
      </c>
      <c r="BE6" s="188">
        <v>635982</v>
      </c>
      <c r="BF6" s="183">
        <v>0</v>
      </c>
      <c r="BG6" s="184">
        <v>0</v>
      </c>
      <c r="BH6" s="189">
        <v>0</v>
      </c>
      <c r="BI6" s="186">
        <v>0</v>
      </c>
      <c r="BJ6" s="184">
        <v>32973</v>
      </c>
      <c r="BK6" s="184">
        <v>50633</v>
      </c>
      <c r="BL6" s="184">
        <v>29648</v>
      </c>
      <c r="BM6" s="184">
        <v>17764</v>
      </c>
      <c r="BN6" s="184">
        <v>6413</v>
      </c>
      <c r="BO6" s="189">
        <v>137431</v>
      </c>
      <c r="BP6" s="188">
        <v>137431</v>
      </c>
      <c r="BQ6" s="183">
        <v>298</v>
      </c>
      <c r="BR6" s="184">
        <v>1184</v>
      </c>
      <c r="BS6" s="189">
        <v>1482</v>
      </c>
      <c r="BT6" s="186">
        <v>0</v>
      </c>
      <c r="BU6" s="184">
        <v>16896</v>
      </c>
      <c r="BV6" s="184">
        <v>31848</v>
      </c>
      <c r="BW6" s="184">
        <v>54021</v>
      </c>
      <c r="BX6" s="184">
        <v>43585</v>
      </c>
      <c r="BY6" s="184">
        <v>21223</v>
      </c>
      <c r="BZ6" s="189">
        <v>167573</v>
      </c>
      <c r="CA6" s="188">
        <v>169055</v>
      </c>
      <c r="CB6" s="183">
        <v>25</v>
      </c>
      <c r="CC6" s="184">
        <v>97</v>
      </c>
      <c r="CD6" s="189">
        <v>122</v>
      </c>
      <c r="CE6" s="186">
        <v>0</v>
      </c>
      <c r="CF6" s="184">
        <v>1221</v>
      </c>
      <c r="CG6" s="184">
        <v>3290</v>
      </c>
      <c r="CH6" s="184">
        <v>4505</v>
      </c>
      <c r="CI6" s="184">
        <v>4820</v>
      </c>
      <c r="CJ6" s="184">
        <v>2810</v>
      </c>
      <c r="CK6" s="189">
        <v>16646</v>
      </c>
      <c r="CL6" s="188">
        <v>16768</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71199</v>
      </c>
      <c r="H7" s="191">
        <v>160332</v>
      </c>
      <c r="I7" s="191">
        <v>139864</v>
      </c>
      <c r="J7" s="191">
        <v>165743</v>
      </c>
      <c r="K7" s="191">
        <v>162722</v>
      </c>
      <c r="L7" s="194">
        <v>699860</v>
      </c>
      <c r="M7" s="195">
        <v>699860</v>
      </c>
      <c r="N7" s="190">
        <v>3</v>
      </c>
      <c r="O7" s="191">
        <v>66</v>
      </c>
      <c r="P7" s="196">
        <v>69</v>
      </c>
      <c r="Q7" s="193">
        <v>0</v>
      </c>
      <c r="R7" s="191">
        <v>68</v>
      </c>
      <c r="S7" s="191">
        <v>560</v>
      </c>
      <c r="T7" s="191">
        <v>1450</v>
      </c>
      <c r="U7" s="191">
        <v>3968</v>
      </c>
      <c r="V7" s="191">
        <v>8514</v>
      </c>
      <c r="W7" s="196">
        <v>14560</v>
      </c>
      <c r="X7" s="195">
        <v>14629</v>
      </c>
      <c r="Y7" s="190">
        <v>6245</v>
      </c>
      <c r="Z7" s="191">
        <v>26477</v>
      </c>
      <c r="AA7" s="196">
        <v>32722</v>
      </c>
      <c r="AB7" s="193">
        <v>0</v>
      </c>
      <c r="AC7" s="191">
        <v>41284</v>
      </c>
      <c r="AD7" s="191">
        <v>105371</v>
      </c>
      <c r="AE7" s="191">
        <v>62169</v>
      </c>
      <c r="AF7" s="191">
        <v>48348</v>
      </c>
      <c r="AG7" s="191">
        <v>38157</v>
      </c>
      <c r="AH7" s="196">
        <v>295329</v>
      </c>
      <c r="AI7" s="195">
        <v>328051</v>
      </c>
      <c r="AJ7" s="190">
        <v>762</v>
      </c>
      <c r="AK7" s="191">
        <v>4795</v>
      </c>
      <c r="AL7" s="196">
        <v>5557</v>
      </c>
      <c r="AM7" s="193">
        <v>0</v>
      </c>
      <c r="AN7" s="191">
        <v>3681</v>
      </c>
      <c r="AO7" s="191">
        <v>9621</v>
      </c>
      <c r="AP7" s="191">
        <v>6168</v>
      </c>
      <c r="AQ7" s="191">
        <v>4836</v>
      </c>
      <c r="AR7" s="191">
        <v>3337</v>
      </c>
      <c r="AS7" s="196">
        <v>27643</v>
      </c>
      <c r="AT7" s="195">
        <v>33200</v>
      </c>
      <c r="AU7" s="190">
        <v>2</v>
      </c>
      <c r="AV7" s="191">
        <v>0</v>
      </c>
      <c r="AW7" s="196">
        <v>2</v>
      </c>
      <c r="AX7" s="193">
        <v>0</v>
      </c>
      <c r="AY7" s="191">
        <v>60753</v>
      </c>
      <c r="AZ7" s="191">
        <v>84037</v>
      </c>
      <c r="BA7" s="191">
        <v>43764</v>
      </c>
      <c r="BB7" s="191">
        <v>23356</v>
      </c>
      <c r="BC7" s="191">
        <v>11403</v>
      </c>
      <c r="BD7" s="194">
        <v>223313</v>
      </c>
      <c r="BE7" s="195">
        <v>223315</v>
      </c>
      <c r="BF7" s="190">
        <v>0</v>
      </c>
      <c r="BG7" s="191">
        <v>0</v>
      </c>
      <c r="BH7" s="196">
        <v>0</v>
      </c>
      <c r="BI7" s="193">
        <v>0</v>
      </c>
      <c r="BJ7" s="191">
        <v>9230</v>
      </c>
      <c r="BK7" s="191">
        <v>22205</v>
      </c>
      <c r="BL7" s="191">
        <v>12873</v>
      </c>
      <c r="BM7" s="191">
        <v>7823</v>
      </c>
      <c r="BN7" s="191">
        <v>2621</v>
      </c>
      <c r="BO7" s="196">
        <v>54752</v>
      </c>
      <c r="BP7" s="195">
        <v>54752</v>
      </c>
      <c r="BQ7" s="190">
        <v>98</v>
      </c>
      <c r="BR7" s="191">
        <v>483</v>
      </c>
      <c r="BS7" s="196">
        <v>581</v>
      </c>
      <c r="BT7" s="193">
        <v>0</v>
      </c>
      <c r="BU7" s="191">
        <v>5398</v>
      </c>
      <c r="BV7" s="191">
        <v>11893</v>
      </c>
      <c r="BW7" s="191">
        <v>20536</v>
      </c>
      <c r="BX7" s="191">
        <v>15549</v>
      </c>
      <c r="BY7" s="191">
        <v>8200</v>
      </c>
      <c r="BZ7" s="196">
        <v>61576</v>
      </c>
      <c r="CA7" s="195">
        <v>62157</v>
      </c>
      <c r="CB7" s="190">
        <v>11</v>
      </c>
      <c r="CC7" s="191">
        <v>54</v>
      </c>
      <c r="CD7" s="196">
        <v>65</v>
      </c>
      <c r="CE7" s="193">
        <v>0</v>
      </c>
      <c r="CF7" s="191">
        <v>586</v>
      </c>
      <c r="CG7" s="191">
        <v>1791</v>
      </c>
      <c r="CH7" s="191">
        <v>2720</v>
      </c>
      <c r="CI7" s="191">
        <v>2882</v>
      </c>
      <c r="CJ7" s="191">
        <v>1656</v>
      </c>
      <c r="CK7" s="196">
        <v>9635</v>
      </c>
      <c r="CL7" s="195">
        <v>9700</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9037</v>
      </c>
      <c r="H8" s="191">
        <v>53001</v>
      </c>
      <c r="I8" s="191">
        <v>56652</v>
      </c>
      <c r="J8" s="191">
        <v>72728</v>
      </c>
      <c r="K8" s="191">
        <v>74513</v>
      </c>
      <c r="L8" s="194">
        <v>295931</v>
      </c>
      <c r="M8" s="195">
        <v>295931</v>
      </c>
      <c r="N8" s="190">
        <v>2</v>
      </c>
      <c r="O8" s="191">
        <v>5</v>
      </c>
      <c r="P8" s="196">
        <v>7</v>
      </c>
      <c r="Q8" s="193">
        <v>0</v>
      </c>
      <c r="R8" s="191">
        <v>81</v>
      </c>
      <c r="S8" s="191">
        <v>227</v>
      </c>
      <c r="T8" s="191">
        <v>494</v>
      </c>
      <c r="U8" s="191">
        <v>1291</v>
      </c>
      <c r="V8" s="191">
        <v>2682</v>
      </c>
      <c r="W8" s="196">
        <v>4775</v>
      </c>
      <c r="X8" s="195">
        <v>4782</v>
      </c>
      <c r="Y8" s="190">
        <v>2665</v>
      </c>
      <c r="Z8" s="191">
        <v>7126</v>
      </c>
      <c r="AA8" s="196">
        <v>9791</v>
      </c>
      <c r="AB8" s="193">
        <v>0</v>
      </c>
      <c r="AC8" s="191">
        <v>27287</v>
      </c>
      <c r="AD8" s="191">
        <v>29820</v>
      </c>
      <c r="AE8" s="191">
        <v>18262</v>
      </c>
      <c r="AF8" s="191">
        <v>15107</v>
      </c>
      <c r="AG8" s="191">
        <v>12958</v>
      </c>
      <c r="AH8" s="196">
        <v>103434</v>
      </c>
      <c r="AI8" s="195">
        <v>113225</v>
      </c>
      <c r="AJ8" s="190">
        <v>252</v>
      </c>
      <c r="AK8" s="191">
        <v>750</v>
      </c>
      <c r="AL8" s="196">
        <v>1002</v>
      </c>
      <c r="AM8" s="193">
        <v>0</v>
      </c>
      <c r="AN8" s="191">
        <v>2392</v>
      </c>
      <c r="AO8" s="191">
        <v>2694</v>
      </c>
      <c r="AP8" s="191">
        <v>1266</v>
      </c>
      <c r="AQ8" s="191">
        <v>1560</v>
      </c>
      <c r="AR8" s="191">
        <v>975</v>
      </c>
      <c r="AS8" s="196">
        <v>8887</v>
      </c>
      <c r="AT8" s="195">
        <v>9889</v>
      </c>
      <c r="AU8" s="190">
        <v>0</v>
      </c>
      <c r="AV8" s="191">
        <v>0</v>
      </c>
      <c r="AW8" s="196">
        <v>0</v>
      </c>
      <c r="AX8" s="193">
        <v>0</v>
      </c>
      <c r="AY8" s="191">
        <v>32991</v>
      </c>
      <c r="AZ8" s="191">
        <v>29925</v>
      </c>
      <c r="BA8" s="191">
        <v>17997</v>
      </c>
      <c r="BB8" s="191">
        <v>10011</v>
      </c>
      <c r="BC8" s="191">
        <v>4817</v>
      </c>
      <c r="BD8" s="194">
        <v>95741</v>
      </c>
      <c r="BE8" s="195">
        <v>95741</v>
      </c>
      <c r="BF8" s="190">
        <v>0</v>
      </c>
      <c r="BG8" s="191">
        <v>0</v>
      </c>
      <c r="BH8" s="196">
        <v>0</v>
      </c>
      <c r="BI8" s="193">
        <v>0</v>
      </c>
      <c r="BJ8" s="191">
        <v>4949</v>
      </c>
      <c r="BK8" s="191">
        <v>5690</v>
      </c>
      <c r="BL8" s="191">
        <v>3770</v>
      </c>
      <c r="BM8" s="191">
        <v>2278</v>
      </c>
      <c r="BN8" s="191">
        <v>864</v>
      </c>
      <c r="BO8" s="196">
        <v>17551</v>
      </c>
      <c r="BP8" s="195">
        <v>17551</v>
      </c>
      <c r="BQ8" s="190">
        <v>15</v>
      </c>
      <c r="BR8" s="191">
        <v>171</v>
      </c>
      <c r="BS8" s="196">
        <v>186</v>
      </c>
      <c r="BT8" s="193">
        <v>0</v>
      </c>
      <c r="BU8" s="191">
        <v>1938</v>
      </c>
      <c r="BV8" s="191">
        <v>3700</v>
      </c>
      <c r="BW8" s="191">
        <v>5768</v>
      </c>
      <c r="BX8" s="191">
        <v>4648</v>
      </c>
      <c r="BY8" s="191">
        <v>2640</v>
      </c>
      <c r="BZ8" s="196">
        <v>18694</v>
      </c>
      <c r="CA8" s="195">
        <v>18880</v>
      </c>
      <c r="CB8" s="190">
        <v>9</v>
      </c>
      <c r="CC8" s="191">
        <v>9</v>
      </c>
      <c r="CD8" s="196">
        <v>18</v>
      </c>
      <c r="CE8" s="193">
        <v>0</v>
      </c>
      <c r="CF8" s="191">
        <v>172</v>
      </c>
      <c r="CG8" s="191">
        <v>475</v>
      </c>
      <c r="CH8" s="191">
        <v>543</v>
      </c>
      <c r="CI8" s="191">
        <v>612</v>
      </c>
      <c r="CJ8" s="191">
        <v>417</v>
      </c>
      <c r="CK8" s="196">
        <v>2219</v>
      </c>
      <c r="CL8" s="195">
        <v>2237</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5266</v>
      </c>
      <c r="H9" s="191">
        <v>28580</v>
      </c>
      <c r="I9" s="191">
        <v>35969</v>
      </c>
      <c r="J9" s="191">
        <v>40843</v>
      </c>
      <c r="K9" s="191">
        <v>32041</v>
      </c>
      <c r="L9" s="194">
        <v>152699</v>
      </c>
      <c r="M9" s="195">
        <v>152699</v>
      </c>
      <c r="N9" s="190">
        <v>0</v>
      </c>
      <c r="O9" s="191">
        <v>4</v>
      </c>
      <c r="P9" s="196">
        <v>4</v>
      </c>
      <c r="Q9" s="193">
        <v>0</v>
      </c>
      <c r="R9" s="191">
        <v>6</v>
      </c>
      <c r="S9" s="191">
        <v>115</v>
      </c>
      <c r="T9" s="191">
        <v>222</v>
      </c>
      <c r="U9" s="191">
        <v>718</v>
      </c>
      <c r="V9" s="191">
        <v>1116</v>
      </c>
      <c r="W9" s="196">
        <v>2177</v>
      </c>
      <c r="X9" s="195">
        <v>2181</v>
      </c>
      <c r="Y9" s="190">
        <v>643</v>
      </c>
      <c r="Z9" s="191">
        <v>3203</v>
      </c>
      <c r="AA9" s="196">
        <v>3846</v>
      </c>
      <c r="AB9" s="193">
        <v>0</v>
      </c>
      <c r="AC9" s="191">
        <v>6602</v>
      </c>
      <c r="AD9" s="191">
        <v>13395</v>
      </c>
      <c r="AE9" s="191">
        <v>9806</v>
      </c>
      <c r="AF9" s="191">
        <v>7888</v>
      </c>
      <c r="AG9" s="191">
        <v>6004</v>
      </c>
      <c r="AH9" s="196">
        <v>43695</v>
      </c>
      <c r="AI9" s="195">
        <v>47541</v>
      </c>
      <c r="AJ9" s="190">
        <v>65</v>
      </c>
      <c r="AK9" s="191">
        <v>447</v>
      </c>
      <c r="AL9" s="196">
        <v>512</v>
      </c>
      <c r="AM9" s="193">
        <v>0</v>
      </c>
      <c r="AN9" s="191">
        <v>300</v>
      </c>
      <c r="AO9" s="191">
        <v>911</v>
      </c>
      <c r="AP9" s="191">
        <v>539</v>
      </c>
      <c r="AQ9" s="191">
        <v>581</v>
      </c>
      <c r="AR9" s="191">
        <v>325</v>
      </c>
      <c r="AS9" s="196">
        <v>2656</v>
      </c>
      <c r="AT9" s="195">
        <v>3168</v>
      </c>
      <c r="AU9" s="190">
        <v>0</v>
      </c>
      <c r="AV9" s="191">
        <v>0</v>
      </c>
      <c r="AW9" s="196">
        <v>0</v>
      </c>
      <c r="AX9" s="193">
        <v>0</v>
      </c>
      <c r="AY9" s="191">
        <v>15134</v>
      </c>
      <c r="AZ9" s="191">
        <v>19087</v>
      </c>
      <c r="BA9" s="191">
        <v>13088</v>
      </c>
      <c r="BB9" s="191">
        <v>6593</v>
      </c>
      <c r="BC9" s="191">
        <v>3332</v>
      </c>
      <c r="BD9" s="194">
        <v>57234</v>
      </c>
      <c r="BE9" s="195">
        <v>57234</v>
      </c>
      <c r="BF9" s="190">
        <v>0</v>
      </c>
      <c r="BG9" s="191">
        <v>0</v>
      </c>
      <c r="BH9" s="196">
        <v>0</v>
      </c>
      <c r="BI9" s="193">
        <v>0</v>
      </c>
      <c r="BJ9" s="191">
        <v>964</v>
      </c>
      <c r="BK9" s="191">
        <v>3006</v>
      </c>
      <c r="BL9" s="191">
        <v>1805</v>
      </c>
      <c r="BM9" s="191">
        <v>976</v>
      </c>
      <c r="BN9" s="191">
        <v>392</v>
      </c>
      <c r="BO9" s="196">
        <v>7143</v>
      </c>
      <c r="BP9" s="195">
        <v>7143</v>
      </c>
      <c r="BQ9" s="190">
        <v>22</v>
      </c>
      <c r="BR9" s="191">
        <v>52</v>
      </c>
      <c r="BS9" s="196">
        <v>74</v>
      </c>
      <c r="BT9" s="193">
        <v>0</v>
      </c>
      <c r="BU9" s="191">
        <v>841</v>
      </c>
      <c r="BV9" s="191">
        <v>2532</v>
      </c>
      <c r="BW9" s="191">
        <v>5156</v>
      </c>
      <c r="BX9" s="191">
        <v>4585</v>
      </c>
      <c r="BY9" s="191">
        <v>1790</v>
      </c>
      <c r="BZ9" s="196">
        <v>14904</v>
      </c>
      <c r="CA9" s="195">
        <v>14978</v>
      </c>
      <c r="CB9" s="190">
        <v>0</v>
      </c>
      <c r="CC9" s="191">
        <v>0</v>
      </c>
      <c r="CD9" s="196">
        <v>0</v>
      </c>
      <c r="CE9" s="193">
        <v>0</v>
      </c>
      <c r="CF9" s="191">
        <v>8</v>
      </c>
      <c r="CG9" s="191">
        <v>39</v>
      </c>
      <c r="CH9" s="191">
        <v>72</v>
      </c>
      <c r="CI9" s="191">
        <v>111</v>
      </c>
      <c r="CJ9" s="191">
        <v>48</v>
      </c>
      <c r="CK9" s="196">
        <v>278</v>
      </c>
      <c r="CL9" s="195">
        <v>278</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8061</v>
      </c>
      <c r="H10" s="191">
        <v>19627</v>
      </c>
      <c r="I10" s="191">
        <v>22824</v>
      </c>
      <c r="J10" s="191">
        <v>31916</v>
      </c>
      <c r="K10" s="191">
        <v>22477</v>
      </c>
      <c r="L10" s="194">
        <v>114905</v>
      </c>
      <c r="M10" s="195">
        <v>114905</v>
      </c>
      <c r="N10" s="190">
        <v>0</v>
      </c>
      <c r="O10" s="191">
        <v>0</v>
      </c>
      <c r="P10" s="196">
        <v>0</v>
      </c>
      <c r="Q10" s="193">
        <v>0</v>
      </c>
      <c r="R10" s="191">
        <v>41</v>
      </c>
      <c r="S10" s="191">
        <v>197</v>
      </c>
      <c r="T10" s="191">
        <v>244</v>
      </c>
      <c r="U10" s="191">
        <v>766</v>
      </c>
      <c r="V10" s="191">
        <v>1013</v>
      </c>
      <c r="W10" s="196">
        <v>2261</v>
      </c>
      <c r="X10" s="195">
        <v>2261</v>
      </c>
      <c r="Y10" s="190">
        <v>142</v>
      </c>
      <c r="Z10" s="191">
        <v>334</v>
      </c>
      <c r="AA10" s="196">
        <v>476</v>
      </c>
      <c r="AB10" s="193">
        <v>0</v>
      </c>
      <c r="AC10" s="191">
        <v>5060</v>
      </c>
      <c r="AD10" s="191">
        <v>5196</v>
      </c>
      <c r="AE10" s="191">
        <v>3142</v>
      </c>
      <c r="AF10" s="191">
        <v>3515</v>
      </c>
      <c r="AG10" s="191">
        <v>3235</v>
      </c>
      <c r="AH10" s="196">
        <v>20148</v>
      </c>
      <c r="AI10" s="195">
        <v>20624</v>
      </c>
      <c r="AJ10" s="190">
        <v>48</v>
      </c>
      <c r="AK10" s="191">
        <v>101</v>
      </c>
      <c r="AL10" s="196">
        <v>149</v>
      </c>
      <c r="AM10" s="193">
        <v>0</v>
      </c>
      <c r="AN10" s="191">
        <v>902</v>
      </c>
      <c r="AO10" s="191">
        <v>1076</v>
      </c>
      <c r="AP10" s="191">
        <v>540</v>
      </c>
      <c r="AQ10" s="191">
        <v>646</v>
      </c>
      <c r="AR10" s="191">
        <v>376</v>
      </c>
      <c r="AS10" s="196">
        <v>3540</v>
      </c>
      <c r="AT10" s="195">
        <v>3689</v>
      </c>
      <c r="AU10" s="190">
        <v>0</v>
      </c>
      <c r="AV10" s="191">
        <v>0</v>
      </c>
      <c r="AW10" s="196">
        <v>0</v>
      </c>
      <c r="AX10" s="193">
        <v>0</v>
      </c>
      <c r="AY10" s="191">
        <v>14421</v>
      </c>
      <c r="AZ10" s="191">
        <v>9431</v>
      </c>
      <c r="BA10" s="191">
        <v>5527</v>
      </c>
      <c r="BB10" s="191">
        <v>2910</v>
      </c>
      <c r="BC10" s="191">
        <v>1342</v>
      </c>
      <c r="BD10" s="194">
        <v>33631</v>
      </c>
      <c r="BE10" s="195">
        <v>33631</v>
      </c>
      <c r="BF10" s="190">
        <v>0</v>
      </c>
      <c r="BG10" s="191">
        <v>0</v>
      </c>
      <c r="BH10" s="196">
        <v>0</v>
      </c>
      <c r="BI10" s="193">
        <v>0</v>
      </c>
      <c r="BJ10" s="191">
        <v>2172</v>
      </c>
      <c r="BK10" s="191">
        <v>1827</v>
      </c>
      <c r="BL10" s="191">
        <v>975</v>
      </c>
      <c r="BM10" s="191">
        <v>551</v>
      </c>
      <c r="BN10" s="191">
        <v>185</v>
      </c>
      <c r="BO10" s="196">
        <v>5710</v>
      </c>
      <c r="BP10" s="195">
        <v>5710</v>
      </c>
      <c r="BQ10" s="190">
        <v>16</v>
      </c>
      <c r="BR10" s="191">
        <v>29</v>
      </c>
      <c r="BS10" s="196">
        <v>45</v>
      </c>
      <c r="BT10" s="193">
        <v>0</v>
      </c>
      <c r="BU10" s="191">
        <v>1803</v>
      </c>
      <c r="BV10" s="191">
        <v>2130</v>
      </c>
      <c r="BW10" s="191">
        <v>3087</v>
      </c>
      <c r="BX10" s="191">
        <v>3040</v>
      </c>
      <c r="BY10" s="191">
        <v>1101</v>
      </c>
      <c r="BZ10" s="196">
        <v>11161</v>
      </c>
      <c r="CA10" s="195">
        <v>11206</v>
      </c>
      <c r="CB10" s="190">
        <v>0</v>
      </c>
      <c r="CC10" s="191">
        <v>0</v>
      </c>
      <c r="CD10" s="196">
        <v>0</v>
      </c>
      <c r="CE10" s="193">
        <v>0</v>
      </c>
      <c r="CF10" s="191">
        <v>72</v>
      </c>
      <c r="CG10" s="191">
        <v>142</v>
      </c>
      <c r="CH10" s="191">
        <v>158</v>
      </c>
      <c r="CI10" s="191">
        <v>170</v>
      </c>
      <c r="CJ10" s="191">
        <v>55</v>
      </c>
      <c r="CK10" s="196">
        <v>597</v>
      </c>
      <c r="CL10" s="195">
        <v>597</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6662</v>
      </c>
      <c r="H11" s="191">
        <v>12385</v>
      </c>
      <c r="I11" s="191">
        <v>14823</v>
      </c>
      <c r="J11" s="191">
        <v>18303</v>
      </c>
      <c r="K11" s="191">
        <v>16886</v>
      </c>
      <c r="L11" s="194">
        <v>69059</v>
      </c>
      <c r="M11" s="195">
        <v>69059</v>
      </c>
      <c r="N11" s="190">
        <v>0</v>
      </c>
      <c r="O11" s="191">
        <v>0</v>
      </c>
      <c r="P11" s="196">
        <v>0</v>
      </c>
      <c r="Q11" s="193">
        <v>0</v>
      </c>
      <c r="R11" s="191">
        <v>34</v>
      </c>
      <c r="S11" s="191">
        <v>75</v>
      </c>
      <c r="T11" s="191">
        <v>113</v>
      </c>
      <c r="U11" s="191">
        <v>264</v>
      </c>
      <c r="V11" s="191">
        <v>507</v>
      </c>
      <c r="W11" s="196">
        <v>993</v>
      </c>
      <c r="X11" s="195">
        <v>993</v>
      </c>
      <c r="Y11" s="190">
        <v>230</v>
      </c>
      <c r="Z11" s="191">
        <v>564</v>
      </c>
      <c r="AA11" s="196">
        <v>794</v>
      </c>
      <c r="AB11" s="193">
        <v>0</v>
      </c>
      <c r="AC11" s="191">
        <v>2068</v>
      </c>
      <c r="AD11" s="191">
        <v>2850</v>
      </c>
      <c r="AE11" s="191">
        <v>2136</v>
      </c>
      <c r="AF11" s="191">
        <v>1938</v>
      </c>
      <c r="AG11" s="191">
        <v>1743</v>
      </c>
      <c r="AH11" s="196">
        <v>10735</v>
      </c>
      <c r="AI11" s="195">
        <v>11529</v>
      </c>
      <c r="AJ11" s="190">
        <v>119</v>
      </c>
      <c r="AK11" s="191">
        <v>288</v>
      </c>
      <c r="AL11" s="196">
        <v>407</v>
      </c>
      <c r="AM11" s="193">
        <v>0</v>
      </c>
      <c r="AN11" s="191">
        <v>1000</v>
      </c>
      <c r="AO11" s="191">
        <v>1183</v>
      </c>
      <c r="AP11" s="191">
        <v>665</v>
      </c>
      <c r="AQ11" s="191">
        <v>627</v>
      </c>
      <c r="AR11" s="191">
        <v>372</v>
      </c>
      <c r="AS11" s="196">
        <v>3847</v>
      </c>
      <c r="AT11" s="195">
        <v>4254</v>
      </c>
      <c r="AU11" s="190">
        <v>0</v>
      </c>
      <c r="AV11" s="191">
        <v>0</v>
      </c>
      <c r="AW11" s="196">
        <v>0</v>
      </c>
      <c r="AX11" s="193">
        <v>0</v>
      </c>
      <c r="AY11" s="191">
        <v>5816</v>
      </c>
      <c r="AZ11" s="191">
        <v>6748</v>
      </c>
      <c r="BA11" s="191">
        <v>4042</v>
      </c>
      <c r="BB11" s="191">
        <v>2696</v>
      </c>
      <c r="BC11" s="191">
        <v>1179</v>
      </c>
      <c r="BD11" s="194">
        <v>20481</v>
      </c>
      <c r="BE11" s="195">
        <v>20481</v>
      </c>
      <c r="BF11" s="190">
        <v>0</v>
      </c>
      <c r="BG11" s="191">
        <v>0</v>
      </c>
      <c r="BH11" s="196">
        <v>0</v>
      </c>
      <c r="BI11" s="193">
        <v>0</v>
      </c>
      <c r="BJ11" s="191">
        <v>1140</v>
      </c>
      <c r="BK11" s="191">
        <v>1178</v>
      </c>
      <c r="BL11" s="191">
        <v>819</v>
      </c>
      <c r="BM11" s="191">
        <v>498</v>
      </c>
      <c r="BN11" s="191">
        <v>123</v>
      </c>
      <c r="BO11" s="196">
        <v>3758</v>
      </c>
      <c r="BP11" s="195">
        <v>3758</v>
      </c>
      <c r="BQ11" s="190">
        <v>19</v>
      </c>
      <c r="BR11" s="191">
        <v>86</v>
      </c>
      <c r="BS11" s="196">
        <v>105</v>
      </c>
      <c r="BT11" s="193">
        <v>0</v>
      </c>
      <c r="BU11" s="191">
        <v>730</v>
      </c>
      <c r="BV11" s="191">
        <v>1140</v>
      </c>
      <c r="BW11" s="191">
        <v>2596</v>
      </c>
      <c r="BX11" s="191">
        <v>1904</v>
      </c>
      <c r="BY11" s="191">
        <v>660</v>
      </c>
      <c r="BZ11" s="196">
        <v>7030</v>
      </c>
      <c r="CA11" s="195">
        <v>7135</v>
      </c>
      <c r="CB11" s="190">
        <v>0</v>
      </c>
      <c r="CC11" s="191">
        <v>0</v>
      </c>
      <c r="CD11" s="196">
        <v>0</v>
      </c>
      <c r="CE11" s="193">
        <v>0</v>
      </c>
      <c r="CF11" s="191">
        <v>13</v>
      </c>
      <c r="CG11" s="191">
        <v>93</v>
      </c>
      <c r="CH11" s="191">
        <v>60</v>
      </c>
      <c r="CI11" s="191">
        <v>27</v>
      </c>
      <c r="CJ11" s="191">
        <v>21</v>
      </c>
      <c r="CK11" s="196">
        <v>214</v>
      </c>
      <c r="CL11" s="195">
        <v>214</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979</v>
      </c>
      <c r="H12" s="191">
        <v>8805</v>
      </c>
      <c r="I12" s="191">
        <v>11171</v>
      </c>
      <c r="J12" s="191">
        <v>16396</v>
      </c>
      <c r="K12" s="191">
        <v>15594</v>
      </c>
      <c r="L12" s="194">
        <v>58945</v>
      </c>
      <c r="M12" s="195">
        <v>58945</v>
      </c>
      <c r="N12" s="190">
        <v>0</v>
      </c>
      <c r="O12" s="191">
        <v>0</v>
      </c>
      <c r="P12" s="196">
        <v>0</v>
      </c>
      <c r="Q12" s="193">
        <v>0</v>
      </c>
      <c r="R12" s="191">
        <v>10</v>
      </c>
      <c r="S12" s="191">
        <v>46</v>
      </c>
      <c r="T12" s="191">
        <v>107</v>
      </c>
      <c r="U12" s="191">
        <v>250</v>
      </c>
      <c r="V12" s="191">
        <v>505</v>
      </c>
      <c r="W12" s="196">
        <v>918</v>
      </c>
      <c r="X12" s="195">
        <v>918</v>
      </c>
      <c r="Y12" s="190">
        <v>417</v>
      </c>
      <c r="Z12" s="191">
        <v>726</v>
      </c>
      <c r="AA12" s="196">
        <v>1143</v>
      </c>
      <c r="AB12" s="193">
        <v>0</v>
      </c>
      <c r="AC12" s="191">
        <v>3666</v>
      </c>
      <c r="AD12" s="191">
        <v>3622</v>
      </c>
      <c r="AE12" s="191">
        <v>2785</v>
      </c>
      <c r="AF12" s="191">
        <v>2740</v>
      </c>
      <c r="AG12" s="191">
        <v>2650</v>
      </c>
      <c r="AH12" s="196">
        <v>15463</v>
      </c>
      <c r="AI12" s="195">
        <v>16606</v>
      </c>
      <c r="AJ12" s="190">
        <v>62</v>
      </c>
      <c r="AK12" s="191">
        <v>134</v>
      </c>
      <c r="AL12" s="196">
        <v>196</v>
      </c>
      <c r="AM12" s="193">
        <v>0</v>
      </c>
      <c r="AN12" s="191">
        <v>561</v>
      </c>
      <c r="AO12" s="191">
        <v>671</v>
      </c>
      <c r="AP12" s="191">
        <v>490</v>
      </c>
      <c r="AQ12" s="191">
        <v>667</v>
      </c>
      <c r="AR12" s="191">
        <v>585</v>
      </c>
      <c r="AS12" s="196">
        <v>2974</v>
      </c>
      <c r="AT12" s="195">
        <v>3170</v>
      </c>
      <c r="AU12" s="190">
        <v>0</v>
      </c>
      <c r="AV12" s="191">
        <v>0</v>
      </c>
      <c r="AW12" s="196">
        <v>0</v>
      </c>
      <c r="AX12" s="193">
        <v>0</v>
      </c>
      <c r="AY12" s="191">
        <v>4721</v>
      </c>
      <c r="AZ12" s="191">
        <v>3700</v>
      </c>
      <c r="BA12" s="191">
        <v>2837</v>
      </c>
      <c r="BB12" s="191">
        <v>1674</v>
      </c>
      <c r="BC12" s="191">
        <v>615</v>
      </c>
      <c r="BD12" s="194">
        <v>13547</v>
      </c>
      <c r="BE12" s="195">
        <v>13547</v>
      </c>
      <c r="BF12" s="190">
        <v>0</v>
      </c>
      <c r="BG12" s="191">
        <v>0</v>
      </c>
      <c r="BH12" s="196">
        <v>0</v>
      </c>
      <c r="BI12" s="193">
        <v>0</v>
      </c>
      <c r="BJ12" s="191">
        <v>1159</v>
      </c>
      <c r="BK12" s="191">
        <v>1063</v>
      </c>
      <c r="BL12" s="191">
        <v>667</v>
      </c>
      <c r="BM12" s="191">
        <v>646</v>
      </c>
      <c r="BN12" s="191">
        <v>137</v>
      </c>
      <c r="BO12" s="196">
        <v>3672</v>
      </c>
      <c r="BP12" s="195">
        <v>3672</v>
      </c>
      <c r="BQ12" s="190">
        <v>3</v>
      </c>
      <c r="BR12" s="191">
        <v>8</v>
      </c>
      <c r="BS12" s="196">
        <v>11</v>
      </c>
      <c r="BT12" s="193">
        <v>0</v>
      </c>
      <c r="BU12" s="191">
        <v>608</v>
      </c>
      <c r="BV12" s="191">
        <v>1093</v>
      </c>
      <c r="BW12" s="191">
        <v>1593</v>
      </c>
      <c r="BX12" s="191">
        <v>1143</v>
      </c>
      <c r="BY12" s="191">
        <v>729</v>
      </c>
      <c r="BZ12" s="196">
        <v>5166</v>
      </c>
      <c r="CA12" s="195">
        <v>5177</v>
      </c>
      <c r="CB12" s="190">
        <v>0</v>
      </c>
      <c r="CC12" s="191">
        <v>6</v>
      </c>
      <c r="CD12" s="196">
        <v>6</v>
      </c>
      <c r="CE12" s="193">
        <v>0</v>
      </c>
      <c r="CF12" s="191">
        <v>70</v>
      </c>
      <c r="CG12" s="191">
        <v>109</v>
      </c>
      <c r="CH12" s="191">
        <v>200</v>
      </c>
      <c r="CI12" s="191">
        <v>176</v>
      </c>
      <c r="CJ12" s="191">
        <v>129</v>
      </c>
      <c r="CK12" s="196">
        <v>684</v>
      </c>
      <c r="CL12" s="195">
        <v>69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8644</v>
      </c>
      <c r="H13" s="191">
        <v>18967</v>
      </c>
      <c r="I13" s="191">
        <v>25305</v>
      </c>
      <c r="J13" s="191">
        <v>29910</v>
      </c>
      <c r="K13" s="191">
        <v>25573</v>
      </c>
      <c r="L13" s="194">
        <v>118399</v>
      </c>
      <c r="M13" s="195">
        <v>118399</v>
      </c>
      <c r="N13" s="190">
        <v>0</v>
      </c>
      <c r="O13" s="191">
        <v>4</v>
      </c>
      <c r="P13" s="196">
        <v>4</v>
      </c>
      <c r="Q13" s="193">
        <v>0</v>
      </c>
      <c r="R13" s="191">
        <v>27</v>
      </c>
      <c r="S13" s="191">
        <v>140</v>
      </c>
      <c r="T13" s="191">
        <v>200</v>
      </c>
      <c r="U13" s="191">
        <v>432</v>
      </c>
      <c r="V13" s="191">
        <v>919</v>
      </c>
      <c r="W13" s="196">
        <v>1718</v>
      </c>
      <c r="X13" s="195">
        <v>1722</v>
      </c>
      <c r="Y13" s="190">
        <v>1121</v>
      </c>
      <c r="Z13" s="191">
        <v>2280</v>
      </c>
      <c r="AA13" s="196">
        <v>3401</v>
      </c>
      <c r="AB13" s="193">
        <v>0</v>
      </c>
      <c r="AC13" s="191">
        <v>8123</v>
      </c>
      <c r="AD13" s="191">
        <v>6460</v>
      </c>
      <c r="AE13" s="191">
        <v>3807</v>
      </c>
      <c r="AF13" s="191">
        <v>3758</v>
      </c>
      <c r="AG13" s="191">
        <v>3484</v>
      </c>
      <c r="AH13" s="196">
        <v>25632</v>
      </c>
      <c r="AI13" s="195">
        <v>29033</v>
      </c>
      <c r="AJ13" s="190">
        <v>243</v>
      </c>
      <c r="AK13" s="191">
        <v>625</v>
      </c>
      <c r="AL13" s="196">
        <v>868</v>
      </c>
      <c r="AM13" s="193">
        <v>0</v>
      </c>
      <c r="AN13" s="191">
        <v>1507</v>
      </c>
      <c r="AO13" s="191">
        <v>1499</v>
      </c>
      <c r="AP13" s="191">
        <v>892</v>
      </c>
      <c r="AQ13" s="191">
        <v>547</v>
      </c>
      <c r="AR13" s="191">
        <v>714</v>
      </c>
      <c r="AS13" s="196">
        <v>5159</v>
      </c>
      <c r="AT13" s="195">
        <v>6027</v>
      </c>
      <c r="AU13" s="190">
        <v>0</v>
      </c>
      <c r="AV13" s="191">
        <v>0</v>
      </c>
      <c r="AW13" s="196">
        <v>0</v>
      </c>
      <c r="AX13" s="193">
        <v>0</v>
      </c>
      <c r="AY13" s="191">
        <v>14468</v>
      </c>
      <c r="AZ13" s="191">
        <v>8530</v>
      </c>
      <c r="BA13" s="191">
        <v>5427</v>
      </c>
      <c r="BB13" s="191">
        <v>3128</v>
      </c>
      <c r="BC13" s="191">
        <v>1397</v>
      </c>
      <c r="BD13" s="194">
        <v>32950</v>
      </c>
      <c r="BE13" s="195">
        <v>32950</v>
      </c>
      <c r="BF13" s="190">
        <v>0</v>
      </c>
      <c r="BG13" s="191">
        <v>0</v>
      </c>
      <c r="BH13" s="196">
        <v>0</v>
      </c>
      <c r="BI13" s="193">
        <v>0</v>
      </c>
      <c r="BJ13" s="191">
        <v>1899</v>
      </c>
      <c r="BK13" s="191">
        <v>1542</v>
      </c>
      <c r="BL13" s="191">
        <v>903</v>
      </c>
      <c r="BM13" s="191">
        <v>465</v>
      </c>
      <c r="BN13" s="191">
        <v>282</v>
      </c>
      <c r="BO13" s="196">
        <v>5091</v>
      </c>
      <c r="BP13" s="195">
        <v>5091</v>
      </c>
      <c r="BQ13" s="190">
        <v>25</v>
      </c>
      <c r="BR13" s="191">
        <v>93</v>
      </c>
      <c r="BS13" s="196">
        <v>118</v>
      </c>
      <c r="BT13" s="193">
        <v>0</v>
      </c>
      <c r="BU13" s="191">
        <v>1315</v>
      </c>
      <c r="BV13" s="191">
        <v>1691</v>
      </c>
      <c r="BW13" s="191">
        <v>2448</v>
      </c>
      <c r="BX13" s="191">
        <v>1862</v>
      </c>
      <c r="BY13" s="191">
        <v>956</v>
      </c>
      <c r="BZ13" s="196">
        <v>8272</v>
      </c>
      <c r="CA13" s="195">
        <v>8390</v>
      </c>
      <c r="CB13" s="190">
        <v>3</v>
      </c>
      <c r="CC13" s="191">
        <v>0</v>
      </c>
      <c r="CD13" s="196">
        <v>3</v>
      </c>
      <c r="CE13" s="193">
        <v>0</v>
      </c>
      <c r="CF13" s="191">
        <v>53</v>
      </c>
      <c r="CG13" s="191">
        <v>66</v>
      </c>
      <c r="CH13" s="191">
        <v>103</v>
      </c>
      <c r="CI13" s="191">
        <v>127</v>
      </c>
      <c r="CJ13" s="191">
        <v>56</v>
      </c>
      <c r="CK13" s="196">
        <v>405</v>
      </c>
      <c r="CL13" s="195">
        <v>408</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725</v>
      </c>
      <c r="H14" s="191">
        <v>7092</v>
      </c>
      <c r="I14" s="191">
        <v>9668</v>
      </c>
      <c r="J14" s="191">
        <v>9955</v>
      </c>
      <c r="K14" s="191">
        <v>10720</v>
      </c>
      <c r="L14" s="194">
        <v>43160</v>
      </c>
      <c r="M14" s="195">
        <v>43160</v>
      </c>
      <c r="N14" s="190">
        <v>0</v>
      </c>
      <c r="O14" s="191">
        <v>0</v>
      </c>
      <c r="P14" s="196">
        <v>0</v>
      </c>
      <c r="Q14" s="193">
        <v>0</v>
      </c>
      <c r="R14" s="191">
        <v>13</v>
      </c>
      <c r="S14" s="191">
        <v>51</v>
      </c>
      <c r="T14" s="191">
        <v>96</v>
      </c>
      <c r="U14" s="191">
        <v>324</v>
      </c>
      <c r="V14" s="191">
        <v>378</v>
      </c>
      <c r="W14" s="196">
        <v>862</v>
      </c>
      <c r="X14" s="195">
        <v>862</v>
      </c>
      <c r="Y14" s="190">
        <v>235</v>
      </c>
      <c r="Z14" s="191">
        <v>599</v>
      </c>
      <c r="AA14" s="196">
        <v>834</v>
      </c>
      <c r="AB14" s="193">
        <v>0</v>
      </c>
      <c r="AC14" s="191">
        <v>3414</v>
      </c>
      <c r="AD14" s="191">
        <v>2565</v>
      </c>
      <c r="AE14" s="191">
        <v>2189</v>
      </c>
      <c r="AF14" s="191">
        <v>2739</v>
      </c>
      <c r="AG14" s="191">
        <v>1936</v>
      </c>
      <c r="AH14" s="196">
        <v>12843</v>
      </c>
      <c r="AI14" s="195">
        <v>13677</v>
      </c>
      <c r="AJ14" s="190">
        <v>40</v>
      </c>
      <c r="AK14" s="191">
        <v>90</v>
      </c>
      <c r="AL14" s="196">
        <v>130</v>
      </c>
      <c r="AM14" s="193">
        <v>0</v>
      </c>
      <c r="AN14" s="191">
        <v>357</v>
      </c>
      <c r="AO14" s="191">
        <v>294</v>
      </c>
      <c r="AP14" s="191">
        <v>351</v>
      </c>
      <c r="AQ14" s="191">
        <v>329</v>
      </c>
      <c r="AR14" s="191">
        <v>71</v>
      </c>
      <c r="AS14" s="196">
        <v>1402</v>
      </c>
      <c r="AT14" s="195">
        <v>1532</v>
      </c>
      <c r="AU14" s="190">
        <v>0</v>
      </c>
      <c r="AV14" s="191">
        <v>0</v>
      </c>
      <c r="AW14" s="196">
        <v>0</v>
      </c>
      <c r="AX14" s="193">
        <v>0</v>
      </c>
      <c r="AY14" s="191">
        <v>6319</v>
      </c>
      <c r="AZ14" s="191">
        <v>4180</v>
      </c>
      <c r="BA14" s="191">
        <v>3203</v>
      </c>
      <c r="BB14" s="191">
        <v>2143</v>
      </c>
      <c r="BC14" s="191">
        <v>765</v>
      </c>
      <c r="BD14" s="194">
        <v>16610</v>
      </c>
      <c r="BE14" s="195">
        <v>16610</v>
      </c>
      <c r="BF14" s="190">
        <v>0</v>
      </c>
      <c r="BG14" s="191">
        <v>0</v>
      </c>
      <c r="BH14" s="196">
        <v>0</v>
      </c>
      <c r="BI14" s="193">
        <v>0</v>
      </c>
      <c r="BJ14" s="191">
        <v>1595</v>
      </c>
      <c r="BK14" s="191">
        <v>1126</v>
      </c>
      <c r="BL14" s="191">
        <v>738</v>
      </c>
      <c r="BM14" s="191">
        <v>570</v>
      </c>
      <c r="BN14" s="191">
        <v>212</v>
      </c>
      <c r="BO14" s="196">
        <v>4241</v>
      </c>
      <c r="BP14" s="195">
        <v>4241</v>
      </c>
      <c r="BQ14" s="190">
        <v>24</v>
      </c>
      <c r="BR14" s="191">
        <v>36</v>
      </c>
      <c r="BS14" s="196">
        <v>60</v>
      </c>
      <c r="BT14" s="193">
        <v>0</v>
      </c>
      <c r="BU14" s="191">
        <v>625</v>
      </c>
      <c r="BV14" s="191">
        <v>776</v>
      </c>
      <c r="BW14" s="191">
        <v>1178</v>
      </c>
      <c r="BX14" s="191">
        <v>1123</v>
      </c>
      <c r="BY14" s="191">
        <v>501</v>
      </c>
      <c r="BZ14" s="196">
        <v>4203</v>
      </c>
      <c r="CA14" s="195">
        <v>4263</v>
      </c>
      <c r="CB14" s="190">
        <v>0</v>
      </c>
      <c r="CC14" s="191">
        <v>8</v>
      </c>
      <c r="CD14" s="196">
        <v>8</v>
      </c>
      <c r="CE14" s="193">
        <v>0</v>
      </c>
      <c r="CF14" s="191">
        <v>28</v>
      </c>
      <c r="CG14" s="191">
        <v>25</v>
      </c>
      <c r="CH14" s="191">
        <v>41</v>
      </c>
      <c r="CI14" s="191">
        <v>47</v>
      </c>
      <c r="CJ14" s="191">
        <v>79</v>
      </c>
      <c r="CK14" s="196">
        <v>220</v>
      </c>
      <c r="CL14" s="195">
        <v>228</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7054</v>
      </c>
      <c r="H15" s="191">
        <v>9445</v>
      </c>
      <c r="I15" s="191">
        <v>10890</v>
      </c>
      <c r="J15" s="191">
        <v>16989</v>
      </c>
      <c r="K15" s="191">
        <v>14379</v>
      </c>
      <c r="L15" s="194">
        <v>58757</v>
      </c>
      <c r="M15" s="195">
        <v>58757</v>
      </c>
      <c r="N15" s="190">
        <v>0</v>
      </c>
      <c r="O15" s="191">
        <v>15</v>
      </c>
      <c r="P15" s="196">
        <v>15</v>
      </c>
      <c r="Q15" s="193">
        <v>0</v>
      </c>
      <c r="R15" s="191">
        <v>14</v>
      </c>
      <c r="S15" s="191">
        <v>73</v>
      </c>
      <c r="T15" s="191">
        <v>87</v>
      </c>
      <c r="U15" s="191">
        <v>320</v>
      </c>
      <c r="V15" s="191">
        <v>374</v>
      </c>
      <c r="W15" s="196">
        <v>868</v>
      </c>
      <c r="X15" s="195">
        <v>883</v>
      </c>
      <c r="Y15" s="190">
        <v>626</v>
      </c>
      <c r="Z15" s="191">
        <v>2246</v>
      </c>
      <c r="AA15" s="196">
        <v>2872</v>
      </c>
      <c r="AB15" s="193">
        <v>0</v>
      </c>
      <c r="AC15" s="191">
        <v>2530</v>
      </c>
      <c r="AD15" s="191">
        <v>3667</v>
      </c>
      <c r="AE15" s="191">
        <v>2162</v>
      </c>
      <c r="AF15" s="191">
        <v>2336</v>
      </c>
      <c r="AG15" s="191">
        <v>1968</v>
      </c>
      <c r="AH15" s="196">
        <v>12663</v>
      </c>
      <c r="AI15" s="195">
        <v>15535</v>
      </c>
      <c r="AJ15" s="190">
        <v>47</v>
      </c>
      <c r="AK15" s="191">
        <v>304</v>
      </c>
      <c r="AL15" s="196">
        <v>351</v>
      </c>
      <c r="AM15" s="193">
        <v>0</v>
      </c>
      <c r="AN15" s="191">
        <v>210</v>
      </c>
      <c r="AO15" s="191">
        <v>574</v>
      </c>
      <c r="AP15" s="191">
        <v>275</v>
      </c>
      <c r="AQ15" s="191">
        <v>254</v>
      </c>
      <c r="AR15" s="191">
        <v>164</v>
      </c>
      <c r="AS15" s="196">
        <v>1477</v>
      </c>
      <c r="AT15" s="195">
        <v>1828</v>
      </c>
      <c r="AU15" s="190">
        <v>0</v>
      </c>
      <c r="AV15" s="191">
        <v>0</v>
      </c>
      <c r="AW15" s="196">
        <v>0</v>
      </c>
      <c r="AX15" s="193">
        <v>0</v>
      </c>
      <c r="AY15" s="191">
        <v>6361</v>
      </c>
      <c r="AZ15" s="191">
        <v>4574</v>
      </c>
      <c r="BA15" s="191">
        <v>3080</v>
      </c>
      <c r="BB15" s="191">
        <v>2274</v>
      </c>
      <c r="BC15" s="191">
        <v>1135</v>
      </c>
      <c r="BD15" s="194">
        <v>17424</v>
      </c>
      <c r="BE15" s="195">
        <v>17424</v>
      </c>
      <c r="BF15" s="190">
        <v>0</v>
      </c>
      <c r="BG15" s="191">
        <v>0</v>
      </c>
      <c r="BH15" s="196">
        <v>0</v>
      </c>
      <c r="BI15" s="193">
        <v>0</v>
      </c>
      <c r="BJ15" s="191">
        <v>939</v>
      </c>
      <c r="BK15" s="191">
        <v>1471</v>
      </c>
      <c r="BL15" s="191">
        <v>954</v>
      </c>
      <c r="BM15" s="191">
        <v>523</v>
      </c>
      <c r="BN15" s="191">
        <v>204</v>
      </c>
      <c r="BO15" s="196">
        <v>4091</v>
      </c>
      <c r="BP15" s="195">
        <v>4091</v>
      </c>
      <c r="BQ15" s="190">
        <v>21</v>
      </c>
      <c r="BR15" s="191">
        <v>67</v>
      </c>
      <c r="BS15" s="196">
        <v>88</v>
      </c>
      <c r="BT15" s="193">
        <v>0</v>
      </c>
      <c r="BU15" s="191">
        <v>622</v>
      </c>
      <c r="BV15" s="191">
        <v>812</v>
      </c>
      <c r="BW15" s="191">
        <v>1369</v>
      </c>
      <c r="BX15" s="191">
        <v>1307</v>
      </c>
      <c r="BY15" s="191">
        <v>615</v>
      </c>
      <c r="BZ15" s="196">
        <v>4725</v>
      </c>
      <c r="CA15" s="195">
        <v>4813</v>
      </c>
      <c r="CB15" s="190">
        <v>0</v>
      </c>
      <c r="CC15" s="191">
        <v>8</v>
      </c>
      <c r="CD15" s="196">
        <v>8</v>
      </c>
      <c r="CE15" s="193">
        <v>0</v>
      </c>
      <c r="CF15" s="191">
        <v>39</v>
      </c>
      <c r="CG15" s="191">
        <v>29</v>
      </c>
      <c r="CH15" s="191">
        <v>26</v>
      </c>
      <c r="CI15" s="191">
        <v>23</v>
      </c>
      <c r="CJ15" s="191">
        <v>45</v>
      </c>
      <c r="CK15" s="196">
        <v>162</v>
      </c>
      <c r="CL15" s="195">
        <v>170</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286</v>
      </c>
      <c r="H16" s="191">
        <v>3829</v>
      </c>
      <c r="I16" s="191">
        <v>3910</v>
      </c>
      <c r="J16" s="191">
        <v>5137</v>
      </c>
      <c r="K16" s="191">
        <v>5853</v>
      </c>
      <c r="L16" s="194">
        <v>21015</v>
      </c>
      <c r="M16" s="195">
        <v>21015</v>
      </c>
      <c r="N16" s="190">
        <v>0</v>
      </c>
      <c r="O16" s="191">
        <v>0</v>
      </c>
      <c r="P16" s="196">
        <v>0</v>
      </c>
      <c r="Q16" s="193">
        <v>0</v>
      </c>
      <c r="R16" s="191">
        <v>5</v>
      </c>
      <c r="S16" s="191">
        <v>16</v>
      </c>
      <c r="T16" s="191">
        <v>12</v>
      </c>
      <c r="U16" s="191">
        <v>95</v>
      </c>
      <c r="V16" s="191">
        <v>209</v>
      </c>
      <c r="W16" s="196">
        <v>337</v>
      </c>
      <c r="X16" s="195">
        <v>337</v>
      </c>
      <c r="Y16" s="190">
        <v>74</v>
      </c>
      <c r="Z16" s="191">
        <v>226</v>
      </c>
      <c r="AA16" s="196">
        <v>300</v>
      </c>
      <c r="AB16" s="193">
        <v>0</v>
      </c>
      <c r="AC16" s="191">
        <v>1015</v>
      </c>
      <c r="AD16" s="191">
        <v>1976</v>
      </c>
      <c r="AE16" s="191">
        <v>1005</v>
      </c>
      <c r="AF16" s="191">
        <v>887</v>
      </c>
      <c r="AG16" s="191">
        <v>578</v>
      </c>
      <c r="AH16" s="196">
        <v>5461</v>
      </c>
      <c r="AI16" s="195">
        <v>5761</v>
      </c>
      <c r="AJ16" s="190">
        <v>17</v>
      </c>
      <c r="AK16" s="191">
        <v>43</v>
      </c>
      <c r="AL16" s="196">
        <v>60</v>
      </c>
      <c r="AM16" s="193">
        <v>0</v>
      </c>
      <c r="AN16" s="191">
        <v>198</v>
      </c>
      <c r="AO16" s="191">
        <v>242</v>
      </c>
      <c r="AP16" s="191">
        <v>175</v>
      </c>
      <c r="AQ16" s="191">
        <v>40</v>
      </c>
      <c r="AR16" s="191">
        <v>106</v>
      </c>
      <c r="AS16" s="196">
        <v>761</v>
      </c>
      <c r="AT16" s="195">
        <v>821</v>
      </c>
      <c r="AU16" s="190">
        <v>0</v>
      </c>
      <c r="AV16" s="191">
        <v>0</v>
      </c>
      <c r="AW16" s="196">
        <v>0</v>
      </c>
      <c r="AX16" s="193">
        <v>0</v>
      </c>
      <c r="AY16" s="191">
        <v>1440</v>
      </c>
      <c r="AZ16" s="191">
        <v>1809</v>
      </c>
      <c r="BA16" s="191">
        <v>1020</v>
      </c>
      <c r="BB16" s="191">
        <v>671</v>
      </c>
      <c r="BC16" s="191">
        <v>317</v>
      </c>
      <c r="BD16" s="194">
        <v>5257</v>
      </c>
      <c r="BE16" s="195">
        <v>5257</v>
      </c>
      <c r="BF16" s="190">
        <v>0</v>
      </c>
      <c r="BG16" s="191">
        <v>0</v>
      </c>
      <c r="BH16" s="196">
        <v>0</v>
      </c>
      <c r="BI16" s="193">
        <v>0</v>
      </c>
      <c r="BJ16" s="191">
        <v>250</v>
      </c>
      <c r="BK16" s="191">
        <v>260</v>
      </c>
      <c r="BL16" s="191">
        <v>175</v>
      </c>
      <c r="BM16" s="191">
        <v>164</v>
      </c>
      <c r="BN16" s="191">
        <v>98</v>
      </c>
      <c r="BO16" s="196">
        <v>947</v>
      </c>
      <c r="BP16" s="195">
        <v>947</v>
      </c>
      <c r="BQ16" s="190">
        <v>0</v>
      </c>
      <c r="BR16" s="191">
        <v>0</v>
      </c>
      <c r="BS16" s="196">
        <v>0</v>
      </c>
      <c r="BT16" s="193">
        <v>0</v>
      </c>
      <c r="BU16" s="191">
        <v>76</v>
      </c>
      <c r="BV16" s="191">
        <v>147</v>
      </c>
      <c r="BW16" s="191">
        <v>405</v>
      </c>
      <c r="BX16" s="191">
        <v>333</v>
      </c>
      <c r="BY16" s="191">
        <v>364</v>
      </c>
      <c r="BZ16" s="196">
        <v>1325</v>
      </c>
      <c r="CA16" s="195">
        <v>1325</v>
      </c>
      <c r="CB16" s="190">
        <v>0</v>
      </c>
      <c r="CC16" s="191">
        <v>0</v>
      </c>
      <c r="CD16" s="196">
        <v>0</v>
      </c>
      <c r="CE16" s="193">
        <v>0</v>
      </c>
      <c r="CF16" s="191">
        <v>8</v>
      </c>
      <c r="CG16" s="191">
        <v>37</v>
      </c>
      <c r="CH16" s="191">
        <v>44</v>
      </c>
      <c r="CI16" s="191">
        <v>15</v>
      </c>
      <c r="CJ16" s="191">
        <v>23</v>
      </c>
      <c r="CK16" s="196">
        <v>127</v>
      </c>
      <c r="CL16" s="195">
        <v>127</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938</v>
      </c>
      <c r="H17" s="191">
        <v>2467</v>
      </c>
      <c r="I17" s="191">
        <v>2381</v>
      </c>
      <c r="J17" s="191">
        <v>2755</v>
      </c>
      <c r="K17" s="191">
        <v>2445</v>
      </c>
      <c r="L17" s="194">
        <v>10986</v>
      </c>
      <c r="M17" s="195">
        <v>10986</v>
      </c>
      <c r="N17" s="190">
        <v>0</v>
      </c>
      <c r="O17" s="191">
        <v>0</v>
      </c>
      <c r="P17" s="196">
        <v>0</v>
      </c>
      <c r="Q17" s="193">
        <v>0</v>
      </c>
      <c r="R17" s="191">
        <v>0</v>
      </c>
      <c r="S17" s="191">
        <v>13</v>
      </c>
      <c r="T17" s="191">
        <v>37</v>
      </c>
      <c r="U17" s="191">
        <v>75</v>
      </c>
      <c r="V17" s="191">
        <v>114</v>
      </c>
      <c r="W17" s="196">
        <v>239</v>
      </c>
      <c r="X17" s="195">
        <v>239</v>
      </c>
      <c r="Y17" s="190">
        <v>45</v>
      </c>
      <c r="Z17" s="191">
        <v>142</v>
      </c>
      <c r="AA17" s="196">
        <v>187</v>
      </c>
      <c r="AB17" s="193">
        <v>0</v>
      </c>
      <c r="AC17" s="191">
        <v>407</v>
      </c>
      <c r="AD17" s="191">
        <v>737</v>
      </c>
      <c r="AE17" s="191">
        <v>433</v>
      </c>
      <c r="AF17" s="191">
        <v>280</v>
      </c>
      <c r="AG17" s="191">
        <v>378</v>
      </c>
      <c r="AH17" s="196">
        <v>2235</v>
      </c>
      <c r="AI17" s="195">
        <v>2422</v>
      </c>
      <c r="AJ17" s="190">
        <v>0</v>
      </c>
      <c r="AK17" s="191">
        <v>23</v>
      </c>
      <c r="AL17" s="196">
        <v>23</v>
      </c>
      <c r="AM17" s="193">
        <v>0</v>
      </c>
      <c r="AN17" s="191">
        <v>100</v>
      </c>
      <c r="AO17" s="191">
        <v>166</v>
      </c>
      <c r="AP17" s="191">
        <v>58</v>
      </c>
      <c r="AQ17" s="191">
        <v>46</v>
      </c>
      <c r="AR17" s="191">
        <v>44</v>
      </c>
      <c r="AS17" s="196">
        <v>414</v>
      </c>
      <c r="AT17" s="195">
        <v>437</v>
      </c>
      <c r="AU17" s="190">
        <v>0</v>
      </c>
      <c r="AV17" s="191">
        <v>0</v>
      </c>
      <c r="AW17" s="196">
        <v>0</v>
      </c>
      <c r="AX17" s="193">
        <v>0</v>
      </c>
      <c r="AY17" s="191">
        <v>1021</v>
      </c>
      <c r="AZ17" s="191">
        <v>1142</v>
      </c>
      <c r="BA17" s="191">
        <v>698</v>
      </c>
      <c r="BB17" s="191">
        <v>332</v>
      </c>
      <c r="BC17" s="191">
        <v>115</v>
      </c>
      <c r="BD17" s="194">
        <v>3308</v>
      </c>
      <c r="BE17" s="195">
        <v>3308</v>
      </c>
      <c r="BF17" s="190">
        <v>0</v>
      </c>
      <c r="BG17" s="191">
        <v>0</v>
      </c>
      <c r="BH17" s="196">
        <v>0</v>
      </c>
      <c r="BI17" s="193">
        <v>0</v>
      </c>
      <c r="BJ17" s="191">
        <v>245</v>
      </c>
      <c r="BK17" s="191">
        <v>256</v>
      </c>
      <c r="BL17" s="191">
        <v>182</v>
      </c>
      <c r="BM17" s="191">
        <v>119</v>
      </c>
      <c r="BN17" s="191">
        <v>55</v>
      </c>
      <c r="BO17" s="196">
        <v>857</v>
      </c>
      <c r="BP17" s="195">
        <v>857</v>
      </c>
      <c r="BQ17" s="190">
        <v>0</v>
      </c>
      <c r="BR17" s="191">
        <v>0</v>
      </c>
      <c r="BS17" s="196">
        <v>0</v>
      </c>
      <c r="BT17" s="193">
        <v>0</v>
      </c>
      <c r="BU17" s="191">
        <v>110</v>
      </c>
      <c r="BV17" s="191">
        <v>302</v>
      </c>
      <c r="BW17" s="191">
        <v>654</v>
      </c>
      <c r="BX17" s="191">
        <v>786</v>
      </c>
      <c r="BY17" s="191">
        <v>246</v>
      </c>
      <c r="BZ17" s="196">
        <v>2098</v>
      </c>
      <c r="CA17" s="195">
        <v>2098</v>
      </c>
      <c r="CB17" s="190">
        <v>0</v>
      </c>
      <c r="CC17" s="191">
        <v>0</v>
      </c>
      <c r="CD17" s="196">
        <v>0</v>
      </c>
      <c r="CE17" s="193">
        <v>0</v>
      </c>
      <c r="CF17" s="191">
        <v>0</v>
      </c>
      <c r="CG17" s="191">
        <v>27</v>
      </c>
      <c r="CH17" s="191">
        <v>21</v>
      </c>
      <c r="CI17" s="191">
        <v>17</v>
      </c>
      <c r="CJ17" s="191">
        <v>8</v>
      </c>
      <c r="CK17" s="196">
        <v>73</v>
      </c>
      <c r="CL17" s="195">
        <v>73</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118</v>
      </c>
      <c r="H18" s="191">
        <v>4652</v>
      </c>
      <c r="I18" s="191">
        <v>4918</v>
      </c>
      <c r="J18" s="191">
        <v>6038</v>
      </c>
      <c r="K18" s="191">
        <v>4335</v>
      </c>
      <c r="L18" s="194">
        <v>22061</v>
      </c>
      <c r="M18" s="195">
        <v>22061</v>
      </c>
      <c r="N18" s="190">
        <v>0</v>
      </c>
      <c r="O18" s="191">
        <v>0</v>
      </c>
      <c r="P18" s="196">
        <v>0</v>
      </c>
      <c r="Q18" s="193">
        <v>0</v>
      </c>
      <c r="R18" s="191">
        <v>7</v>
      </c>
      <c r="S18" s="191">
        <v>31</v>
      </c>
      <c r="T18" s="191">
        <v>41</v>
      </c>
      <c r="U18" s="191">
        <v>127</v>
      </c>
      <c r="V18" s="191">
        <v>226</v>
      </c>
      <c r="W18" s="196">
        <v>432</v>
      </c>
      <c r="X18" s="195">
        <v>432</v>
      </c>
      <c r="Y18" s="190">
        <v>133</v>
      </c>
      <c r="Z18" s="191">
        <v>280</v>
      </c>
      <c r="AA18" s="196">
        <v>413</v>
      </c>
      <c r="AB18" s="193">
        <v>0</v>
      </c>
      <c r="AC18" s="191">
        <v>1365</v>
      </c>
      <c r="AD18" s="191">
        <v>3184</v>
      </c>
      <c r="AE18" s="191">
        <v>1952</v>
      </c>
      <c r="AF18" s="191">
        <v>1707</v>
      </c>
      <c r="AG18" s="191">
        <v>1072</v>
      </c>
      <c r="AH18" s="196">
        <v>9280</v>
      </c>
      <c r="AI18" s="195">
        <v>9693</v>
      </c>
      <c r="AJ18" s="190">
        <v>82</v>
      </c>
      <c r="AK18" s="191">
        <v>117</v>
      </c>
      <c r="AL18" s="196">
        <v>199</v>
      </c>
      <c r="AM18" s="193">
        <v>0</v>
      </c>
      <c r="AN18" s="191">
        <v>111</v>
      </c>
      <c r="AO18" s="191">
        <v>584</v>
      </c>
      <c r="AP18" s="191">
        <v>213</v>
      </c>
      <c r="AQ18" s="191">
        <v>125</v>
      </c>
      <c r="AR18" s="191">
        <v>197</v>
      </c>
      <c r="AS18" s="196">
        <v>1230</v>
      </c>
      <c r="AT18" s="195">
        <v>1429</v>
      </c>
      <c r="AU18" s="190">
        <v>0</v>
      </c>
      <c r="AV18" s="191">
        <v>0</v>
      </c>
      <c r="AW18" s="196">
        <v>0</v>
      </c>
      <c r="AX18" s="193">
        <v>0</v>
      </c>
      <c r="AY18" s="191">
        <v>3396</v>
      </c>
      <c r="AZ18" s="191">
        <v>4875</v>
      </c>
      <c r="BA18" s="191">
        <v>3353</v>
      </c>
      <c r="BB18" s="191">
        <v>2321</v>
      </c>
      <c r="BC18" s="191">
        <v>1176</v>
      </c>
      <c r="BD18" s="194">
        <v>15121</v>
      </c>
      <c r="BE18" s="195">
        <v>15121</v>
      </c>
      <c r="BF18" s="190">
        <v>0</v>
      </c>
      <c r="BG18" s="191">
        <v>0</v>
      </c>
      <c r="BH18" s="196">
        <v>0</v>
      </c>
      <c r="BI18" s="193">
        <v>0</v>
      </c>
      <c r="BJ18" s="191">
        <v>1492</v>
      </c>
      <c r="BK18" s="191">
        <v>2504</v>
      </c>
      <c r="BL18" s="191">
        <v>838</v>
      </c>
      <c r="BM18" s="191">
        <v>507</v>
      </c>
      <c r="BN18" s="191">
        <v>204</v>
      </c>
      <c r="BO18" s="196">
        <v>5545</v>
      </c>
      <c r="BP18" s="195">
        <v>5545</v>
      </c>
      <c r="BQ18" s="190">
        <v>0</v>
      </c>
      <c r="BR18" s="191">
        <v>27</v>
      </c>
      <c r="BS18" s="196">
        <v>27</v>
      </c>
      <c r="BT18" s="193">
        <v>0</v>
      </c>
      <c r="BU18" s="191">
        <v>254</v>
      </c>
      <c r="BV18" s="191">
        <v>711</v>
      </c>
      <c r="BW18" s="191">
        <v>744</v>
      </c>
      <c r="BX18" s="191">
        <v>610</v>
      </c>
      <c r="BY18" s="191">
        <v>289</v>
      </c>
      <c r="BZ18" s="196">
        <v>2608</v>
      </c>
      <c r="CA18" s="195">
        <v>2635</v>
      </c>
      <c r="CB18" s="190">
        <v>0</v>
      </c>
      <c r="CC18" s="191">
        <v>0</v>
      </c>
      <c r="CD18" s="196">
        <v>0</v>
      </c>
      <c r="CE18" s="193">
        <v>0</v>
      </c>
      <c r="CF18" s="191">
        <v>3</v>
      </c>
      <c r="CG18" s="191">
        <v>60</v>
      </c>
      <c r="CH18" s="191">
        <v>38</v>
      </c>
      <c r="CI18" s="191">
        <v>60</v>
      </c>
      <c r="CJ18" s="191">
        <v>36</v>
      </c>
      <c r="CK18" s="196">
        <v>197</v>
      </c>
      <c r="CL18" s="195">
        <v>197</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568</v>
      </c>
      <c r="H19" s="191">
        <v>7903</v>
      </c>
      <c r="I19" s="191">
        <v>10812</v>
      </c>
      <c r="J19" s="191">
        <v>12791</v>
      </c>
      <c r="K19" s="191">
        <v>9689</v>
      </c>
      <c r="L19" s="194">
        <v>43763</v>
      </c>
      <c r="M19" s="195">
        <v>43763</v>
      </c>
      <c r="N19" s="190">
        <v>0</v>
      </c>
      <c r="O19" s="191">
        <v>5</v>
      </c>
      <c r="P19" s="196">
        <v>5</v>
      </c>
      <c r="Q19" s="193">
        <v>0</v>
      </c>
      <c r="R19" s="191">
        <v>0</v>
      </c>
      <c r="S19" s="191">
        <v>14</v>
      </c>
      <c r="T19" s="191">
        <v>92</v>
      </c>
      <c r="U19" s="191">
        <v>240</v>
      </c>
      <c r="V19" s="191">
        <v>445</v>
      </c>
      <c r="W19" s="196">
        <v>791</v>
      </c>
      <c r="X19" s="195">
        <v>796</v>
      </c>
      <c r="Y19" s="190">
        <v>202</v>
      </c>
      <c r="Z19" s="191">
        <v>698</v>
      </c>
      <c r="AA19" s="196">
        <v>900</v>
      </c>
      <c r="AB19" s="193">
        <v>0</v>
      </c>
      <c r="AC19" s="191">
        <v>1534</v>
      </c>
      <c r="AD19" s="191">
        <v>3459</v>
      </c>
      <c r="AE19" s="191">
        <v>2516</v>
      </c>
      <c r="AF19" s="191">
        <v>1943</v>
      </c>
      <c r="AG19" s="191">
        <v>1560</v>
      </c>
      <c r="AH19" s="196">
        <v>11012</v>
      </c>
      <c r="AI19" s="195">
        <v>11912</v>
      </c>
      <c r="AJ19" s="190">
        <v>70</v>
      </c>
      <c r="AK19" s="191">
        <v>101</v>
      </c>
      <c r="AL19" s="196">
        <v>171</v>
      </c>
      <c r="AM19" s="193">
        <v>0</v>
      </c>
      <c r="AN19" s="191">
        <v>101</v>
      </c>
      <c r="AO19" s="191">
        <v>589</v>
      </c>
      <c r="AP19" s="191">
        <v>298</v>
      </c>
      <c r="AQ19" s="191">
        <v>362</v>
      </c>
      <c r="AR19" s="191">
        <v>319</v>
      </c>
      <c r="AS19" s="196">
        <v>1669</v>
      </c>
      <c r="AT19" s="195">
        <v>1840</v>
      </c>
      <c r="AU19" s="190">
        <v>0</v>
      </c>
      <c r="AV19" s="191">
        <v>0</v>
      </c>
      <c r="AW19" s="196">
        <v>0</v>
      </c>
      <c r="AX19" s="193">
        <v>0</v>
      </c>
      <c r="AY19" s="191">
        <v>3100</v>
      </c>
      <c r="AZ19" s="191">
        <v>5557</v>
      </c>
      <c r="BA19" s="191">
        <v>3734</v>
      </c>
      <c r="BB19" s="191">
        <v>2301</v>
      </c>
      <c r="BC19" s="191">
        <v>1336</v>
      </c>
      <c r="BD19" s="194">
        <v>16028</v>
      </c>
      <c r="BE19" s="195">
        <v>16028</v>
      </c>
      <c r="BF19" s="190">
        <v>0</v>
      </c>
      <c r="BG19" s="191">
        <v>0</v>
      </c>
      <c r="BH19" s="196">
        <v>0</v>
      </c>
      <c r="BI19" s="193">
        <v>0</v>
      </c>
      <c r="BJ19" s="191">
        <v>567</v>
      </c>
      <c r="BK19" s="191">
        <v>1903</v>
      </c>
      <c r="BL19" s="191">
        <v>1055</v>
      </c>
      <c r="BM19" s="191">
        <v>466</v>
      </c>
      <c r="BN19" s="191">
        <v>169</v>
      </c>
      <c r="BO19" s="196">
        <v>4160</v>
      </c>
      <c r="BP19" s="195">
        <v>4160</v>
      </c>
      <c r="BQ19" s="190">
        <v>3</v>
      </c>
      <c r="BR19" s="191">
        <v>22</v>
      </c>
      <c r="BS19" s="196">
        <v>25</v>
      </c>
      <c r="BT19" s="193">
        <v>0</v>
      </c>
      <c r="BU19" s="191">
        <v>262</v>
      </c>
      <c r="BV19" s="191">
        <v>858</v>
      </c>
      <c r="BW19" s="191">
        <v>1028</v>
      </c>
      <c r="BX19" s="191">
        <v>1303</v>
      </c>
      <c r="BY19" s="191">
        <v>382</v>
      </c>
      <c r="BZ19" s="196">
        <v>3833</v>
      </c>
      <c r="CA19" s="195">
        <v>3858</v>
      </c>
      <c r="CB19" s="190">
        <v>0</v>
      </c>
      <c r="CC19" s="191">
        <v>0</v>
      </c>
      <c r="CD19" s="196">
        <v>0</v>
      </c>
      <c r="CE19" s="193">
        <v>0</v>
      </c>
      <c r="CF19" s="191">
        <v>17</v>
      </c>
      <c r="CG19" s="191">
        <v>74</v>
      </c>
      <c r="CH19" s="191">
        <v>81</v>
      </c>
      <c r="CI19" s="191">
        <v>135</v>
      </c>
      <c r="CJ19" s="191">
        <v>43</v>
      </c>
      <c r="CK19" s="196">
        <v>350</v>
      </c>
      <c r="CL19" s="195">
        <v>350</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6174</v>
      </c>
      <c r="H20" s="191">
        <v>9243</v>
      </c>
      <c r="I20" s="191">
        <v>11055</v>
      </c>
      <c r="J20" s="191">
        <v>14812</v>
      </c>
      <c r="K20" s="191">
        <v>14320</v>
      </c>
      <c r="L20" s="194">
        <v>55604</v>
      </c>
      <c r="M20" s="195">
        <v>55604</v>
      </c>
      <c r="N20" s="190">
        <v>0</v>
      </c>
      <c r="O20" s="191">
        <v>0</v>
      </c>
      <c r="P20" s="196">
        <v>0</v>
      </c>
      <c r="Q20" s="193">
        <v>0</v>
      </c>
      <c r="R20" s="191">
        <v>14</v>
      </c>
      <c r="S20" s="191">
        <v>29</v>
      </c>
      <c r="T20" s="191">
        <v>79</v>
      </c>
      <c r="U20" s="191">
        <v>286</v>
      </c>
      <c r="V20" s="191">
        <v>426</v>
      </c>
      <c r="W20" s="196">
        <v>834</v>
      </c>
      <c r="X20" s="195">
        <v>834</v>
      </c>
      <c r="Y20" s="190">
        <v>363</v>
      </c>
      <c r="Z20" s="191">
        <v>1013</v>
      </c>
      <c r="AA20" s="196">
        <v>1376</v>
      </c>
      <c r="AB20" s="193">
        <v>0</v>
      </c>
      <c r="AC20" s="191">
        <v>3149</v>
      </c>
      <c r="AD20" s="191">
        <v>3885</v>
      </c>
      <c r="AE20" s="191">
        <v>2623</v>
      </c>
      <c r="AF20" s="191">
        <v>2143</v>
      </c>
      <c r="AG20" s="191">
        <v>1796</v>
      </c>
      <c r="AH20" s="196">
        <v>13596</v>
      </c>
      <c r="AI20" s="195">
        <v>14972</v>
      </c>
      <c r="AJ20" s="190">
        <v>94</v>
      </c>
      <c r="AK20" s="191">
        <v>210</v>
      </c>
      <c r="AL20" s="196">
        <v>304</v>
      </c>
      <c r="AM20" s="193">
        <v>0</v>
      </c>
      <c r="AN20" s="191">
        <v>627</v>
      </c>
      <c r="AO20" s="191">
        <v>1091</v>
      </c>
      <c r="AP20" s="191">
        <v>623</v>
      </c>
      <c r="AQ20" s="191">
        <v>273</v>
      </c>
      <c r="AR20" s="191">
        <v>241</v>
      </c>
      <c r="AS20" s="196">
        <v>2855</v>
      </c>
      <c r="AT20" s="195">
        <v>3159</v>
      </c>
      <c r="AU20" s="190">
        <v>0</v>
      </c>
      <c r="AV20" s="191">
        <v>0</v>
      </c>
      <c r="AW20" s="196">
        <v>0</v>
      </c>
      <c r="AX20" s="193">
        <v>0</v>
      </c>
      <c r="AY20" s="191">
        <v>6584</v>
      </c>
      <c r="AZ20" s="191">
        <v>6325</v>
      </c>
      <c r="BA20" s="191">
        <v>4726</v>
      </c>
      <c r="BB20" s="191">
        <v>2527</v>
      </c>
      <c r="BC20" s="191">
        <v>1136</v>
      </c>
      <c r="BD20" s="194">
        <v>21298</v>
      </c>
      <c r="BE20" s="195">
        <v>21298</v>
      </c>
      <c r="BF20" s="190">
        <v>0</v>
      </c>
      <c r="BG20" s="191">
        <v>0</v>
      </c>
      <c r="BH20" s="196">
        <v>0</v>
      </c>
      <c r="BI20" s="193">
        <v>0</v>
      </c>
      <c r="BJ20" s="191">
        <v>1250</v>
      </c>
      <c r="BK20" s="191">
        <v>1519</v>
      </c>
      <c r="BL20" s="191">
        <v>1014</v>
      </c>
      <c r="BM20" s="191">
        <v>473</v>
      </c>
      <c r="BN20" s="191">
        <v>212</v>
      </c>
      <c r="BO20" s="196">
        <v>4468</v>
      </c>
      <c r="BP20" s="195">
        <v>4468</v>
      </c>
      <c r="BQ20" s="190">
        <v>8</v>
      </c>
      <c r="BR20" s="191">
        <v>18</v>
      </c>
      <c r="BS20" s="196">
        <v>26</v>
      </c>
      <c r="BT20" s="193">
        <v>0</v>
      </c>
      <c r="BU20" s="191">
        <v>397</v>
      </c>
      <c r="BV20" s="191">
        <v>706</v>
      </c>
      <c r="BW20" s="191">
        <v>1735</v>
      </c>
      <c r="BX20" s="191">
        <v>1630</v>
      </c>
      <c r="BY20" s="191">
        <v>769</v>
      </c>
      <c r="BZ20" s="196">
        <v>5237</v>
      </c>
      <c r="CA20" s="195">
        <v>5263</v>
      </c>
      <c r="CB20" s="190">
        <v>0</v>
      </c>
      <c r="CC20" s="191">
        <v>0</v>
      </c>
      <c r="CD20" s="196">
        <v>0</v>
      </c>
      <c r="CE20" s="193">
        <v>0</v>
      </c>
      <c r="CF20" s="191">
        <v>11</v>
      </c>
      <c r="CG20" s="191">
        <v>35</v>
      </c>
      <c r="CH20" s="191">
        <v>24</v>
      </c>
      <c r="CI20" s="191">
        <v>21</v>
      </c>
      <c r="CJ20" s="191">
        <v>4</v>
      </c>
      <c r="CK20" s="196">
        <v>95</v>
      </c>
      <c r="CL20" s="195">
        <v>95</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369</v>
      </c>
      <c r="H21" s="191">
        <v>2736</v>
      </c>
      <c r="I21" s="191">
        <v>3923</v>
      </c>
      <c r="J21" s="191">
        <v>3260</v>
      </c>
      <c r="K21" s="191">
        <v>3252</v>
      </c>
      <c r="L21" s="194">
        <v>15540</v>
      </c>
      <c r="M21" s="195">
        <v>15540</v>
      </c>
      <c r="N21" s="190">
        <v>0</v>
      </c>
      <c r="O21" s="191">
        <v>0</v>
      </c>
      <c r="P21" s="196">
        <v>0</v>
      </c>
      <c r="Q21" s="193">
        <v>0</v>
      </c>
      <c r="R21" s="191">
        <v>16</v>
      </c>
      <c r="S21" s="191">
        <v>37</v>
      </c>
      <c r="T21" s="191">
        <v>48</v>
      </c>
      <c r="U21" s="191">
        <v>78</v>
      </c>
      <c r="V21" s="191">
        <v>133</v>
      </c>
      <c r="W21" s="196">
        <v>312</v>
      </c>
      <c r="X21" s="195">
        <v>312</v>
      </c>
      <c r="Y21" s="190">
        <v>201</v>
      </c>
      <c r="Z21" s="191">
        <v>338</v>
      </c>
      <c r="AA21" s="196">
        <v>539</v>
      </c>
      <c r="AB21" s="193">
        <v>0</v>
      </c>
      <c r="AC21" s="191">
        <v>1717</v>
      </c>
      <c r="AD21" s="191">
        <v>1492</v>
      </c>
      <c r="AE21" s="191">
        <v>1279</v>
      </c>
      <c r="AF21" s="191">
        <v>750</v>
      </c>
      <c r="AG21" s="191">
        <v>644</v>
      </c>
      <c r="AH21" s="196">
        <v>5882</v>
      </c>
      <c r="AI21" s="195">
        <v>6421</v>
      </c>
      <c r="AJ21" s="190">
        <v>20</v>
      </c>
      <c r="AK21" s="191">
        <v>56</v>
      </c>
      <c r="AL21" s="196">
        <v>76</v>
      </c>
      <c r="AM21" s="193">
        <v>0</v>
      </c>
      <c r="AN21" s="191">
        <v>232</v>
      </c>
      <c r="AO21" s="191">
        <v>151</v>
      </c>
      <c r="AP21" s="191">
        <v>81</v>
      </c>
      <c r="AQ21" s="191">
        <v>194</v>
      </c>
      <c r="AR21" s="191">
        <v>37</v>
      </c>
      <c r="AS21" s="196">
        <v>695</v>
      </c>
      <c r="AT21" s="195">
        <v>771</v>
      </c>
      <c r="AU21" s="190">
        <v>0</v>
      </c>
      <c r="AV21" s="191">
        <v>0</v>
      </c>
      <c r="AW21" s="196">
        <v>0</v>
      </c>
      <c r="AX21" s="193">
        <v>0</v>
      </c>
      <c r="AY21" s="191">
        <v>2364</v>
      </c>
      <c r="AZ21" s="191">
        <v>2506</v>
      </c>
      <c r="BA21" s="191">
        <v>1286</v>
      </c>
      <c r="BB21" s="191">
        <v>664</v>
      </c>
      <c r="BC21" s="191">
        <v>606</v>
      </c>
      <c r="BD21" s="194">
        <v>7426</v>
      </c>
      <c r="BE21" s="195">
        <v>7426</v>
      </c>
      <c r="BF21" s="190">
        <v>0</v>
      </c>
      <c r="BG21" s="191">
        <v>0</v>
      </c>
      <c r="BH21" s="196">
        <v>0</v>
      </c>
      <c r="BI21" s="193">
        <v>0</v>
      </c>
      <c r="BJ21" s="191">
        <v>909</v>
      </c>
      <c r="BK21" s="191">
        <v>844</v>
      </c>
      <c r="BL21" s="191">
        <v>561</v>
      </c>
      <c r="BM21" s="191">
        <v>217</v>
      </c>
      <c r="BN21" s="191">
        <v>77</v>
      </c>
      <c r="BO21" s="196">
        <v>2608</v>
      </c>
      <c r="BP21" s="195">
        <v>2608</v>
      </c>
      <c r="BQ21" s="190">
        <v>11</v>
      </c>
      <c r="BR21" s="191">
        <v>26</v>
      </c>
      <c r="BS21" s="196">
        <v>37</v>
      </c>
      <c r="BT21" s="193">
        <v>0</v>
      </c>
      <c r="BU21" s="191">
        <v>184</v>
      </c>
      <c r="BV21" s="191">
        <v>402</v>
      </c>
      <c r="BW21" s="191">
        <v>526</v>
      </c>
      <c r="BX21" s="191">
        <v>193</v>
      </c>
      <c r="BY21" s="191">
        <v>102</v>
      </c>
      <c r="BZ21" s="196">
        <v>1407</v>
      </c>
      <c r="CA21" s="195">
        <v>1444</v>
      </c>
      <c r="CB21" s="190">
        <v>0</v>
      </c>
      <c r="CC21" s="191">
        <v>0</v>
      </c>
      <c r="CD21" s="196">
        <v>0</v>
      </c>
      <c r="CE21" s="193">
        <v>0</v>
      </c>
      <c r="CF21" s="191">
        <v>24</v>
      </c>
      <c r="CG21" s="191">
        <v>89</v>
      </c>
      <c r="CH21" s="191">
        <v>101</v>
      </c>
      <c r="CI21" s="191">
        <v>93</v>
      </c>
      <c r="CJ21" s="191">
        <v>21</v>
      </c>
      <c r="CK21" s="196">
        <v>328</v>
      </c>
      <c r="CL21" s="195">
        <v>328</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4289</v>
      </c>
      <c r="H22" s="191">
        <v>3872</v>
      </c>
      <c r="I22" s="191">
        <v>6263</v>
      </c>
      <c r="J22" s="191">
        <v>5481</v>
      </c>
      <c r="K22" s="191">
        <v>6323</v>
      </c>
      <c r="L22" s="194">
        <v>26228</v>
      </c>
      <c r="M22" s="195">
        <v>26228</v>
      </c>
      <c r="N22" s="190">
        <v>0</v>
      </c>
      <c r="O22" s="191">
        <v>0</v>
      </c>
      <c r="P22" s="196">
        <v>0</v>
      </c>
      <c r="Q22" s="193">
        <v>0</v>
      </c>
      <c r="R22" s="191">
        <v>19</v>
      </c>
      <c r="S22" s="191">
        <v>26</v>
      </c>
      <c r="T22" s="191">
        <v>48</v>
      </c>
      <c r="U22" s="191">
        <v>135</v>
      </c>
      <c r="V22" s="191">
        <v>196</v>
      </c>
      <c r="W22" s="196">
        <v>424</v>
      </c>
      <c r="X22" s="195">
        <v>424</v>
      </c>
      <c r="Y22" s="190">
        <v>330</v>
      </c>
      <c r="Z22" s="191">
        <v>741</v>
      </c>
      <c r="AA22" s="196">
        <v>1071</v>
      </c>
      <c r="AB22" s="193">
        <v>0</v>
      </c>
      <c r="AC22" s="191">
        <v>2596</v>
      </c>
      <c r="AD22" s="191">
        <v>2477</v>
      </c>
      <c r="AE22" s="191">
        <v>1434</v>
      </c>
      <c r="AF22" s="191">
        <v>1151</v>
      </c>
      <c r="AG22" s="191">
        <v>691</v>
      </c>
      <c r="AH22" s="196">
        <v>8349</v>
      </c>
      <c r="AI22" s="195">
        <v>9420</v>
      </c>
      <c r="AJ22" s="190">
        <v>124</v>
      </c>
      <c r="AK22" s="191">
        <v>631</v>
      </c>
      <c r="AL22" s="196">
        <v>755</v>
      </c>
      <c r="AM22" s="193">
        <v>0</v>
      </c>
      <c r="AN22" s="191">
        <v>824</v>
      </c>
      <c r="AO22" s="191">
        <v>843</v>
      </c>
      <c r="AP22" s="191">
        <v>553</v>
      </c>
      <c r="AQ22" s="191">
        <v>406</v>
      </c>
      <c r="AR22" s="191">
        <v>188</v>
      </c>
      <c r="AS22" s="196">
        <v>2814</v>
      </c>
      <c r="AT22" s="195">
        <v>3569</v>
      </c>
      <c r="AU22" s="190">
        <v>0</v>
      </c>
      <c r="AV22" s="191">
        <v>0</v>
      </c>
      <c r="AW22" s="196">
        <v>0</v>
      </c>
      <c r="AX22" s="193">
        <v>0</v>
      </c>
      <c r="AY22" s="191">
        <v>3363</v>
      </c>
      <c r="AZ22" s="191">
        <v>2587</v>
      </c>
      <c r="BA22" s="191">
        <v>1813</v>
      </c>
      <c r="BB22" s="191">
        <v>986</v>
      </c>
      <c r="BC22" s="191">
        <v>305</v>
      </c>
      <c r="BD22" s="194">
        <v>9054</v>
      </c>
      <c r="BE22" s="195">
        <v>9054</v>
      </c>
      <c r="BF22" s="190">
        <v>0</v>
      </c>
      <c r="BG22" s="191">
        <v>0</v>
      </c>
      <c r="BH22" s="196">
        <v>0</v>
      </c>
      <c r="BI22" s="193">
        <v>0</v>
      </c>
      <c r="BJ22" s="191">
        <v>900</v>
      </c>
      <c r="BK22" s="191">
        <v>765</v>
      </c>
      <c r="BL22" s="191">
        <v>347</v>
      </c>
      <c r="BM22" s="191">
        <v>318</v>
      </c>
      <c r="BN22" s="191">
        <v>131</v>
      </c>
      <c r="BO22" s="196">
        <v>2461</v>
      </c>
      <c r="BP22" s="195">
        <v>2461</v>
      </c>
      <c r="BQ22" s="190">
        <v>10</v>
      </c>
      <c r="BR22" s="191">
        <v>14</v>
      </c>
      <c r="BS22" s="196">
        <v>24</v>
      </c>
      <c r="BT22" s="193">
        <v>0</v>
      </c>
      <c r="BU22" s="191">
        <v>377</v>
      </c>
      <c r="BV22" s="191">
        <v>633</v>
      </c>
      <c r="BW22" s="191">
        <v>1190</v>
      </c>
      <c r="BX22" s="191">
        <v>694</v>
      </c>
      <c r="BY22" s="191">
        <v>343</v>
      </c>
      <c r="BZ22" s="196">
        <v>3237</v>
      </c>
      <c r="CA22" s="195">
        <v>3261</v>
      </c>
      <c r="CB22" s="190">
        <v>0</v>
      </c>
      <c r="CC22" s="191">
        <v>0</v>
      </c>
      <c r="CD22" s="196">
        <v>0</v>
      </c>
      <c r="CE22" s="193">
        <v>0</v>
      </c>
      <c r="CF22" s="191">
        <v>7</v>
      </c>
      <c r="CG22" s="191">
        <v>16</v>
      </c>
      <c r="CH22" s="191">
        <v>25</v>
      </c>
      <c r="CI22" s="191">
        <v>70</v>
      </c>
      <c r="CJ22" s="191">
        <v>50</v>
      </c>
      <c r="CK22" s="196">
        <v>168</v>
      </c>
      <c r="CL22" s="195">
        <v>168</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773</v>
      </c>
      <c r="H23" s="191">
        <v>6325</v>
      </c>
      <c r="I23" s="191">
        <v>8631</v>
      </c>
      <c r="J23" s="191">
        <v>6286</v>
      </c>
      <c r="K23" s="191">
        <v>7854</v>
      </c>
      <c r="L23" s="194">
        <v>32869</v>
      </c>
      <c r="M23" s="195">
        <v>32869</v>
      </c>
      <c r="N23" s="190">
        <v>0</v>
      </c>
      <c r="O23" s="191">
        <v>0</v>
      </c>
      <c r="P23" s="196">
        <v>0</v>
      </c>
      <c r="Q23" s="193">
        <v>0</v>
      </c>
      <c r="R23" s="191">
        <v>0</v>
      </c>
      <c r="S23" s="191">
        <v>14</v>
      </c>
      <c r="T23" s="191">
        <v>46</v>
      </c>
      <c r="U23" s="191">
        <v>154</v>
      </c>
      <c r="V23" s="191">
        <v>209</v>
      </c>
      <c r="W23" s="196">
        <v>423</v>
      </c>
      <c r="X23" s="195">
        <v>423</v>
      </c>
      <c r="Y23" s="190">
        <v>331</v>
      </c>
      <c r="Z23" s="191">
        <v>803</v>
      </c>
      <c r="AA23" s="196">
        <v>1134</v>
      </c>
      <c r="AB23" s="193">
        <v>0</v>
      </c>
      <c r="AC23" s="191">
        <v>2241</v>
      </c>
      <c r="AD23" s="191">
        <v>2840</v>
      </c>
      <c r="AE23" s="191">
        <v>2118</v>
      </c>
      <c r="AF23" s="191">
        <v>1662</v>
      </c>
      <c r="AG23" s="191">
        <v>1095</v>
      </c>
      <c r="AH23" s="196">
        <v>9956</v>
      </c>
      <c r="AI23" s="195">
        <v>11090</v>
      </c>
      <c r="AJ23" s="190">
        <v>169</v>
      </c>
      <c r="AK23" s="191">
        <v>380</v>
      </c>
      <c r="AL23" s="196">
        <v>549</v>
      </c>
      <c r="AM23" s="193">
        <v>0</v>
      </c>
      <c r="AN23" s="191">
        <v>245</v>
      </c>
      <c r="AO23" s="191">
        <v>628</v>
      </c>
      <c r="AP23" s="191">
        <v>375</v>
      </c>
      <c r="AQ23" s="191">
        <v>84</v>
      </c>
      <c r="AR23" s="191">
        <v>92</v>
      </c>
      <c r="AS23" s="196">
        <v>1424</v>
      </c>
      <c r="AT23" s="195">
        <v>1973</v>
      </c>
      <c r="AU23" s="190">
        <v>0</v>
      </c>
      <c r="AV23" s="191">
        <v>0</v>
      </c>
      <c r="AW23" s="196">
        <v>0</v>
      </c>
      <c r="AX23" s="193">
        <v>0</v>
      </c>
      <c r="AY23" s="191">
        <v>3257</v>
      </c>
      <c r="AZ23" s="191">
        <v>3691</v>
      </c>
      <c r="BA23" s="191">
        <v>2612</v>
      </c>
      <c r="BB23" s="191">
        <v>961</v>
      </c>
      <c r="BC23" s="191">
        <v>308</v>
      </c>
      <c r="BD23" s="194">
        <v>10829</v>
      </c>
      <c r="BE23" s="195">
        <v>10829</v>
      </c>
      <c r="BF23" s="190">
        <v>0</v>
      </c>
      <c r="BG23" s="191">
        <v>0</v>
      </c>
      <c r="BH23" s="196">
        <v>0</v>
      </c>
      <c r="BI23" s="193">
        <v>0</v>
      </c>
      <c r="BJ23" s="191">
        <v>449</v>
      </c>
      <c r="BK23" s="191">
        <v>431</v>
      </c>
      <c r="BL23" s="191">
        <v>313</v>
      </c>
      <c r="BM23" s="191">
        <v>163</v>
      </c>
      <c r="BN23" s="191">
        <v>51</v>
      </c>
      <c r="BO23" s="196">
        <v>1407</v>
      </c>
      <c r="BP23" s="195">
        <v>1407</v>
      </c>
      <c r="BQ23" s="190">
        <v>3</v>
      </c>
      <c r="BR23" s="191">
        <v>16</v>
      </c>
      <c r="BS23" s="196">
        <v>19</v>
      </c>
      <c r="BT23" s="193">
        <v>0</v>
      </c>
      <c r="BU23" s="191">
        <v>277</v>
      </c>
      <c r="BV23" s="191">
        <v>467</v>
      </c>
      <c r="BW23" s="191">
        <v>1026</v>
      </c>
      <c r="BX23" s="191">
        <v>787</v>
      </c>
      <c r="BY23" s="191">
        <v>419</v>
      </c>
      <c r="BZ23" s="196">
        <v>2976</v>
      </c>
      <c r="CA23" s="195">
        <v>2995</v>
      </c>
      <c r="CB23" s="190">
        <v>0</v>
      </c>
      <c r="CC23" s="191">
        <v>12</v>
      </c>
      <c r="CD23" s="196">
        <v>12</v>
      </c>
      <c r="CE23" s="193">
        <v>0</v>
      </c>
      <c r="CF23" s="191">
        <v>2</v>
      </c>
      <c r="CG23" s="191">
        <v>24</v>
      </c>
      <c r="CH23" s="191">
        <v>58</v>
      </c>
      <c r="CI23" s="191">
        <v>24</v>
      </c>
      <c r="CJ23" s="191">
        <v>27</v>
      </c>
      <c r="CK23" s="196">
        <v>135</v>
      </c>
      <c r="CL23" s="195">
        <v>147</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707</v>
      </c>
      <c r="H24" s="191">
        <v>1508</v>
      </c>
      <c r="I24" s="191">
        <v>812</v>
      </c>
      <c r="J24" s="191">
        <v>1994</v>
      </c>
      <c r="K24" s="191">
        <v>2213</v>
      </c>
      <c r="L24" s="194">
        <v>7234</v>
      </c>
      <c r="M24" s="195">
        <v>7234</v>
      </c>
      <c r="N24" s="190">
        <v>0</v>
      </c>
      <c r="O24" s="191">
        <v>0</v>
      </c>
      <c r="P24" s="196">
        <v>0</v>
      </c>
      <c r="Q24" s="193">
        <v>0</v>
      </c>
      <c r="R24" s="191">
        <v>11</v>
      </c>
      <c r="S24" s="191">
        <v>10</v>
      </c>
      <c r="T24" s="191">
        <v>5</v>
      </c>
      <c r="U24" s="191">
        <v>69</v>
      </c>
      <c r="V24" s="191">
        <v>133</v>
      </c>
      <c r="W24" s="196">
        <v>228</v>
      </c>
      <c r="X24" s="195">
        <v>228</v>
      </c>
      <c r="Y24" s="190">
        <v>34</v>
      </c>
      <c r="Z24" s="191">
        <v>106</v>
      </c>
      <c r="AA24" s="196">
        <v>140</v>
      </c>
      <c r="AB24" s="193">
        <v>0</v>
      </c>
      <c r="AC24" s="191">
        <v>456</v>
      </c>
      <c r="AD24" s="191">
        <v>696</v>
      </c>
      <c r="AE24" s="191">
        <v>244</v>
      </c>
      <c r="AF24" s="191">
        <v>467</v>
      </c>
      <c r="AG24" s="191">
        <v>373</v>
      </c>
      <c r="AH24" s="196">
        <v>2236</v>
      </c>
      <c r="AI24" s="195">
        <v>2376</v>
      </c>
      <c r="AJ24" s="190">
        <v>12</v>
      </c>
      <c r="AK24" s="191">
        <v>0</v>
      </c>
      <c r="AL24" s="196">
        <v>12</v>
      </c>
      <c r="AM24" s="193">
        <v>0</v>
      </c>
      <c r="AN24" s="191">
        <v>166</v>
      </c>
      <c r="AO24" s="191">
        <v>153</v>
      </c>
      <c r="AP24" s="191">
        <v>27</v>
      </c>
      <c r="AQ24" s="191">
        <v>79</v>
      </c>
      <c r="AR24" s="191">
        <v>34</v>
      </c>
      <c r="AS24" s="196">
        <v>459</v>
      </c>
      <c r="AT24" s="195">
        <v>471</v>
      </c>
      <c r="AU24" s="190">
        <v>0</v>
      </c>
      <c r="AV24" s="191">
        <v>0</v>
      </c>
      <c r="AW24" s="196">
        <v>0</v>
      </c>
      <c r="AX24" s="193">
        <v>0</v>
      </c>
      <c r="AY24" s="191">
        <v>981</v>
      </c>
      <c r="AZ24" s="191">
        <v>1262</v>
      </c>
      <c r="BA24" s="191">
        <v>908</v>
      </c>
      <c r="BB24" s="191">
        <v>444</v>
      </c>
      <c r="BC24" s="191">
        <v>184</v>
      </c>
      <c r="BD24" s="194">
        <v>3779</v>
      </c>
      <c r="BE24" s="195">
        <v>3779</v>
      </c>
      <c r="BF24" s="190">
        <v>0</v>
      </c>
      <c r="BG24" s="191">
        <v>0</v>
      </c>
      <c r="BH24" s="196">
        <v>0</v>
      </c>
      <c r="BI24" s="193">
        <v>0</v>
      </c>
      <c r="BJ24" s="191">
        <v>223</v>
      </c>
      <c r="BK24" s="191">
        <v>262</v>
      </c>
      <c r="BL24" s="191">
        <v>65</v>
      </c>
      <c r="BM24" s="191">
        <v>125</v>
      </c>
      <c r="BN24" s="191">
        <v>47</v>
      </c>
      <c r="BO24" s="196">
        <v>722</v>
      </c>
      <c r="BP24" s="195">
        <v>722</v>
      </c>
      <c r="BQ24" s="190">
        <v>0</v>
      </c>
      <c r="BR24" s="191">
        <v>0</v>
      </c>
      <c r="BS24" s="196">
        <v>0</v>
      </c>
      <c r="BT24" s="193">
        <v>0</v>
      </c>
      <c r="BU24" s="191">
        <v>82</v>
      </c>
      <c r="BV24" s="191">
        <v>128</v>
      </c>
      <c r="BW24" s="191">
        <v>315</v>
      </c>
      <c r="BX24" s="191">
        <v>228</v>
      </c>
      <c r="BY24" s="191">
        <v>62</v>
      </c>
      <c r="BZ24" s="196">
        <v>815</v>
      </c>
      <c r="CA24" s="195">
        <v>815</v>
      </c>
      <c r="CB24" s="190">
        <v>0</v>
      </c>
      <c r="CC24" s="191">
        <v>0</v>
      </c>
      <c r="CD24" s="196">
        <v>0</v>
      </c>
      <c r="CE24" s="193">
        <v>0</v>
      </c>
      <c r="CF24" s="191">
        <v>10</v>
      </c>
      <c r="CG24" s="191">
        <v>0</v>
      </c>
      <c r="CH24" s="191">
        <v>30</v>
      </c>
      <c r="CI24" s="191">
        <v>52</v>
      </c>
      <c r="CJ24" s="191">
        <v>6</v>
      </c>
      <c r="CK24" s="196">
        <v>98</v>
      </c>
      <c r="CL24" s="195">
        <v>98</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818</v>
      </c>
      <c r="H25" s="191">
        <v>2658</v>
      </c>
      <c r="I25" s="191">
        <v>2406</v>
      </c>
      <c r="J25" s="191">
        <v>4000</v>
      </c>
      <c r="K25" s="191">
        <v>3174</v>
      </c>
      <c r="L25" s="194">
        <v>14056</v>
      </c>
      <c r="M25" s="195">
        <v>14056</v>
      </c>
      <c r="N25" s="190">
        <v>0</v>
      </c>
      <c r="O25" s="191">
        <v>0</v>
      </c>
      <c r="P25" s="196">
        <v>0</v>
      </c>
      <c r="Q25" s="193">
        <v>0</v>
      </c>
      <c r="R25" s="191">
        <v>0</v>
      </c>
      <c r="S25" s="191">
        <v>38</v>
      </c>
      <c r="T25" s="191">
        <v>13</v>
      </c>
      <c r="U25" s="191">
        <v>117</v>
      </c>
      <c r="V25" s="191">
        <v>132</v>
      </c>
      <c r="W25" s="196">
        <v>300</v>
      </c>
      <c r="X25" s="195">
        <v>300</v>
      </c>
      <c r="Y25" s="190">
        <v>235</v>
      </c>
      <c r="Z25" s="191">
        <v>665</v>
      </c>
      <c r="AA25" s="196">
        <v>900</v>
      </c>
      <c r="AB25" s="193">
        <v>0</v>
      </c>
      <c r="AC25" s="191">
        <v>1110</v>
      </c>
      <c r="AD25" s="191">
        <v>1996</v>
      </c>
      <c r="AE25" s="191">
        <v>976</v>
      </c>
      <c r="AF25" s="191">
        <v>920</v>
      </c>
      <c r="AG25" s="191">
        <v>493</v>
      </c>
      <c r="AH25" s="196">
        <v>5495</v>
      </c>
      <c r="AI25" s="195">
        <v>6395</v>
      </c>
      <c r="AJ25" s="190">
        <v>60</v>
      </c>
      <c r="AK25" s="191">
        <v>248</v>
      </c>
      <c r="AL25" s="196">
        <v>308</v>
      </c>
      <c r="AM25" s="193">
        <v>0</v>
      </c>
      <c r="AN25" s="191">
        <v>104</v>
      </c>
      <c r="AO25" s="191">
        <v>202</v>
      </c>
      <c r="AP25" s="191">
        <v>150</v>
      </c>
      <c r="AQ25" s="191">
        <v>131</v>
      </c>
      <c r="AR25" s="191">
        <v>36</v>
      </c>
      <c r="AS25" s="196">
        <v>623</v>
      </c>
      <c r="AT25" s="195">
        <v>931</v>
      </c>
      <c r="AU25" s="190">
        <v>0</v>
      </c>
      <c r="AV25" s="191">
        <v>0</v>
      </c>
      <c r="AW25" s="196">
        <v>0</v>
      </c>
      <c r="AX25" s="193">
        <v>0</v>
      </c>
      <c r="AY25" s="191">
        <v>2598</v>
      </c>
      <c r="AZ25" s="191">
        <v>2545</v>
      </c>
      <c r="BA25" s="191">
        <v>1441</v>
      </c>
      <c r="BB25" s="191">
        <v>857</v>
      </c>
      <c r="BC25" s="191">
        <v>358</v>
      </c>
      <c r="BD25" s="194">
        <v>7799</v>
      </c>
      <c r="BE25" s="195">
        <v>7799</v>
      </c>
      <c r="BF25" s="190">
        <v>0</v>
      </c>
      <c r="BG25" s="191">
        <v>0</v>
      </c>
      <c r="BH25" s="196">
        <v>0</v>
      </c>
      <c r="BI25" s="193">
        <v>0</v>
      </c>
      <c r="BJ25" s="191">
        <v>290</v>
      </c>
      <c r="BK25" s="191">
        <v>335</v>
      </c>
      <c r="BL25" s="191">
        <v>257</v>
      </c>
      <c r="BM25" s="191">
        <v>155</v>
      </c>
      <c r="BN25" s="191">
        <v>41</v>
      </c>
      <c r="BO25" s="196">
        <v>1078</v>
      </c>
      <c r="BP25" s="195">
        <v>1078</v>
      </c>
      <c r="BQ25" s="190">
        <v>5</v>
      </c>
      <c r="BR25" s="191">
        <v>6</v>
      </c>
      <c r="BS25" s="196">
        <v>11</v>
      </c>
      <c r="BT25" s="193">
        <v>0</v>
      </c>
      <c r="BU25" s="191">
        <v>282</v>
      </c>
      <c r="BV25" s="191">
        <v>330</v>
      </c>
      <c r="BW25" s="191">
        <v>622</v>
      </c>
      <c r="BX25" s="191">
        <v>240</v>
      </c>
      <c r="BY25" s="191">
        <v>271</v>
      </c>
      <c r="BZ25" s="196">
        <v>1745</v>
      </c>
      <c r="CA25" s="195">
        <v>1756</v>
      </c>
      <c r="CB25" s="190">
        <v>0</v>
      </c>
      <c r="CC25" s="191">
        <v>0</v>
      </c>
      <c r="CD25" s="196">
        <v>0</v>
      </c>
      <c r="CE25" s="193">
        <v>0</v>
      </c>
      <c r="CF25" s="191">
        <v>3</v>
      </c>
      <c r="CG25" s="191">
        <v>0</v>
      </c>
      <c r="CH25" s="191">
        <v>0</v>
      </c>
      <c r="CI25" s="191">
        <v>20</v>
      </c>
      <c r="CJ25" s="191">
        <v>27</v>
      </c>
      <c r="CK25" s="196">
        <v>50</v>
      </c>
      <c r="CL25" s="195">
        <v>5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811</v>
      </c>
      <c r="H26" s="191">
        <v>1233</v>
      </c>
      <c r="I26" s="191">
        <v>1517</v>
      </c>
      <c r="J26" s="191">
        <v>2270</v>
      </c>
      <c r="K26" s="191">
        <v>1690</v>
      </c>
      <c r="L26" s="194">
        <v>7521</v>
      </c>
      <c r="M26" s="195">
        <v>7521</v>
      </c>
      <c r="N26" s="190">
        <v>0</v>
      </c>
      <c r="O26" s="191">
        <v>0</v>
      </c>
      <c r="P26" s="196">
        <v>0</v>
      </c>
      <c r="Q26" s="193">
        <v>0</v>
      </c>
      <c r="R26" s="191">
        <v>0</v>
      </c>
      <c r="S26" s="191">
        <v>17</v>
      </c>
      <c r="T26" s="191">
        <v>31</v>
      </c>
      <c r="U26" s="191">
        <v>43</v>
      </c>
      <c r="V26" s="191">
        <v>113</v>
      </c>
      <c r="W26" s="196">
        <v>204</v>
      </c>
      <c r="X26" s="195">
        <v>204</v>
      </c>
      <c r="Y26" s="190">
        <v>99</v>
      </c>
      <c r="Z26" s="191">
        <v>246</v>
      </c>
      <c r="AA26" s="196">
        <v>345</v>
      </c>
      <c r="AB26" s="193">
        <v>0</v>
      </c>
      <c r="AC26" s="191">
        <v>561</v>
      </c>
      <c r="AD26" s="191">
        <v>685</v>
      </c>
      <c r="AE26" s="191">
        <v>395</v>
      </c>
      <c r="AF26" s="191">
        <v>462</v>
      </c>
      <c r="AG26" s="191">
        <v>351</v>
      </c>
      <c r="AH26" s="196">
        <v>2454</v>
      </c>
      <c r="AI26" s="195">
        <v>2799</v>
      </c>
      <c r="AJ26" s="190">
        <v>10</v>
      </c>
      <c r="AK26" s="191">
        <v>8</v>
      </c>
      <c r="AL26" s="196">
        <v>18</v>
      </c>
      <c r="AM26" s="193">
        <v>0</v>
      </c>
      <c r="AN26" s="191">
        <v>39</v>
      </c>
      <c r="AO26" s="191">
        <v>80</v>
      </c>
      <c r="AP26" s="191">
        <v>50</v>
      </c>
      <c r="AQ26" s="191">
        <v>48</v>
      </c>
      <c r="AR26" s="191">
        <v>49</v>
      </c>
      <c r="AS26" s="196">
        <v>266</v>
      </c>
      <c r="AT26" s="195">
        <v>284</v>
      </c>
      <c r="AU26" s="190">
        <v>0</v>
      </c>
      <c r="AV26" s="191">
        <v>0</v>
      </c>
      <c r="AW26" s="196">
        <v>0</v>
      </c>
      <c r="AX26" s="193">
        <v>0</v>
      </c>
      <c r="AY26" s="191">
        <v>1014</v>
      </c>
      <c r="AZ26" s="191">
        <v>894</v>
      </c>
      <c r="BA26" s="191">
        <v>332</v>
      </c>
      <c r="BB26" s="191">
        <v>267</v>
      </c>
      <c r="BC26" s="191">
        <v>103</v>
      </c>
      <c r="BD26" s="194">
        <v>2610</v>
      </c>
      <c r="BE26" s="195">
        <v>2610</v>
      </c>
      <c r="BF26" s="190">
        <v>0</v>
      </c>
      <c r="BG26" s="191">
        <v>0</v>
      </c>
      <c r="BH26" s="196">
        <v>0</v>
      </c>
      <c r="BI26" s="193">
        <v>0</v>
      </c>
      <c r="BJ26" s="191">
        <v>433</v>
      </c>
      <c r="BK26" s="191">
        <v>296</v>
      </c>
      <c r="BL26" s="191">
        <v>208</v>
      </c>
      <c r="BM26" s="191">
        <v>125</v>
      </c>
      <c r="BN26" s="191">
        <v>69</v>
      </c>
      <c r="BO26" s="196">
        <v>1131</v>
      </c>
      <c r="BP26" s="195">
        <v>1131</v>
      </c>
      <c r="BQ26" s="190">
        <v>5</v>
      </c>
      <c r="BR26" s="191">
        <v>6</v>
      </c>
      <c r="BS26" s="196">
        <v>11</v>
      </c>
      <c r="BT26" s="193">
        <v>0</v>
      </c>
      <c r="BU26" s="191">
        <v>108</v>
      </c>
      <c r="BV26" s="191">
        <v>193</v>
      </c>
      <c r="BW26" s="191">
        <v>218</v>
      </c>
      <c r="BX26" s="191">
        <v>198</v>
      </c>
      <c r="BY26" s="191">
        <v>122</v>
      </c>
      <c r="BZ26" s="196">
        <v>839</v>
      </c>
      <c r="CA26" s="195">
        <v>850</v>
      </c>
      <c r="CB26" s="190">
        <v>0</v>
      </c>
      <c r="CC26" s="191">
        <v>0</v>
      </c>
      <c r="CD26" s="196">
        <v>0</v>
      </c>
      <c r="CE26" s="193">
        <v>0</v>
      </c>
      <c r="CF26" s="191">
        <v>22</v>
      </c>
      <c r="CG26" s="191">
        <v>0</v>
      </c>
      <c r="CH26" s="191">
        <v>17</v>
      </c>
      <c r="CI26" s="191">
        <v>0</v>
      </c>
      <c r="CJ26" s="191">
        <v>13</v>
      </c>
      <c r="CK26" s="196">
        <v>52</v>
      </c>
      <c r="CL26" s="195">
        <v>5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496</v>
      </c>
      <c r="H27" s="191">
        <v>2305</v>
      </c>
      <c r="I27" s="191">
        <v>2126</v>
      </c>
      <c r="J27" s="191">
        <v>3029</v>
      </c>
      <c r="K27" s="191">
        <v>2081</v>
      </c>
      <c r="L27" s="194">
        <v>11037</v>
      </c>
      <c r="M27" s="195">
        <v>11037</v>
      </c>
      <c r="N27" s="190">
        <v>0</v>
      </c>
      <c r="O27" s="191">
        <v>0</v>
      </c>
      <c r="P27" s="196">
        <v>0</v>
      </c>
      <c r="Q27" s="193">
        <v>0</v>
      </c>
      <c r="R27" s="191">
        <v>13</v>
      </c>
      <c r="S27" s="191">
        <v>35</v>
      </c>
      <c r="T27" s="191">
        <v>49</v>
      </c>
      <c r="U27" s="191">
        <v>76</v>
      </c>
      <c r="V27" s="191">
        <v>75</v>
      </c>
      <c r="W27" s="196">
        <v>248</v>
      </c>
      <c r="X27" s="195">
        <v>248</v>
      </c>
      <c r="Y27" s="190">
        <v>176</v>
      </c>
      <c r="Z27" s="191">
        <v>337</v>
      </c>
      <c r="AA27" s="196">
        <v>513</v>
      </c>
      <c r="AB27" s="193">
        <v>0</v>
      </c>
      <c r="AC27" s="191">
        <v>573</v>
      </c>
      <c r="AD27" s="191">
        <v>1013</v>
      </c>
      <c r="AE27" s="191">
        <v>444</v>
      </c>
      <c r="AF27" s="191">
        <v>481</v>
      </c>
      <c r="AG27" s="191">
        <v>235</v>
      </c>
      <c r="AH27" s="196">
        <v>2746</v>
      </c>
      <c r="AI27" s="195">
        <v>3259</v>
      </c>
      <c r="AJ27" s="190">
        <v>18</v>
      </c>
      <c r="AK27" s="191">
        <v>56</v>
      </c>
      <c r="AL27" s="196">
        <v>74</v>
      </c>
      <c r="AM27" s="193">
        <v>0</v>
      </c>
      <c r="AN27" s="191">
        <v>16</v>
      </c>
      <c r="AO27" s="191">
        <v>161</v>
      </c>
      <c r="AP27" s="191">
        <v>24</v>
      </c>
      <c r="AQ27" s="191">
        <v>75</v>
      </c>
      <c r="AR27" s="191">
        <v>56</v>
      </c>
      <c r="AS27" s="196">
        <v>332</v>
      </c>
      <c r="AT27" s="195">
        <v>406</v>
      </c>
      <c r="AU27" s="190">
        <v>0</v>
      </c>
      <c r="AV27" s="191">
        <v>0</v>
      </c>
      <c r="AW27" s="196">
        <v>0</v>
      </c>
      <c r="AX27" s="193">
        <v>0</v>
      </c>
      <c r="AY27" s="191">
        <v>1402</v>
      </c>
      <c r="AZ27" s="191">
        <v>1083</v>
      </c>
      <c r="BA27" s="191">
        <v>714</v>
      </c>
      <c r="BB27" s="191">
        <v>488</v>
      </c>
      <c r="BC27" s="191">
        <v>116</v>
      </c>
      <c r="BD27" s="194">
        <v>3803</v>
      </c>
      <c r="BE27" s="195">
        <v>3803</v>
      </c>
      <c r="BF27" s="190">
        <v>0</v>
      </c>
      <c r="BG27" s="191">
        <v>0</v>
      </c>
      <c r="BH27" s="196">
        <v>0</v>
      </c>
      <c r="BI27" s="193">
        <v>0</v>
      </c>
      <c r="BJ27" s="191">
        <v>239</v>
      </c>
      <c r="BK27" s="191">
        <v>516</v>
      </c>
      <c r="BL27" s="191">
        <v>193</v>
      </c>
      <c r="BM27" s="191">
        <v>100</v>
      </c>
      <c r="BN27" s="191">
        <v>12</v>
      </c>
      <c r="BO27" s="196">
        <v>1060</v>
      </c>
      <c r="BP27" s="195">
        <v>1060</v>
      </c>
      <c r="BQ27" s="190">
        <v>0</v>
      </c>
      <c r="BR27" s="191">
        <v>4</v>
      </c>
      <c r="BS27" s="196">
        <v>4</v>
      </c>
      <c r="BT27" s="193">
        <v>0</v>
      </c>
      <c r="BU27" s="191">
        <v>121</v>
      </c>
      <c r="BV27" s="191">
        <v>279</v>
      </c>
      <c r="BW27" s="191">
        <v>253</v>
      </c>
      <c r="BX27" s="191">
        <v>290</v>
      </c>
      <c r="BY27" s="191">
        <v>35</v>
      </c>
      <c r="BZ27" s="196">
        <v>978</v>
      </c>
      <c r="CA27" s="195">
        <v>982</v>
      </c>
      <c r="CB27" s="190">
        <v>0</v>
      </c>
      <c r="CC27" s="191">
        <v>0</v>
      </c>
      <c r="CD27" s="196">
        <v>0</v>
      </c>
      <c r="CE27" s="193">
        <v>0</v>
      </c>
      <c r="CF27" s="191">
        <v>5</v>
      </c>
      <c r="CG27" s="191">
        <v>55</v>
      </c>
      <c r="CH27" s="191">
        <v>37</v>
      </c>
      <c r="CI27" s="191">
        <v>52</v>
      </c>
      <c r="CJ27" s="191">
        <v>0</v>
      </c>
      <c r="CK27" s="196">
        <v>149</v>
      </c>
      <c r="CL27" s="195">
        <v>149</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806</v>
      </c>
      <c r="H28" s="191">
        <v>1531</v>
      </c>
      <c r="I28" s="191">
        <v>1271</v>
      </c>
      <c r="J28" s="191">
        <v>873</v>
      </c>
      <c r="K28" s="191">
        <v>1943</v>
      </c>
      <c r="L28" s="194">
        <v>6424</v>
      </c>
      <c r="M28" s="195">
        <v>6424</v>
      </c>
      <c r="N28" s="190">
        <v>0</v>
      </c>
      <c r="O28" s="191">
        <v>0</v>
      </c>
      <c r="P28" s="196">
        <v>0</v>
      </c>
      <c r="Q28" s="193">
        <v>0</v>
      </c>
      <c r="R28" s="191">
        <v>0</v>
      </c>
      <c r="S28" s="191">
        <v>8</v>
      </c>
      <c r="T28" s="191">
        <v>24</v>
      </c>
      <c r="U28" s="191">
        <v>47</v>
      </c>
      <c r="V28" s="191">
        <v>86</v>
      </c>
      <c r="W28" s="196">
        <v>165</v>
      </c>
      <c r="X28" s="195">
        <v>165</v>
      </c>
      <c r="Y28" s="190">
        <v>69</v>
      </c>
      <c r="Z28" s="191">
        <v>97</v>
      </c>
      <c r="AA28" s="196">
        <v>166</v>
      </c>
      <c r="AB28" s="193">
        <v>0</v>
      </c>
      <c r="AC28" s="191">
        <v>482</v>
      </c>
      <c r="AD28" s="191">
        <v>635</v>
      </c>
      <c r="AE28" s="191">
        <v>316</v>
      </c>
      <c r="AF28" s="191">
        <v>313</v>
      </c>
      <c r="AG28" s="191">
        <v>420</v>
      </c>
      <c r="AH28" s="196">
        <v>2166</v>
      </c>
      <c r="AI28" s="195">
        <v>2332</v>
      </c>
      <c r="AJ28" s="190">
        <v>10</v>
      </c>
      <c r="AK28" s="191">
        <v>24</v>
      </c>
      <c r="AL28" s="196">
        <v>34</v>
      </c>
      <c r="AM28" s="193">
        <v>0</v>
      </c>
      <c r="AN28" s="191">
        <v>33</v>
      </c>
      <c r="AO28" s="191">
        <v>34</v>
      </c>
      <c r="AP28" s="191">
        <v>80</v>
      </c>
      <c r="AQ28" s="191">
        <v>22</v>
      </c>
      <c r="AR28" s="191">
        <v>58</v>
      </c>
      <c r="AS28" s="196">
        <v>227</v>
      </c>
      <c r="AT28" s="195">
        <v>261</v>
      </c>
      <c r="AU28" s="190">
        <v>0</v>
      </c>
      <c r="AV28" s="191">
        <v>0</v>
      </c>
      <c r="AW28" s="196">
        <v>0</v>
      </c>
      <c r="AX28" s="193">
        <v>0</v>
      </c>
      <c r="AY28" s="191">
        <v>1001</v>
      </c>
      <c r="AZ28" s="191">
        <v>888</v>
      </c>
      <c r="BA28" s="191">
        <v>357</v>
      </c>
      <c r="BB28" s="191">
        <v>197</v>
      </c>
      <c r="BC28" s="191">
        <v>149</v>
      </c>
      <c r="BD28" s="194">
        <v>2592</v>
      </c>
      <c r="BE28" s="195">
        <v>2592</v>
      </c>
      <c r="BF28" s="190">
        <v>0</v>
      </c>
      <c r="BG28" s="191">
        <v>0</v>
      </c>
      <c r="BH28" s="196">
        <v>0</v>
      </c>
      <c r="BI28" s="193">
        <v>0</v>
      </c>
      <c r="BJ28" s="191">
        <v>124</v>
      </c>
      <c r="BK28" s="191">
        <v>196</v>
      </c>
      <c r="BL28" s="191">
        <v>108</v>
      </c>
      <c r="BM28" s="191">
        <v>83</v>
      </c>
      <c r="BN28" s="191">
        <v>43</v>
      </c>
      <c r="BO28" s="196">
        <v>554</v>
      </c>
      <c r="BP28" s="195">
        <v>554</v>
      </c>
      <c r="BQ28" s="190">
        <v>0</v>
      </c>
      <c r="BR28" s="191">
        <v>0</v>
      </c>
      <c r="BS28" s="196">
        <v>0</v>
      </c>
      <c r="BT28" s="193">
        <v>0</v>
      </c>
      <c r="BU28" s="191">
        <v>112</v>
      </c>
      <c r="BV28" s="191">
        <v>180</v>
      </c>
      <c r="BW28" s="191">
        <v>233</v>
      </c>
      <c r="BX28" s="191">
        <v>178</v>
      </c>
      <c r="BY28" s="191">
        <v>106</v>
      </c>
      <c r="BZ28" s="196">
        <v>809</v>
      </c>
      <c r="CA28" s="195">
        <v>809</v>
      </c>
      <c r="CB28" s="190">
        <v>0</v>
      </c>
      <c r="CC28" s="191">
        <v>0</v>
      </c>
      <c r="CD28" s="196">
        <v>0</v>
      </c>
      <c r="CE28" s="193">
        <v>0</v>
      </c>
      <c r="CF28" s="191">
        <v>8</v>
      </c>
      <c r="CG28" s="191">
        <v>12</v>
      </c>
      <c r="CH28" s="191">
        <v>12</v>
      </c>
      <c r="CI28" s="191">
        <v>37</v>
      </c>
      <c r="CJ28" s="191">
        <v>8</v>
      </c>
      <c r="CK28" s="196">
        <v>77</v>
      </c>
      <c r="CL28" s="195">
        <v>77</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76</v>
      </c>
      <c r="H29" s="191">
        <v>965</v>
      </c>
      <c r="I29" s="191">
        <v>1310</v>
      </c>
      <c r="J29" s="191">
        <v>1279</v>
      </c>
      <c r="K29" s="191">
        <v>1051</v>
      </c>
      <c r="L29" s="194">
        <v>5281</v>
      </c>
      <c r="M29" s="195">
        <v>5281</v>
      </c>
      <c r="N29" s="190">
        <v>0</v>
      </c>
      <c r="O29" s="191">
        <v>0</v>
      </c>
      <c r="P29" s="196">
        <v>0</v>
      </c>
      <c r="Q29" s="193">
        <v>0</v>
      </c>
      <c r="R29" s="191">
        <v>4</v>
      </c>
      <c r="S29" s="191">
        <v>24</v>
      </c>
      <c r="T29" s="191">
        <v>17</v>
      </c>
      <c r="U29" s="191">
        <v>37</v>
      </c>
      <c r="V29" s="191">
        <v>92</v>
      </c>
      <c r="W29" s="196">
        <v>174</v>
      </c>
      <c r="X29" s="195">
        <v>174</v>
      </c>
      <c r="Y29" s="190">
        <v>147</v>
      </c>
      <c r="Z29" s="191">
        <v>369</v>
      </c>
      <c r="AA29" s="196">
        <v>516</v>
      </c>
      <c r="AB29" s="193">
        <v>0</v>
      </c>
      <c r="AC29" s="191">
        <v>214</v>
      </c>
      <c r="AD29" s="191">
        <v>571</v>
      </c>
      <c r="AE29" s="191">
        <v>346</v>
      </c>
      <c r="AF29" s="191">
        <v>321</v>
      </c>
      <c r="AG29" s="191">
        <v>228</v>
      </c>
      <c r="AH29" s="196">
        <v>1680</v>
      </c>
      <c r="AI29" s="195">
        <v>2196</v>
      </c>
      <c r="AJ29" s="190">
        <v>0</v>
      </c>
      <c r="AK29" s="191">
        <v>16</v>
      </c>
      <c r="AL29" s="196">
        <v>16</v>
      </c>
      <c r="AM29" s="193">
        <v>0</v>
      </c>
      <c r="AN29" s="191">
        <v>39</v>
      </c>
      <c r="AO29" s="191">
        <v>15</v>
      </c>
      <c r="AP29" s="191">
        <v>30</v>
      </c>
      <c r="AQ29" s="191">
        <v>0</v>
      </c>
      <c r="AR29" s="191">
        <v>23</v>
      </c>
      <c r="AS29" s="196">
        <v>107</v>
      </c>
      <c r="AT29" s="195">
        <v>123</v>
      </c>
      <c r="AU29" s="190">
        <v>0</v>
      </c>
      <c r="AV29" s="191">
        <v>0</v>
      </c>
      <c r="AW29" s="196">
        <v>0</v>
      </c>
      <c r="AX29" s="193">
        <v>0</v>
      </c>
      <c r="AY29" s="191">
        <v>1077</v>
      </c>
      <c r="AZ29" s="191">
        <v>523</v>
      </c>
      <c r="BA29" s="191">
        <v>324</v>
      </c>
      <c r="BB29" s="191">
        <v>356</v>
      </c>
      <c r="BC29" s="191">
        <v>112</v>
      </c>
      <c r="BD29" s="194">
        <v>2392</v>
      </c>
      <c r="BE29" s="195">
        <v>2392</v>
      </c>
      <c r="BF29" s="190">
        <v>0</v>
      </c>
      <c r="BG29" s="191">
        <v>0</v>
      </c>
      <c r="BH29" s="196">
        <v>0</v>
      </c>
      <c r="BI29" s="193">
        <v>0</v>
      </c>
      <c r="BJ29" s="191">
        <v>207</v>
      </c>
      <c r="BK29" s="191">
        <v>260</v>
      </c>
      <c r="BL29" s="191">
        <v>148</v>
      </c>
      <c r="BM29" s="191">
        <v>21</v>
      </c>
      <c r="BN29" s="191">
        <v>45</v>
      </c>
      <c r="BO29" s="196">
        <v>681</v>
      </c>
      <c r="BP29" s="195">
        <v>681</v>
      </c>
      <c r="BQ29" s="190">
        <v>5</v>
      </c>
      <c r="BR29" s="191">
        <v>0</v>
      </c>
      <c r="BS29" s="196">
        <v>5</v>
      </c>
      <c r="BT29" s="193">
        <v>0</v>
      </c>
      <c r="BU29" s="191">
        <v>69</v>
      </c>
      <c r="BV29" s="191">
        <v>65</v>
      </c>
      <c r="BW29" s="191">
        <v>121</v>
      </c>
      <c r="BX29" s="191">
        <v>83</v>
      </c>
      <c r="BY29" s="191">
        <v>35</v>
      </c>
      <c r="BZ29" s="196">
        <v>373</v>
      </c>
      <c r="CA29" s="195">
        <v>378</v>
      </c>
      <c r="CB29" s="190">
        <v>2</v>
      </c>
      <c r="CC29" s="191">
        <v>0</v>
      </c>
      <c r="CD29" s="196">
        <v>2</v>
      </c>
      <c r="CE29" s="193">
        <v>0</v>
      </c>
      <c r="CF29" s="191">
        <v>0</v>
      </c>
      <c r="CG29" s="191">
        <v>0</v>
      </c>
      <c r="CH29" s="191">
        <v>6</v>
      </c>
      <c r="CI29" s="191">
        <v>0</v>
      </c>
      <c r="CJ29" s="191">
        <v>0</v>
      </c>
      <c r="CK29" s="196">
        <v>6</v>
      </c>
      <c r="CL29" s="195">
        <v>8</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153</v>
      </c>
      <c r="H30" s="191">
        <v>301</v>
      </c>
      <c r="I30" s="191">
        <v>161</v>
      </c>
      <c r="J30" s="191">
        <v>158</v>
      </c>
      <c r="K30" s="191">
        <v>594</v>
      </c>
      <c r="L30" s="194">
        <v>1367</v>
      </c>
      <c r="M30" s="195">
        <v>1367</v>
      </c>
      <c r="N30" s="190">
        <v>0</v>
      </c>
      <c r="O30" s="191">
        <v>0</v>
      </c>
      <c r="P30" s="196">
        <v>0</v>
      </c>
      <c r="Q30" s="193">
        <v>0</v>
      </c>
      <c r="R30" s="191">
        <v>0</v>
      </c>
      <c r="S30" s="191">
        <v>4</v>
      </c>
      <c r="T30" s="191">
        <v>12</v>
      </c>
      <c r="U30" s="191">
        <v>8</v>
      </c>
      <c r="V30" s="191">
        <v>20</v>
      </c>
      <c r="W30" s="196">
        <v>44</v>
      </c>
      <c r="X30" s="195">
        <v>44</v>
      </c>
      <c r="Y30" s="190">
        <v>5</v>
      </c>
      <c r="Z30" s="191">
        <v>18</v>
      </c>
      <c r="AA30" s="196">
        <v>23</v>
      </c>
      <c r="AB30" s="193">
        <v>0</v>
      </c>
      <c r="AC30" s="191">
        <v>47</v>
      </c>
      <c r="AD30" s="191">
        <v>112</v>
      </c>
      <c r="AE30" s="191">
        <v>74</v>
      </c>
      <c r="AF30" s="191">
        <v>125</v>
      </c>
      <c r="AG30" s="191">
        <v>84</v>
      </c>
      <c r="AH30" s="196">
        <v>442</v>
      </c>
      <c r="AI30" s="195">
        <v>465</v>
      </c>
      <c r="AJ30" s="190">
        <v>0</v>
      </c>
      <c r="AK30" s="191">
        <v>0</v>
      </c>
      <c r="AL30" s="196">
        <v>0</v>
      </c>
      <c r="AM30" s="193">
        <v>0</v>
      </c>
      <c r="AN30" s="191">
        <v>8</v>
      </c>
      <c r="AO30" s="191">
        <v>0</v>
      </c>
      <c r="AP30" s="191">
        <v>27</v>
      </c>
      <c r="AQ30" s="191">
        <v>15</v>
      </c>
      <c r="AR30" s="191">
        <v>17</v>
      </c>
      <c r="AS30" s="196">
        <v>67</v>
      </c>
      <c r="AT30" s="195">
        <v>67</v>
      </c>
      <c r="AU30" s="190">
        <v>0</v>
      </c>
      <c r="AV30" s="191">
        <v>0</v>
      </c>
      <c r="AW30" s="196">
        <v>0</v>
      </c>
      <c r="AX30" s="193">
        <v>0</v>
      </c>
      <c r="AY30" s="191">
        <v>250</v>
      </c>
      <c r="AZ30" s="191">
        <v>354</v>
      </c>
      <c r="BA30" s="191">
        <v>275</v>
      </c>
      <c r="BB30" s="191">
        <v>157</v>
      </c>
      <c r="BC30" s="191">
        <v>40</v>
      </c>
      <c r="BD30" s="194">
        <v>1076</v>
      </c>
      <c r="BE30" s="195">
        <v>1076</v>
      </c>
      <c r="BF30" s="190">
        <v>0</v>
      </c>
      <c r="BG30" s="191">
        <v>0</v>
      </c>
      <c r="BH30" s="196">
        <v>0</v>
      </c>
      <c r="BI30" s="193">
        <v>0</v>
      </c>
      <c r="BJ30" s="191">
        <v>74</v>
      </c>
      <c r="BK30" s="191">
        <v>122</v>
      </c>
      <c r="BL30" s="191">
        <v>34</v>
      </c>
      <c r="BM30" s="191">
        <v>89</v>
      </c>
      <c r="BN30" s="191">
        <v>32</v>
      </c>
      <c r="BO30" s="196">
        <v>351</v>
      </c>
      <c r="BP30" s="195">
        <v>351</v>
      </c>
      <c r="BQ30" s="190">
        <v>0</v>
      </c>
      <c r="BR30" s="191">
        <v>4</v>
      </c>
      <c r="BS30" s="196">
        <v>4</v>
      </c>
      <c r="BT30" s="193">
        <v>0</v>
      </c>
      <c r="BU30" s="191">
        <v>18</v>
      </c>
      <c r="BV30" s="191">
        <v>28</v>
      </c>
      <c r="BW30" s="191">
        <v>27</v>
      </c>
      <c r="BX30" s="191">
        <v>60</v>
      </c>
      <c r="BY30" s="191">
        <v>43</v>
      </c>
      <c r="BZ30" s="196">
        <v>176</v>
      </c>
      <c r="CA30" s="195">
        <v>180</v>
      </c>
      <c r="CB30" s="190">
        <v>0</v>
      </c>
      <c r="CC30" s="191">
        <v>0</v>
      </c>
      <c r="CD30" s="196">
        <v>0</v>
      </c>
      <c r="CE30" s="193">
        <v>0</v>
      </c>
      <c r="CF30" s="191">
        <v>0</v>
      </c>
      <c r="CG30" s="191">
        <v>4</v>
      </c>
      <c r="CH30" s="191">
        <v>21</v>
      </c>
      <c r="CI30" s="191">
        <v>6</v>
      </c>
      <c r="CJ30" s="191">
        <v>3</v>
      </c>
      <c r="CK30" s="196">
        <v>34</v>
      </c>
      <c r="CL30" s="195">
        <v>34</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53</v>
      </c>
      <c r="H31" s="191">
        <v>392</v>
      </c>
      <c r="I31" s="191">
        <v>414</v>
      </c>
      <c r="J31" s="191">
        <v>1231</v>
      </c>
      <c r="K31" s="191">
        <v>852</v>
      </c>
      <c r="L31" s="194">
        <v>3142</v>
      </c>
      <c r="M31" s="195">
        <v>3142</v>
      </c>
      <c r="N31" s="190">
        <v>0</v>
      </c>
      <c r="O31" s="191">
        <v>0</v>
      </c>
      <c r="P31" s="196">
        <v>0</v>
      </c>
      <c r="Q31" s="193">
        <v>0</v>
      </c>
      <c r="R31" s="191">
        <v>0</v>
      </c>
      <c r="S31" s="191">
        <v>6</v>
      </c>
      <c r="T31" s="191">
        <v>0</v>
      </c>
      <c r="U31" s="191">
        <v>9</v>
      </c>
      <c r="V31" s="191">
        <v>53</v>
      </c>
      <c r="W31" s="196">
        <v>68</v>
      </c>
      <c r="X31" s="195">
        <v>68</v>
      </c>
      <c r="Y31" s="190">
        <v>12</v>
      </c>
      <c r="Z31" s="191">
        <v>34</v>
      </c>
      <c r="AA31" s="196">
        <v>46</v>
      </c>
      <c r="AB31" s="193">
        <v>0</v>
      </c>
      <c r="AC31" s="191">
        <v>210</v>
      </c>
      <c r="AD31" s="191">
        <v>282</v>
      </c>
      <c r="AE31" s="191">
        <v>161</v>
      </c>
      <c r="AF31" s="191">
        <v>155</v>
      </c>
      <c r="AG31" s="191">
        <v>138</v>
      </c>
      <c r="AH31" s="196">
        <v>946</v>
      </c>
      <c r="AI31" s="195">
        <v>992</v>
      </c>
      <c r="AJ31" s="190">
        <v>0</v>
      </c>
      <c r="AK31" s="191">
        <v>15</v>
      </c>
      <c r="AL31" s="196">
        <v>15</v>
      </c>
      <c r="AM31" s="193">
        <v>0</v>
      </c>
      <c r="AN31" s="191">
        <v>45</v>
      </c>
      <c r="AO31" s="191">
        <v>24</v>
      </c>
      <c r="AP31" s="191">
        <v>30</v>
      </c>
      <c r="AQ31" s="191">
        <v>19</v>
      </c>
      <c r="AR31" s="191">
        <v>0</v>
      </c>
      <c r="AS31" s="196">
        <v>118</v>
      </c>
      <c r="AT31" s="195">
        <v>133</v>
      </c>
      <c r="AU31" s="190">
        <v>0</v>
      </c>
      <c r="AV31" s="191">
        <v>0</v>
      </c>
      <c r="AW31" s="196">
        <v>0</v>
      </c>
      <c r="AX31" s="193">
        <v>0</v>
      </c>
      <c r="AY31" s="191">
        <v>302</v>
      </c>
      <c r="AZ31" s="191">
        <v>368</v>
      </c>
      <c r="BA31" s="191">
        <v>359</v>
      </c>
      <c r="BB31" s="191">
        <v>128</v>
      </c>
      <c r="BC31" s="191">
        <v>99</v>
      </c>
      <c r="BD31" s="194">
        <v>1256</v>
      </c>
      <c r="BE31" s="195">
        <v>1256</v>
      </c>
      <c r="BF31" s="190">
        <v>0</v>
      </c>
      <c r="BG31" s="191">
        <v>0</v>
      </c>
      <c r="BH31" s="196">
        <v>0</v>
      </c>
      <c r="BI31" s="193">
        <v>0</v>
      </c>
      <c r="BJ31" s="191">
        <v>56</v>
      </c>
      <c r="BK31" s="191">
        <v>104</v>
      </c>
      <c r="BL31" s="191">
        <v>132</v>
      </c>
      <c r="BM31" s="191">
        <v>20</v>
      </c>
      <c r="BN31" s="191">
        <v>10</v>
      </c>
      <c r="BO31" s="196">
        <v>322</v>
      </c>
      <c r="BP31" s="195">
        <v>322</v>
      </c>
      <c r="BQ31" s="190">
        <v>0</v>
      </c>
      <c r="BR31" s="191">
        <v>0</v>
      </c>
      <c r="BS31" s="196">
        <v>0</v>
      </c>
      <c r="BT31" s="193">
        <v>0</v>
      </c>
      <c r="BU31" s="191">
        <v>23</v>
      </c>
      <c r="BV31" s="191">
        <v>63</v>
      </c>
      <c r="BW31" s="191">
        <v>113</v>
      </c>
      <c r="BX31" s="191">
        <v>68</v>
      </c>
      <c r="BY31" s="191">
        <v>41</v>
      </c>
      <c r="BZ31" s="196">
        <v>308</v>
      </c>
      <c r="CA31" s="195">
        <v>308</v>
      </c>
      <c r="CB31" s="190">
        <v>0</v>
      </c>
      <c r="CC31" s="191">
        <v>0</v>
      </c>
      <c r="CD31" s="196">
        <v>0</v>
      </c>
      <c r="CE31" s="193">
        <v>0</v>
      </c>
      <c r="CF31" s="191">
        <v>0</v>
      </c>
      <c r="CG31" s="191">
        <v>2</v>
      </c>
      <c r="CH31" s="191">
        <v>6</v>
      </c>
      <c r="CI31" s="191">
        <v>3</v>
      </c>
      <c r="CJ31" s="191">
        <v>0</v>
      </c>
      <c r="CK31" s="196">
        <v>11</v>
      </c>
      <c r="CL31" s="195">
        <v>11</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256</v>
      </c>
      <c r="H32" s="191">
        <v>274</v>
      </c>
      <c r="I32" s="191">
        <v>648</v>
      </c>
      <c r="J32" s="191">
        <v>922</v>
      </c>
      <c r="K32" s="191">
        <v>554</v>
      </c>
      <c r="L32" s="194">
        <v>2654</v>
      </c>
      <c r="M32" s="195">
        <v>2654</v>
      </c>
      <c r="N32" s="190">
        <v>0</v>
      </c>
      <c r="O32" s="191">
        <v>0</v>
      </c>
      <c r="P32" s="196">
        <v>0</v>
      </c>
      <c r="Q32" s="193">
        <v>0</v>
      </c>
      <c r="R32" s="191">
        <v>4</v>
      </c>
      <c r="S32" s="191">
        <v>4</v>
      </c>
      <c r="T32" s="191">
        <v>18</v>
      </c>
      <c r="U32" s="191">
        <v>32</v>
      </c>
      <c r="V32" s="191">
        <v>13</v>
      </c>
      <c r="W32" s="196">
        <v>71</v>
      </c>
      <c r="X32" s="195">
        <v>71</v>
      </c>
      <c r="Y32" s="190">
        <v>22</v>
      </c>
      <c r="Z32" s="191">
        <v>56</v>
      </c>
      <c r="AA32" s="196">
        <v>78</v>
      </c>
      <c r="AB32" s="193">
        <v>0</v>
      </c>
      <c r="AC32" s="191">
        <v>273</v>
      </c>
      <c r="AD32" s="191">
        <v>173</v>
      </c>
      <c r="AE32" s="191">
        <v>147</v>
      </c>
      <c r="AF32" s="191">
        <v>91</v>
      </c>
      <c r="AG32" s="191">
        <v>50</v>
      </c>
      <c r="AH32" s="196">
        <v>734</v>
      </c>
      <c r="AI32" s="195">
        <v>812</v>
      </c>
      <c r="AJ32" s="190">
        <v>2</v>
      </c>
      <c r="AK32" s="191">
        <v>0</v>
      </c>
      <c r="AL32" s="196">
        <v>2</v>
      </c>
      <c r="AM32" s="193">
        <v>0</v>
      </c>
      <c r="AN32" s="191">
        <v>-3</v>
      </c>
      <c r="AO32" s="191">
        <v>11</v>
      </c>
      <c r="AP32" s="191">
        <v>0</v>
      </c>
      <c r="AQ32" s="191">
        <v>0</v>
      </c>
      <c r="AR32" s="191">
        <v>0</v>
      </c>
      <c r="AS32" s="196">
        <v>8</v>
      </c>
      <c r="AT32" s="195">
        <v>10</v>
      </c>
      <c r="AU32" s="190">
        <v>0</v>
      </c>
      <c r="AV32" s="191">
        <v>0</v>
      </c>
      <c r="AW32" s="196">
        <v>0</v>
      </c>
      <c r="AX32" s="193">
        <v>0</v>
      </c>
      <c r="AY32" s="191">
        <v>319</v>
      </c>
      <c r="AZ32" s="191">
        <v>238</v>
      </c>
      <c r="BA32" s="191">
        <v>169</v>
      </c>
      <c r="BB32" s="191">
        <v>147</v>
      </c>
      <c r="BC32" s="191">
        <v>50</v>
      </c>
      <c r="BD32" s="194">
        <v>923</v>
      </c>
      <c r="BE32" s="195">
        <v>923</v>
      </c>
      <c r="BF32" s="190">
        <v>0</v>
      </c>
      <c r="BG32" s="191">
        <v>0</v>
      </c>
      <c r="BH32" s="196">
        <v>0</v>
      </c>
      <c r="BI32" s="193">
        <v>0</v>
      </c>
      <c r="BJ32" s="191">
        <v>62</v>
      </c>
      <c r="BK32" s="191">
        <v>58</v>
      </c>
      <c r="BL32" s="191">
        <v>20</v>
      </c>
      <c r="BM32" s="191">
        <v>39</v>
      </c>
      <c r="BN32" s="191">
        <v>9</v>
      </c>
      <c r="BO32" s="196">
        <v>188</v>
      </c>
      <c r="BP32" s="195">
        <v>188</v>
      </c>
      <c r="BQ32" s="190">
        <v>2</v>
      </c>
      <c r="BR32" s="191">
        <v>0</v>
      </c>
      <c r="BS32" s="196">
        <v>2</v>
      </c>
      <c r="BT32" s="193">
        <v>0</v>
      </c>
      <c r="BU32" s="191">
        <v>31</v>
      </c>
      <c r="BV32" s="191">
        <v>139</v>
      </c>
      <c r="BW32" s="191">
        <v>173</v>
      </c>
      <c r="BX32" s="191">
        <v>52</v>
      </c>
      <c r="BY32" s="191">
        <v>4</v>
      </c>
      <c r="BZ32" s="196">
        <v>399</v>
      </c>
      <c r="CA32" s="195">
        <v>401</v>
      </c>
      <c r="CB32" s="190">
        <v>0</v>
      </c>
      <c r="CC32" s="191">
        <v>0</v>
      </c>
      <c r="CD32" s="196">
        <v>0</v>
      </c>
      <c r="CE32" s="193">
        <v>0</v>
      </c>
      <c r="CF32" s="191">
        <v>0</v>
      </c>
      <c r="CG32" s="191">
        <v>17</v>
      </c>
      <c r="CH32" s="191">
        <v>19</v>
      </c>
      <c r="CI32" s="191">
        <v>2</v>
      </c>
      <c r="CJ32" s="191">
        <v>4</v>
      </c>
      <c r="CK32" s="196">
        <v>42</v>
      </c>
      <c r="CL32" s="195">
        <v>42</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10</v>
      </c>
      <c r="H33" s="191">
        <v>250</v>
      </c>
      <c r="I33" s="191">
        <v>208</v>
      </c>
      <c r="J33" s="191">
        <v>331</v>
      </c>
      <c r="K33" s="191">
        <v>206</v>
      </c>
      <c r="L33" s="194">
        <v>1105</v>
      </c>
      <c r="M33" s="195">
        <v>1105</v>
      </c>
      <c r="N33" s="190">
        <v>0</v>
      </c>
      <c r="O33" s="191">
        <v>0</v>
      </c>
      <c r="P33" s="196">
        <v>0</v>
      </c>
      <c r="Q33" s="193">
        <v>0</v>
      </c>
      <c r="R33" s="191">
        <v>15</v>
      </c>
      <c r="S33" s="191">
        <v>5</v>
      </c>
      <c r="T33" s="191">
        <v>18</v>
      </c>
      <c r="U33" s="191">
        <v>28</v>
      </c>
      <c r="V33" s="191">
        <v>29</v>
      </c>
      <c r="W33" s="196">
        <v>95</v>
      </c>
      <c r="X33" s="195">
        <v>95</v>
      </c>
      <c r="Y33" s="190">
        <v>4</v>
      </c>
      <c r="Z33" s="191">
        <v>24</v>
      </c>
      <c r="AA33" s="196">
        <v>28</v>
      </c>
      <c r="AB33" s="193">
        <v>0</v>
      </c>
      <c r="AC33" s="191">
        <v>194</v>
      </c>
      <c r="AD33" s="191">
        <v>89</v>
      </c>
      <c r="AE33" s="191">
        <v>152</v>
      </c>
      <c r="AF33" s="191">
        <v>142</v>
      </c>
      <c r="AG33" s="191">
        <v>76</v>
      </c>
      <c r="AH33" s="196">
        <v>653</v>
      </c>
      <c r="AI33" s="195">
        <v>681</v>
      </c>
      <c r="AJ33" s="190">
        <v>15</v>
      </c>
      <c r="AK33" s="191">
        <v>21</v>
      </c>
      <c r="AL33" s="196">
        <v>36</v>
      </c>
      <c r="AM33" s="193">
        <v>0</v>
      </c>
      <c r="AN33" s="191">
        <v>36</v>
      </c>
      <c r="AO33" s="191">
        <v>12</v>
      </c>
      <c r="AP33" s="191">
        <v>33</v>
      </c>
      <c r="AQ33" s="191">
        <v>36</v>
      </c>
      <c r="AR33" s="191">
        <v>0</v>
      </c>
      <c r="AS33" s="196">
        <v>117</v>
      </c>
      <c r="AT33" s="195">
        <v>153</v>
      </c>
      <c r="AU33" s="190">
        <v>0</v>
      </c>
      <c r="AV33" s="191">
        <v>0</v>
      </c>
      <c r="AW33" s="196">
        <v>0</v>
      </c>
      <c r="AX33" s="193">
        <v>0</v>
      </c>
      <c r="AY33" s="191">
        <v>424</v>
      </c>
      <c r="AZ33" s="191">
        <v>401</v>
      </c>
      <c r="BA33" s="191">
        <v>158</v>
      </c>
      <c r="BB33" s="191">
        <v>70</v>
      </c>
      <c r="BC33" s="191">
        <v>61</v>
      </c>
      <c r="BD33" s="194">
        <v>1114</v>
      </c>
      <c r="BE33" s="195">
        <v>1114</v>
      </c>
      <c r="BF33" s="190">
        <v>0</v>
      </c>
      <c r="BG33" s="191">
        <v>0</v>
      </c>
      <c r="BH33" s="196">
        <v>0</v>
      </c>
      <c r="BI33" s="193">
        <v>0</v>
      </c>
      <c r="BJ33" s="191">
        <v>50</v>
      </c>
      <c r="BK33" s="191">
        <v>57</v>
      </c>
      <c r="BL33" s="191">
        <v>88</v>
      </c>
      <c r="BM33" s="191">
        <v>18</v>
      </c>
      <c r="BN33" s="191">
        <v>13</v>
      </c>
      <c r="BO33" s="196">
        <v>226</v>
      </c>
      <c r="BP33" s="195">
        <v>226</v>
      </c>
      <c r="BQ33" s="190">
        <v>0</v>
      </c>
      <c r="BR33" s="191">
        <v>7</v>
      </c>
      <c r="BS33" s="196">
        <v>7</v>
      </c>
      <c r="BT33" s="193">
        <v>0</v>
      </c>
      <c r="BU33" s="191">
        <v>30</v>
      </c>
      <c r="BV33" s="191">
        <v>54</v>
      </c>
      <c r="BW33" s="191">
        <v>199</v>
      </c>
      <c r="BX33" s="191">
        <v>81</v>
      </c>
      <c r="BY33" s="191">
        <v>10</v>
      </c>
      <c r="BZ33" s="196">
        <v>374</v>
      </c>
      <c r="CA33" s="195">
        <v>381</v>
      </c>
      <c r="CB33" s="190">
        <v>0</v>
      </c>
      <c r="CC33" s="191">
        <v>0</v>
      </c>
      <c r="CD33" s="196">
        <v>0</v>
      </c>
      <c r="CE33" s="193">
        <v>0</v>
      </c>
      <c r="CF33" s="191">
        <v>14</v>
      </c>
      <c r="CG33" s="191">
        <v>4</v>
      </c>
      <c r="CH33" s="191">
        <v>21</v>
      </c>
      <c r="CI33" s="191">
        <v>0</v>
      </c>
      <c r="CJ33" s="191">
        <v>8</v>
      </c>
      <c r="CK33" s="196">
        <v>47</v>
      </c>
      <c r="CL33" s="195">
        <v>47</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89</v>
      </c>
      <c r="H34" s="191">
        <v>364</v>
      </c>
      <c r="I34" s="191">
        <v>528</v>
      </c>
      <c r="J34" s="191">
        <v>299</v>
      </c>
      <c r="K34" s="191">
        <v>658</v>
      </c>
      <c r="L34" s="194">
        <v>2338</v>
      </c>
      <c r="M34" s="195">
        <v>2338</v>
      </c>
      <c r="N34" s="190">
        <v>0</v>
      </c>
      <c r="O34" s="191">
        <v>0</v>
      </c>
      <c r="P34" s="196">
        <v>0</v>
      </c>
      <c r="Q34" s="193">
        <v>0</v>
      </c>
      <c r="R34" s="191">
        <v>0</v>
      </c>
      <c r="S34" s="191">
        <v>0</v>
      </c>
      <c r="T34" s="191">
        <v>7</v>
      </c>
      <c r="U34" s="191">
        <v>37</v>
      </c>
      <c r="V34" s="191">
        <v>33</v>
      </c>
      <c r="W34" s="196">
        <v>77</v>
      </c>
      <c r="X34" s="195">
        <v>77</v>
      </c>
      <c r="Y34" s="190">
        <v>35</v>
      </c>
      <c r="Z34" s="191">
        <v>53</v>
      </c>
      <c r="AA34" s="196">
        <v>88</v>
      </c>
      <c r="AB34" s="193">
        <v>0</v>
      </c>
      <c r="AC34" s="191">
        <v>323</v>
      </c>
      <c r="AD34" s="191">
        <v>245</v>
      </c>
      <c r="AE34" s="191">
        <v>97</v>
      </c>
      <c r="AF34" s="191">
        <v>82</v>
      </c>
      <c r="AG34" s="191">
        <v>146</v>
      </c>
      <c r="AH34" s="196">
        <v>893</v>
      </c>
      <c r="AI34" s="195">
        <v>981</v>
      </c>
      <c r="AJ34" s="190">
        <v>0</v>
      </c>
      <c r="AK34" s="191">
        <v>0</v>
      </c>
      <c r="AL34" s="196">
        <v>0</v>
      </c>
      <c r="AM34" s="193">
        <v>0</v>
      </c>
      <c r="AN34" s="191">
        <v>51</v>
      </c>
      <c r="AO34" s="191">
        <v>21</v>
      </c>
      <c r="AP34" s="191">
        <v>0</v>
      </c>
      <c r="AQ34" s="191">
        <v>39</v>
      </c>
      <c r="AR34" s="191">
        <v>27</v>
      </c>
      <c r="AS34" s="196">
        <v>138</v>
      </c>
      <c r="AT34" s="195">
        <v>138</v>
      </c>
      <c r="AU34" s="190">
        <v>0</v>
      </c>
      <c r="AV34" s="191">
        <v>0</v>
      </c>
      <c r="AW34" s="196">
        <v>0</v>
      </c>
      <c r="AX34" s="193">
        <v>0</v>
      </c>
      <c r="AY34" s="191">
        <v>417</v>
      </c>
      <c r="AZ34" s="191">
        <v>568</v>
      </c>
      <c r="BA34" s="191">
        <v>258</v>
      </c>
      <c r="BB34" s="191">
        <v>188</v>
      </c>
      <c r="BC34" s="191">
        <v>109</v>
      </c>
      <c r="BD34" s="194">
        <v>1540</v>
      </c>
      <c r="BE34" s="195">
        <v>1540</v>
      </c>
      <c r="BF34" s="190">
        <v>0</v>
      </c>
      <c r="BG34" s="191">
        <v>0</v>
      </c>
      <c r="BH34" s="196">
        <v>0</v>
      </c>
      <c r="BI34" s="193">
        <v>0</v>
      </c>
      <c r="BJ34" s="191">
        <v>53</v>
      </c>
      <c r="BK34" s="191">
        <v>85</v>
      </c>
      <c r="BL34" s="191">
        <v>24</v>
      </c>
      <c r="BM34" s="191">
        <v>39</v>
      </c>
      <c r="BN34" s="191">
        <v>26</v>
      </c>
      <c r="BO34" s="196">
        <v>227</v>
      </c>
      <c r="BP34" s="195">
        <v>227</v>
      </c>
      <c r="BQ34" s="190">
        <v>0</v>
      </c>
      <c r="BR34" s="191">
        <v>5</v>
      </c>
      <c r="BS34" s="196">
        <v>5</v>
      </c>
      <c r="BT34" s="193">
        <v>0</v>
      </c>
      <c r="BU34" s="191">
        <v>9</v>
      </c>
      <c r="BV34" s="191">
        <v>78</v>
      </c>
      <c r="BW34" s="191">
        <v>100</v>
      </c>
      <c r="BX34" s="191">
        <v>49</v>
      </c>
      <c r="BY34" s="191">
        <v>71</v>
      </c>
      <c r="BZ34" s="196">
        <v>307</v>
      </c>
      <c r="CA34" s="195">
        <v>312</v>
      </c>
      <c r="CB34" s="190">
        <v>0</v>
      </c>
      <c r="CC34" s="191">
        <v>0</v>
      </c>
      <c r="CD34" s="196">
        <v>0</v>
      </c>
      <c r="CE34" s="193">
        <v>0</v>
      </c>
      <c r="CF34" s="191">
        <v>0</v>
      </c>
      <c r="CG34" s="191">
        <v>13</v>
      </c>
      <c r="CH34" s="191">
        <v>0</v>
      </c>
      <c r="CI34" s="191">
        <v>0</v>
      </c>
      <c r="CJ34" s="191">
        <v>14</v>
      </c>
      <c r="CK34" s="196">
        <v>27</v>
      </c>
      <c r="CL34" s="195">
        <v>27</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436</v>
      </c>
      <c r="H35" s="191">
        <v>243</v>
      </c>
      <c r="I35" s="191">
        <v>456</v>
      </c>
      <c r="J35" s="191">
        <v>62</v>
      </c>
      <c r="K35" s="191">
        <v>615</v>
      </c>
      <c r="L35" s="194">
        <v>1812</v>
      </c>
      <c r="M35" s="195">
        <v>1812</v>
      </c>
      <c r="N35" s="190">
        <v>0</v>
      </c>
      <c r="O35" s="191">
        <v>0</v>
      </c>
      <c r="P35" s="196">
        <v>0</v>
      </c>
      <c r="Q35" s="193">
        <v>0</v>
      </c>
      <c r="R35" s="191">
        <v>9</v>
      </c>
      <c r="S35" s="191">
        <v>2</v>
      </c>
      <c r="T35" s="191">
        <v>2</v>
      </c>
      <c r="U35" s="191">
        <v>10</v>
      </c>
      <c r="V35" s="191">
        <v>19</v>
      </c>
      <c r="W35" s="196">
        <v>42</v>
      </c>
      <c r="X35" s="195">
        <v>42</v>
      </c>
      <c r="Y35" s="190">
        <v>0</v>
      </c>
      <c r="Z35" s="191">
        <v>24</v>
      </c>
      <c r="AA35" s="196">
        <v>24</v>
      </c>
      <c r="AB35" s="193">
        <v>0</v>
      </c>
      <c r="AC35" s="191">
        <v>235</v>
      </c>
      <c r="AD35" s="191">
        <v>80</v>
      </c>
      <c r="AE35" s="191">
        <v>39</v>
      </c>
      <c r="AF35" s="191">
        <v>27</v>
      </c>
      <c r="AG35" s="191">
        <v>48</v>
      </c>
      <c r="AH35" s="196">
        <v>429</v>
      </c>
      <c r="AI35" s="195">
        <v>453</v>
      </c>
      <c r="AJ35" s="190">
        <v>102</v>
      </c>
      <c r="AK35" s="191">
        <v>212</v>
      </c>
      <c r="AL35" s="196">
        <v>314</v>
      </c>
      <c r="AM35" s="193">
        <v>0</v>
      </c>
      <c r="AN35" s="191">
        <v>583</v>
      </c>
      <c r="AO35" s="191">
        <v>280</v>
      </c>
      <c r="AP35" s="191">
        <v>190</v>
      </c>
      <c r="AQ35" s="191">
        <v>79</v>
      </c>
      <c r="AR35" s="191">
        <v>42</v>
      </c>
      <c r="AS35" s="196">
        <v>1174</v>
      </c>
      <c r="AT35" s="195">
        <v>1488</v>
      </c>
      <c r="AU35" s="190">
        <v>0</v>
      </c>
      <c r="AV35" s="191">
        <v>0</v>
      </c>
      <c r="AW35" s="196">
        <v>0</v>
      </c>
      <c r="AX35" s="193">
        <v>0</v>
      </c>
      <c r="AY35" s="191">
        <v>75</v>
      </c>
      <c r="AZ35" s="191">
        <v>75</v>
      </c>
      <c r="BA35" s="191">
        <v>66</v>
      </c>
      <c r="BB35" s="191">
        <v>27</v>
      </c>
      <c r="BC35" s="191">
        <v>56</v>
      </c>
      <c r="BD35" s="194">
        <v>299</v>
      </c>
      <c r="BE35" s="195">
        <v>299</v>
      </c>
      <c r="BF35" s="190">
        <v>0</v>
      </c>
      <c r="BG35" s="191">
        <v>0</v>
      </c>
      <c r="BH35" s="196">
        <v>0</v>
      </c>
      <c r="BI35" s="193">
        <v>0</v>
      </c>
      <c r="BJ35" s="191">
        <v>226</v>
      </c>
      <c r="BK35" s="191">
        <v>92</v>
      </c>
      <c r="BL35" s="191">
        <v>69</v>
      </c>
      <c r="BM35" s="191">
        <v>8</v>
      </c>
      <c r="BN35" s="191">
        <v>17</v>
      </c>
      <c r="BO35" s="196">
        <v>412</v>
      </c>
      <c r="BP35" s="195">
        <v>412</v>
      </c>
      <c r="BQ35" s="190">
        <v>0</v>
      </c>
      <c r="BR35" s="191">
        <v>0</v>
      </c>
      <c r="BS35" s="196">
        <v>0</v>
      </c>
      <c r="BT35" s="193">
        <v>0</v>
      </c>
      <c r="BU35" s="191">
        <v>10</v>
      </c>
      <c r="BV35" s="191">
        <v>30</v>
      </c>
      <c r="BW35" s="191">
        <v>115</v>
      </c>
      <c r="BX35" s="191">
        <v>113</v>
      </c>
      <c r="BY35" s="191">
        <v>33</v>
      </c>
      <c r="BZ35" s="196">
        <v>301</v>
      </c>
      <c r="CA35" s="195">
        <v>301</v>
      </c>
      <c r="CB35" s="190">
        <v>0</v>
      </c>
      <c r="CC35" s="191">
        <v>0</v>
      </c>
      <c r="CD35" s="196">
        <v>0</v>
      </c>
      <c r="CE35" s="193">
        <v>0</v>
      </c>
      <c r="CF35" s="191">
        <v>19</v>
      </c>
      <c r="CG35" s="191">
        <v>16</v>
      </c>
      <c r="CH35" s="191">
        <v>0</v>
      </c>
      <c r="CI35" s="191">
        <v>16</v>
      </c>
      <c r="CJ35" s="191">
        <v>0</v>
      </c>
      <c r="CK35" s="196">
        <v>51</v>
      </c>
      <c r="CL35" s="195">
        <v>51</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218</v>
      </c>
      <c r="H36" s="191">
        <v>170</v>
      </c>
      <c r="I36" s="191">
        <v>105</v>
      </c>
      <c r="J36" s="191">
        <v>305</v>
      </c>
      <c r="K36" s="191">
        <v>162</v>
      </c>
      <c r="L36" s="194">
        <v>960</v>
      </c>
      <c r="M36" s="195">
        <v>960</v>
      </c>
      <c r="N36" s="190">
        <v>0</v>
      </c>
      <c r="O36" s="191">
        <v>0</v>
      </c>
      <c r="P36" s="196">
        <v>0</v>
      </c>
      <c r="Q36" s="193">
        <v>0</v>
      </c>
      <c r="R36" s="191">
        <v>0</v>
      </c>
      <c r="S36" s="191">
        <v>5</v>
      </c>
      <c r="T36" s="191">
        <v>0</v>
      </c>
      <c r="U36" s="191">
        <v>5</v>
      </c>
      <c r="V36" s="191">
        <v>46</v>
      </c>
      <c r="W36" s="196">
        <v>56</v>
      </c>
      <c r="X36" s="195">
        <v>56</v>
      </c>
      <c r="Y36" s="190">
        <v>13</v>
      </c>
      <c r="Z36" s="191">
        <v>62</v>
      </c>
      <c r="AA36" s="196">
        <v>75</v>
      </c>
      <c r="AB36" s="193">
        <v>0</v>
      </c>
      <c r="AC36" s="191">
        <v>232</v>
      </c>
      <c r="AD36" s="191">
        <v>134</v>
      </c>
      <c r="AE36" s="191">
        <v>32</v>
      </c>
      <c r="AF36" s="191">
        <v>84</v>
      </c>
      <c r="AG36" s="191">
        <v>119</v>
      </c>
      <c r="AH36" s="196">
        <v>601</v>
      </c>
      <c r="AI36" s="195">
        <v>676</v>
      </c>
      <c r="AJ36" s="190">
        <v>12</v>
      </c>
      <c r="AK36" s="191">
        <v>0</v>
      </c>
      <c r="AL36" s="196">
        <v>12</v>
      </c>
      <c r="AM36" s="193">
        <v>0</v>
      </c>
      <c r="AN36" s="191">
        <v>93</v>
      </c>
      <c r="AO36" s="191">
        <v>34</v>
      </c>
      <c r="AP36" s="191">
        <v>47</v>
      </c>
      <c r="AQ36" s="191">
        <v>10</v>
      </c>
      <c r="AR36" s="191">
        <v>36</v>
      </c>
      <c r="AS36" s="196">
        <v>220</v>
      </c>
      <c r="AT36" s="195">
        <v>232</v>
      </c>
      <c r="AU36" s="190">
        <v>0</v>
      </c>
      <c r="AV36" s="191">
        <v>0</v>
      </c>
      <c r="AW36" s="196">
        <v>0</v>
      </c>
      <c r="AX36" s="193">
        <v>0</v>
      </c>
      <c r="AY36" s="191">
        <v>318</v>
      </c>
      <c r="AZ36" s="191">
        <v>202</v>
      </c>
      <c r="BA36" s="191">
        <v>238</v>
      </c>
      <c r="BB36" s="191">
        <v>77</v>
      </c>
      <c r="BC36" s="191">
        <v>26</v>
      </c>
      <c r="BD36" s="194">
        <v>861</v>
      </c>
      <c r="BE36" s="195">
        <v>861</v>
      </c>
      <c r="BF36" s="190">
        <v>0</v>
      </c>
      <c r="BG36" s="191">
        <v>0</v>
      </c>
      <c r="BH36" s="196">
        <v>0</v>
      </c>
      <c r="BI36" s="193">
        <v>0</v>
      </c>
      <c r="BJ36" s="191">
        <v>63</v>
      </c>
      <c r="BK36" s="191">
        <v>20</v>
      </c>
      <c r="BL36" s="191">
        <v>16</v>
      </c>
      <c r="BM36" s="191">
        <v>5</v>
      </c>
      <c r="BN36" s="191">
        <v>0</v>
      </c>
      <c r="BO36" s="196">
        <v>104</v>
      </c>
      <c r="BP36" s="195">
        <v>104</v>
      </c>
      <c r="BQ36" s="190">
        <v>0</v>
      </c>
      <c r="BR36" s="191">
        <v>0</v>
      </c>
      <c r="BS36" s="196">
        <v>0</v>
      </c>
      <c r="BT36" s="193">
        <v>0</v>
      </c>
      <c r="BU36" s="191">
        <v>20</v>
      </c>
      <c r="BV36" s="191">
        <v>4</v>
      </c>
      <c r="BW36" s="191">
        <v>41</v>
      </c>
      <c r="BX36" s="191">
        <v>61</v>
      </c>
      <c r="BY36" s="191">
        <v>11</v>
      </c>
      <c r="BZ36" s="196">
        <v>137</v>
      </c>
      <c r="CA36" s="195">
        <v>137</v>
      </c>
      <c r="CB36" s="190">
        <v>0</v>
      </c>
      <c r="CC36" s="191">
        <v>0</v>
      </c>
      <c r="CD36" s="196">
        <v>0</v>
      </c>
      <c r="CE36" s="193">
        <v>0</v>
      </c>
      <c r="CF36" s="191">
        <v>3</v>
      </c>
      <c r="CG36" s="191">
        <v>6</v>
      </c>
      <c r="CH36" s="191">
        <v>0</v>
      </c>
      <c r="CI36" s="191">
        <v>0</v>
      </c>
      <c r="CJ36" s="191">
        <v>0</v>
      </c>
      <c r="CK36" s="196">
        <v>9</v>
      </c>
      <c r="CL36" s="195">
        <v>9</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419</v>
      </c>
      <c r="H37" s="191">
        <v>1035</v>
      </c>
      <c r="I37" s="191">
        <v>1510</v>
      </c>
      <c r="J37" s="191">
        <v>1310</v>
      </c>
      <c r="K37" s="191">
        <v>1115</v>
      </c>
      <c r="L37" s="194">
        <v>6389</v>
      </c>
      <c r="M37" s="195">
        <v>6389</v>
      </c>
      <c r="N37" s="190">
        <v>0</v>
      </c>
      <c r="O37" s="191">
        <v>0</v>
      </c>
      <c r="P37" s="196">
        <v>0</v>
      </c>
      <c r="Q37" s="193">
        <v>0</v>
      </c>
      <c r="R37" s="191">
        <v>4</v>
      </c>
      <c r="S37" s="191">
        <v>20</v>
      </c>
      <c r="T37" s="191">
        <v>15</v>
      </c>
      <c r="U37" s="191">
        <v>53</v>
      </c>
      <c r="V37" s="191">
        <v>64</v>
      </c>
      <c r="W37" s="196">
        <v>156</v>
      </c>
      <c r="X37" s="195">
        <v>156</v>
      </c>
      <c r="Y37" s="190">
        <v>43</v>
      </c>
      <c r="Z37" s="191">
        <v>115</v>
      </c>
      <c r="AA37" s="196">
        <v>158</v>
      </c>
      <c r="AB37" s="193">
        <v>0</v>
      </c>
      <c r="AC37" s="191">
        <v>587</v>
      </c>
      <c r="AD37" s="191">
        <v>321</v>
      </c>
      <c r="AE37" s="191">
        <v>322</v>
      </c>
      <c r="AF37" s="191">
        <v>167</v>
      </c>
      <c r="AG37" s="191">
        <v>326</v>
      </c>
      <c r="AH37" s="196">
        <v>1723</v>
      </c>
      <c r="AI37" s="195">
        <v>1881</v>
      </c>
      <c r="AJ37" s="190">
        <v>59</v>
      </c>
      <c r="AK37" s="191">
        <v>199</v>
      </c>
      <c r="AL37" s="196">
        <v>258</v>
      </c>
      <c r="AM37" s="193">
        <v>0</v>
      </c>
      <c r="AN37" s="191">
        <v>290</v>
      </c>
      <c r="AO37" s="191">
        <v>176</v>
      </c>
      <c r="AP37" s="191">
        <v>74</v>
      </c>
      <c r="AQ37" s="191">
        <v>135</v>
      </c>
      <c r="AR37" s="191">
        <v>98</v>
      </c>
      <c r="AS37" s="196">
        <v>773</v>
      </c>
      <c r="AT37" s="195">
        <v>1031</v>
      </c>
      <c r="AU37" s="190">
        <v>0</v>
      </c>
      <c r="AV37" s="191">
        <v>0</v>
      </c>
      <c r="AW37" s="196">
        <v>0</v>
      </c>
      <c r="AX37" s="193">
        <v>0</v>
      </c>
      <c r="AY37" s="191">
        <v>1415</v>
      </c>
      <c r="AZ37" s="191">
        <v>932</v>
      </c>
      <c r="BA37" s="191">
        <v>720</v>
      </c>
      <c r="BB37" s="191">
        <v>526</v>
      </c>
      <c r="BC37" s="191">
        <v>309</v>
      </c>
      <c r="BD37" s="194">
        <v>3902</v>
      </c>
      <c r="BE37" s="195">
        <v>3902</v>
      </c>
      <c r="BF37" s="190">
        <v>0</v>
      </c>
      <c r="BG37" s="191">
        <v>0</v>
      </c>
      <c r="BH37" s="196">
        <v>0</v>
      </c>
      <c r="BI37" s="193">
        <v>0</v>
      </c>
      <c r="BJ37" s="191">
        <v>501</v>
      </c>
      <c r="BK37" s="191">
        <v>252</v>
      </c>
      <c r="BL37" s="191">
        <v>101</v>
      </c>
      <c r="BM37" s="191">
        <v>80</v>
      </c>
      <c r="BN37" s="191">
        <v>8</v>
      </c>
      <c r="BO37" s="196">
        <v>942</v>
      </c>
      <c r="BP37" s="195">
        <v>942</v>
      </c>
      <c r="BQ37" s="190">
        <v>3</v>
      </c>
      <c r="BR37" s="191">
        <v>0</v>
      </c>
      <c r="BS37" s="196">
        <v>3</v>
      </c>
      <c r="BT37" s="193">
        <v>0</v>
      </c>
      <c r="BU37" s="191">
        <v>92</v>
      </c>
      <c r="BV37" s="191">
        <v>27</v>
      </c>
      <c r="BW37" s="191">
        <v>155</v>
      </c>
      <c r="BX37" s="191">
        <v>144</v>
      </c>
      <c r="BY37" s="191">
        <v>53</v>
      </c>
      <c r="BZ37" s="196">
        <v>471</v>
      </c>
      <c r="CA37" s="195">
        <v>474</v>
      </c>
      <c r="CB37" s="190">
        <v>0</v>
      </c>
      <c r="CC37" s="191">
        <v>0</v>
      </c>
      <c r="CD37" s="196">
        <v>0</v>
      </c>
      <c r="CE37" s="193">
        <v>0</v>
      </c>
      <c r="CF37" s="191">
        <v>17</v>
      </c>
      <c r="CG37" s="191">
        <v>23</v>
      </c>
      <c r="CH37" s="191">
        <v>19</v>
      </c>
      <c r="CI37" s="191">
        <v>8</v>
      </c>
      <c r="CJ37" s="191">
        <v>5</v>
      </c>
      <c r="CK37" s="196">
        <v>72</v>
      </c>
      <c r="CL37" s="195">
        <v>72</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770</v>
      </c>
      <c r="H38" s="191">
        <v>1656</v>
      </c>
      <c r="I38" s="191">
        <v>1542</v>
      </c>
      <c r="J38" s="191">
        <v>1176</v>
      </c>
      <c r="K38" s="191">
        <v>2873</v>
      </c>
      <c r="L38" s="194">
        <v>8017</v>
      </c>
      <c r="M38" s="195">
        <v>8017</v>
      </c>
      <c r="N38" s="190">
        <v>0</v>
      </c>
      <c r="O38" s="191">
        <v>4</v>
      </c>
      <c r="P38" s="196">
        <v>4</v>
      </c>
      <c r="Q38" s="193">
        <v>0</v>
      </c>
      <c r="R38" s="191">
        <v>5</v>
      </c>
      <c r="S38" s="191">
        <v>18</v>
      </c>
      <c r="T38" s="191">
        <v>56</v>
      </c>
      <c r="U38" s="191">
        <v>55</v>
      </c>
      <c r="V38" s="191">
        <v>50</v>
      </c>
      <c r="W38" s="196">
        <v>184</v>
      </c>
      <c r="X38" s="195">
        <v>188</v>
      </c>
      <c r="Y38" s="190">
        <v>36</v>
      </c>
      <c r="Z38" s="191">
        <v>133</v>
      </c>
      <c r="AA38" s="196">
        <v>169</v>
      </c>
      <c r="AB38" s="193">
        <v>0</v>
      </c>
      <c r="AC38" s="191">
        <v>514</v>
      </c>
      <c r="AD38" s="191">
        <v>557</v>
      </c>
      <c r="AE38" s="191">
        <v>490</v>
      </c>
      <c r="AF38" s="191">
        <v>398</v>
      </c>
      <c r="AG38" s="191">
        <v>363</v>
      </c>
      <c r="AH38" s="196">
        <v>2322</v>
      </c>
      <c r="AI38" s="195">
        <v>2491</v>
      </c>
      <c r="AJ38" s="190">
        <v>6</v>
      </c>
      <c r="AK38" s="191">
        <v>164</v>
      </c>
      <c r="AL38" s="196">
        <v>170</v>
      </c>
      <c r="AM38" s="193">
        <v>0</v>
      </c>
      <c r="AN38" s="191">
        <v>195</v>
      </c>
      <c r="AO38" s="191">
        <v>221</v>
      </c>
      <c r="AP38" s="191">
        <v>117</v>
      </c>
      <c r="AQ38" s="191">
        <v>77</v>
      </c>
      <c r="AR38" s="191">
        <v>65</v>
      </c>
      <c r="AS38" s="196">
        <v>675</v>
      </c>
      <c r="AT38" s="195">
        <v>845</v>
      </c>
      <c r="AU38" s="190">
        <v>0</v>
      </c>
      <c r="AV38" s="191">
        <v>0</v>
      </c>
      <c r="AW38" s="196">
        <v>0</v>
      </c>
      <c r="AX38" s="193">
        <v>0</v>
      </c>
      <c r="AY38" s="191">
        <v>696</v>
      </c>
      <c r="AZ38" s="191">
        <v>914</v>
      </c>
      <c r="BA38" s="191">
        <v>491</v>
      </c>
      <c r="BB38" s="191">
        <v>264</v>
      </c>
      <c r="BC38" s="191">
        <v>243</v>
      </c>
      <c r="BD38" s="194">
        <v>2608</v>
      </c>
      <c r="BE38" s="195">
        <v>2608</v>
      </c>
      <c r="BF38" s="190">
        <v>0</v>
      </c>
      <c r="BG38" s="191">
        <v>0</v>
      </c>
      <c r="BH38" s="196">
        <v>0</v>
      </c>
      <c r="BI38" s="193">
        <v>0</v>
      </c>
      <c r="BJ38" s="191">
        <v>213</v>
      </c>
      <c r="BK38" s="191">
        <v>332</v>
      </c>
      <c r="BL38" s="191">
        <v>183</v>
      </c>
      <c r="BM38" s="191">
        <v>78</v>
      </c>
      <c r="BN38" s="191">
        <v>15</v>
      </c>
      <c r="BO38" s="196">
        <v>821</v>
      </c>
      <c r="BP38" s="195">
        <v>821</v>
      </c>
      <c r="BQ38" s="190">
        <v>0</v>
      </c>
      <c r="BR38" s="191">
        <v>4</v>
      </c>
      <c r="BS38" s="196">
        <v>4</v>
      </c>
      <c r="BT38" s="193">
        <v>0</v>
      </c>
      <c r="BU38" s="191">
        <v>72</v>
      </c>
      <c r="BV38" s="191">
        <v>244</v>
      </c>
      <c r="BW38" s="191">
        <v>247</v>
      </c>
      <c r="BX38" s="191">
        <v>240</v>
      </c>
      <c r="BY38" s="191">
        <v>220</v>
      </c>
      <c r="BZ38" s="196">
        <v>1023</v>
      </c>
      <c r="CA38" s="195">
        <v>1027</v>
      </c>
      <c r="CB38" s="190">
        <v>0</v>
      </c>
      <c r="CC38" s="191">
        <v>0</v>
      </c>
      <c r="CD38" s="196">
        <v>0</v>
      </c>
      <c r="CE38" s="193">
        <v>0</v>
      </c>
      <c r="CF38" s="191">
        <v>7</v>
      </c>
      <c r="CG38" s="191">
        <v>7</v>
      </c>
      <c r="CH38" s="191">
        <v>2</v>
      </c>
      <c r="CI38" s="191">
        <v>7</v>
      </c>
      <c r="CJ38" s="191">
        <v>0</v>
      </c>
      <c r="CK38" s="196">
        <v>23</v>
      </c>
      <c r="CL38" s="195">
        <v>2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41</v>
      </c>
      <c r="H39" s="198">
        <v>45</v>
      </c>
      <c r="I39" s="198">
        <v>125</v>
      </c>
      <c r="J39" s="198">
        <v>83</v>
      </c>
      <c r="K39" s="198">
        <v>156</v>
      </c>
      <c r="L39" s="201">
        <v>450</v>
      </c>
      <c r="M39" s="202">
        <v>450</v>
      </c>
      <c r="N39" s="197">
        <v>0</v>
      </c>
      <c r="O39" s="198">
        <v>0</v>
      </c>
      <c r="P39" s="203">
        <v>0</v>
      </c>
      <c r="Q39" s="200">
        <v>0</v>
      </c>
      <c r="R39" s="198">
        <v>0</v>
      </c>
      <c r="S39" s="198">
        <v>0</v>
      </c>
      <c r="T39" s="198">
        <v>0</v>
      </c>
      <c r="U39" s="198">
        <v>0</v>
      </c>
      <c r="V39" s="198">
        <v>0</v>
      </c>
      <c r="W39" s="203">
        <v>0</v>
      </c>
      <c r="X39" s="202">
        <v>0</v>
      </c>
      <c r="Y39" s="197">
        <v>8</v>
      </c>
      <c r="Z39" s="198">
        <v>5</v>
      </c>
      <c r="AA39" s="203">
        <v>13</v>
      </c>
      <c r="AB39" s="200">
        <v>0</v>
      </c>
      <c r="AC39" s="198">
        <v>27</v>
      </c>
      <c r="AD39" s="198">
        <v>30</v>
      </c>
      <c r="AE39" s="198">
        <v>31</v>
      </c>
      <c r="AF39" s="198">
        <v>68</v>
      </c>
      <c r="AG39" s="198">
        <v>38</v>
      </c>
      <c r="AH39" s="203">
        <v>194</v>
      </c>
      <c r="AI39" s="202">
        <v>207</v>
      </c>
      <c r="AJ39" s="197">
        <v>0</v>
      </c>
      <c r="AK39" s="198">
        <v>0</v>
      </c>
      <c r="AL39" s="203">
        <v>0</v>
      </c>
      <c r="AM39" s="200">
        <v>0</v>
      </c>
      <c r="AN39" s="198">
        <v>6</v>
      </c>
      <c r="AO39" s="198">
        <v>10</v>
      </c>
      <c r="AP39" s="198">
        <v>0</v>
      </c>
      <c r="AQ39" s="198">
        <v>12</v>
      </c>
      <c r="AR39" s="198">
        <v>6</v>
      </c>
      <c r="AS39" s="203">
        <v>34</v>
      </c>
      <c r="AT39" s="202">
        <v>34</v>
      </c>
      <c r="AU39" s="197">
        <v>0</v>
      </c>
      <c r="AV39" s="198">
        <v>0</v>
      </c>
      <c r="AW39" s="203">
        <v>0</v>
      </c>
      <c r="AX39" s="200">
        <v>0</v>
      </c>
      <c r="AY39" s="198">
        <v>48</v>
      </c>
      <c r="AZ39" s="198">
        <v>35</v>
      </c>
      <c r="BA39" s="198">
        <v>61</v>
      </c>
      <c r="BB39" s="198">
        <v>26</v>
      </c>
      <c r="BC39" s="198">
        <v>4</v>
      </c>
      <c r="BD39" s="201">
        <v>174</v>
      </c>
      <c r="BE39" s="202">
        <v>174</v>
      </c>
      <c r="BF39" s="197">
        <v>0</v>
      </c>
      <c r="BG39" s="198">
        <v>0</v>
      </c>
      <c r="BH39" s="203">
        <v>0</v>
      </c>
      <c r="BI39" s="200">
        <v>0</v>
      </c>
      <c r="BJ39" s="198">
        <v>50</v>
      </c>
      <c r="BK39" s="198">
        <v>56</v>
      </c>
      <c r="BL39" s="198">
        <v>13</v>
      </c>
      <c r="BM39" s="198">
        <v>22</v>
      </c>
      <c r="BN39" s="198">
        <v>9</v>
      </c>
      <c r="BO39" s="203">
        <v>150</v>
      </c>
      <c r="BP39" s="202">
        <v>150</v>
      </c>
      <c r="BQ39" s="197">
        <v>0</v>
      </c>
      <c r="BR39" s="198">
        <v>0</v>
      </c>
      <c r="BS39" s="203">
        <v>0</v>
      </c>
      <c r="BT39" s="200">
        <v>0</v>
      </c>
      <c r="BU39" s="198">
        <v>0</v>
      </c>
      <c r="BV39" s="198">
        <v>13</v>
      </c>
      <c r="BW39" s="198">
        <v>50</v>
      </c>
      <c r="BX39" s="198">
        <v>3</v>
      </c>
      <c r="BY39" s="198">
        <v>0</v>
      </c>
      <c r="BZ39" s="203">
        <v>66</v>
      </c>
      <c r="CA39" s="202">
        <v>66</v>
      </c>
      <c r="CB39" s="197">
        <v>0</v>
      </c>
      <c r="CC39" s="198">
        <v>0</v>
      </c>
      <c r="CD39" s="203">
        <v>0</v>
      </c>
      <c r="CE39" s="200">
        <v>0</v>
      </c>
      <c r="CF39" s="198">
        <v>0</v>
      </c>
      <c r="CG39" s="198">
        <v>0</v>
      </c>
      <c r="CH39" s="198">
        <v>0</v>
      </c>
      <c r="CI39" s="198">
        <v>7</v>
      </c>
      <c r="CJ39" s="198">
        <v>4</v>
      </c>
      <c r="CK39" s="203">
        <v>11</v>
      </c>
      <c r="CL39" s="202">
        <v>11</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10-11T04:07:54Z</dcterms:modified>
</cp:coreProperties>
</file>